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worksheets/sheet28.xml" ContentType="application/vnd.openxmlformats-officedocument.spreadsheetml.worksheet+xml"/>
  <Override PartName="/xl/worksheets/sheet29.xml" ContentType="application/vnd.openxmlformats-officedocument.spreadsheetml.worksheet+xml"/>
  <Override PartName="/xl/worksheets/sheet30.xml" ContentType="application/vnd.openxmlformats-officedocument.spreadsheetml.worksheet+xml"/>
  <Override PartName="/xl/worksheets/sheet31.xml" ContentType="application/vnd.openxmlformats-officedocument.spreadsheetml.worksheet+xml"/>
  <Override PartName="/xl/worksheets/sheet32.xml" ContentType="application/vnd.openxmlformats-officedocument.spreadsheetml.worksheet+xml"/>
  <Override PartName="/xl/worksheets/sheet33.xml" ContentType="application/vnd.openxmlformats-officedocument.spreadsheetml.worksheet+xml"/>
  <Override PartName="/xl/worksheets/sheet34.xml" ContentType="application/vnd.openxmlformats-officedocument.spreadsheetml.worksheet+xml"/>
  <Override PartName="/xl/worksheets/sheet35.xml" ContentType="application/vnd.openxmlformats-officedocument.spreadsheetml.worksheet+xml"/>
  <Override PartName="/xl/worksheets/sheet36.xml" ContentType="application/vnd.openxmlformats-officedocument.spreadsheetml.worksheet+xml"/>
  <Override PartName="/xl/worksheets/sheet37.xml" ContentType="application/vnd.openxmlformats-officedocument.spreadsheetml.worksheet+xml"/>
  <Override PartName="/xl/worksheets/sheet38.xml" ContentType="application/vnd.openxmlformats-officedocument.spreadsheetml.worksheet+xml"/>
  <Override PartName="/xl/worksheets/sheet39.xml" ContentType="application/vnd.openxmlformats-officedocument.spreadsheetml.worksheet+xml"/>
  <Override PartName="/xl/worksheets/sheet40.xml" ContentType="application/vnd.openxmlformats-officedocument.spreadsheetml.worksheet+xml"/>
  <Override PartName="/xl/worksheets/sheet41.xml" ContentType="application/vnd.openxmlformats-officedocument.spreadsheetml.worksheet+xml"/>
  <Override PartName="/xl/worksheets/sheet42.xml" ContentType="application/vnd.openxmlformats-officedocument.spreadsheetml.worksheet+xml"/>
  <Override PartName="/xl/worksheets/sheet43.xml" ContentType="application/vnd.openxmlformats-officedocument.spreadsheetml.worksheet+xml"/>
  <Override PartName="/xl/worksheets/sheet44.xml" ContentType="application/vnd.openxmlformats-officedocument.spreadsheetml.worksheet+xml"/>
  <Override PartName="/xl/worksheets/sheet45.xml" ContentType="application/vnd.openxmlformats-officedocument.spreadsheetml.worksheet+xml"/>
  <Override PartName="/xl/worksheets/sheet46.xml" ContentType="application/vnd.openxmlformats-officedocument.spreadsheetml.worksheet+xml"/>
  <Override PartName="/xl/worksheets/sheet47.xml" ContentType="application/vnd.openxmlformats-officedocument.spreadsheetml.worksheet+xml"/>
  <Override PartName="/xl/worksheets/sheet48.xml" ContentType="application/vnd.openxmlformats-officedocument.spreadsheetml.worksheet+xml"/>
  <Override PartName="/xl/worksheets/sheet49.xml" ContentType="application/vnd.openxmlformats-officedocument.spreadsheetml.worksheet+xml"/>
  <Override PartName="/xl/worksheets/sheet50.xml" ContentType="application/vnd.openxmlformats-officedocument.spreadsheetml.worksheet+xml"/>
  <Override PartName="/xl/worksheets/sheet51.xml" ContentType="application/vnd.openxmlformats-officedocument.spreadsheetml.worksheet+xml"/>
  <Override PartName="/xl/worksheets/sheet52.xml" ContentType="application/vnd.openxmlformats-officedocument.spreadsheetml.worksheet+xml"/>
  <Override PartName="/xl/worksheets/sheet53.xml" ContentType="application/vnd.openxmlformats-officedocument.spreadsheetml.worksheet+xml"/>
  <Override PartName="/xl/worksheets/sheet54.xml" ContentType="application/vnd.openxmlformats-officedocument.spreadsheetml.worksheet+xml"/>
  <Override PartName="/xl/worksheets/sheet55.xml" ContentType="application/vnd.openxmlformats-officedocument.spreadsheetml.worksheet+xml"/>
  <Override PartName="/xl/worksheets/sheet56.xml" ContentType="application/vnd.openxmlformats-officedocument.spreadsheetml.worksheet+xml"/>
  <Override PartName="/xl/worksheets/sheet57.xml" ContentType="application/vnd.openxmlformats-officedocument.spreadsheetml.worksheet+xml"/>
  <Override PartName="/xl/worksheets/sheet58.xml" ContentType="application/vnd.openxmlformats-officedocument.spreadsheetml.worksheet+xml"/>
  <Override PartName="/xl/worksheets/sheet59.xml" ContentType="application/vnd.openxmlformats-officedocument.spreadsheetml.worksheet+xml"/>
  <Override PartName="/xl/worksheets/sheet60.xml" ContentType="application/vnd.openxmlformats-officedocument.spreadsheetml.worksheet+xml"/>
  <Override PartName="/xl/worksheets/sheet61.xml" ContentType="application/vnd.openxmlformats-officedocument.spreadsheetml.worksheet+xml"/>
  <Override PartName="/xl/worksheets/sheet62.xml" ContentType="application/vnd.openxmlformats-officedocument.spreadsheetml.worksheet+xml"/>
  <Override PartName="/xl/worksheets/sheet63.xml" ContentType="application/vnd.openxmlformats-officedocument.spreadsheetml.worksheet+xml"/>
  <Override PartName="/xl/worksheets/sheet64.xml" ContentType="application/vnd.openxmlformats-officedocument.spreadsheetml.worksheet+xml"/>
  <Override PartName="/xl/worksheets/sheet65.xml" ContentType="application/vnd.openxmlformats-officedocument.spreadsheetml.worksheet+xml"/>
  <Override PartName="/xl/worksheets/sheet66.xml" ContentType="application/vnd.openxmlformats-officedocument.spreadsheetml.worksheet+xml"/>
  <Override PartName="/xl/worksheets/sheet67.xml" ContentType="application/vnd.openxmlformats-officedocument.spreadsheetml.worksheet+xml"/>
  <Override PartName="/xl/worksheets/sheet68.xml" ContentType="application/vnd.openxmlformats-officedocument.spreadsheetml.worksheet+xml"/>
  <Override PartName="/xl/worksheets/sheet69.xml" ContentType="application/vnd.openxmlformats-officedocument.spreadsheetml.worksheet+xml"/>
  <Override PartName="/xl/worksheets/sheet70.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VMV3FS1.joho.local\プロファイル$\i0003745\デスクトップ\★体制届\ホームページR6.6~用\"/>
    </mc:Choice>
  </mc:AlternateContent>
  <bookViews>
    <workbookView xWindow="0" yWindow="0" windowWidth="20490" windowHeight="7530" activeTab="6"/>
  </bookViews>
  <sheets>
    <sheet name="別紙４" sheetId="4" r:id="rId1"/>
    <sheet name="別紙５" sheetId="5" r:id="rId2"/>
    <sheet name="別紙5－2" sheetId="6" r:id="rId3"/>
    <sheet name="別紙６" sheetId="7" r:id="rId4"/>
    <sheet name="別紙７" sheetId="8" r:id="rId5"/>
    <sheet name="別紙７－２" sheetId="9" r:id="rId6"/>
    <sheet name="別紙７－３" sheetId="10" r:id="rId7"/>
    <sheet name="別紙８" sheetId="11" r:id="rId8"/>
    <sheet name="別紙９" sheetId="12" r:id="rId9"/>
    <sheet name="別紙9－2" sheetId="13" r:id="rId10"/>
    <sheet name="別紙9－3" sheetId="14" r:id="rId11"/>
    <sheet name="別紙10" sheetId="15" r:id="rId12"/>
    <sheet name="別紙11" sheetId="16" r:id="rId13"/>
    <sheet name="別紙12" sheetId="17" r:id="rId14"/>
    <sheet name="別紙12－2" sheetId="18" r:id="rId15"/>
    <sheet name="別紙13" sheetId="19" r:id="rId16"/>
    <sheet name="別紙14" sheetId="20" r:id="rId17"/>
    <sheet name="別紙14－2" sheetId="21" r:id="rId18"/>
    <sheet name="別紙14－3" sheetId="22" r:id="rId19"/>
    <sheet name="別紙14－4" sheetId="23" r:id="rId20"/>
    <sheet name="別紙14－5" sheetId="24" r:id="rId21"/>
    <sheet name="別紙14－6" sheetId="25" r:id="rId22"/>
    <sheet name="別紙14－7" sheetId="26" r:id="rId23"/>
    <sheet name="別紙15" sheetId="27" r:id="rId24"/>
    <sheet name="別紙16" sheetId="28" r:id="rId25"/>
    <sheet name="別紙17" sheetId="29" r:id="rId26"/>
    <sheet name="別紙18" sheetId="30" r:id="rId27"/>
    <sheet name="別紙19" sheetId="31" r:id="rId28"/>
    <sheet name="別紙20" sheetId="32" r:id="rId29"/>
    <sheet name="別紙21" sheetId="33" r:id="rId30"/>
    <sheet name="別紙22" sheetId="34" r:id="rId31"/>
    <sheet name="別紙22－2" sheetId="35" r:id="rId32"/>
    <sheet name="別紙23" sheetId="36" r:id="rId33"/>
    <sheet name="別紙23－2" sheetId="37" r:id="rId34"/>
    <sheet name="別紙24" sheetId="38" r:id="rId35"/>
    <sheet name="別紙25" sheetId="39" r:id="rId36"/>
    <sheet name="別紙25－2" sheetId="40" r:id="rId37"/>
    <sheet name="別紙26" sheetId="41" r:id="rId38"/>
    <sheet name="別紙27" sheetId="42" r:id="rId39"/>
    <sheet name="別紙28" sheetId="43" r:id="rId40"/>
    <sheet name="別紙29" sheetId="44" r:id="rId41"/>
    <sheet name="別紙29－2" sheetId="45" r:id="rId42"/>
    <sheet name="別紙29－3" sheetId="46" r:id="rId43"/>
    <sheet name="別紙29－4" sheetId="47" r:id="rId44"/>
    <sheet name="別紙30" sheetId="48" r:id="rId45"/>
    <sheet name="別紙30－2" sheetId="49" r:id="rId46"/>
    <sheet name="別紙31" sheetId="50" r:id="rId47"/>
    <sheet name="別紙32" sheetId="51" r:id="rId48"/>
    <sheet name="別紙32－2" sheetId="52" r:id="rId49"/>
    <sheet name="別紙33" sheetId="53" r:id="rId50"/>
    <sheet name="別紙34" sheetId="54" r:id="rId51"/>
    <sheet name="別紙34－2" sheetId="55" r:id="rId52"/>
    <sheet name="別紙35" sheetId="56" r:id="rId53"/>
    <sheet name="別紙36" sheetId="57" r:id="rId54"/>
    <sheet name="別紙36-2" sheetId="58" r:id="rId55"/>
    <sheet name="別紙37" sheetId="59" r:id="rId56"/>
    <sheet name="別紙37－2" sheetId="60" r:id="rId57"/>
    <sheet name="別紙38" sheetId="61" r:id="rId58"/>
    <sheet name="別紙39" sheetId="62" r:id="rId59"/>
    <sheet name="別紙40" sheetId="63" r:id="rId60"/>
    <sheet name="別紙41" sheetId="64" r:id="rId61"/>
    <sheet name="別紙42" sheetId="65" r:id="rId62"/>
    <sheet name="別紙43" sheetId="66" r:id="rId63"/>
    <sheet name="別紙44" sheetId="67" r:id="rId64"/>
    <sheet name="別紙45" sheetId="68" r:id="rId65"/>
    <sheet name="別紙46" sheetId="69" r:id="rId66"/>
    <sheet name="別紙47" sheetId="70" r:id="rId67"/>
    <sheet name="別紙48" sheetId="71" r:id="rId68"/>
    <sheet name="別紙48－2" sheetId="72" r:id="rId69"/>
    <sheet name="別紙49" sheetId="73" r:id="rId70"/>
  </sheets>
  <externalReferences>
    <externalReference r:id="rId71"/>
    <externalReference r:id="rId72"/>
    <externalReference r:id="rId73"/>
  </externalReferences>
  <definedNames>
    <definedName name="ｋ" localSheetId="54">#REF!</definedName>
    <definedName name="ｋ">#N/A</definedName>
    <definedName name="_xlnm.Print_Area" localSheetId="11">別紙10!$A$1:$Z$53</definedName>
    <definedName name="_xlnm.Print_Area" localSheetId="12">別紙11!$A$1:$AA$61</definedName>
    <definedName name="_xlnm.Print_Area" localSheetId="13">別紙12!$A$1:$AE$75</definedName>
    <definedName name="_xlnm.Print_Area" localSheetId="14">'別紙12－2'!$A$1:$AF$70</definedName>
    <definedName name="_xlnm.Print_Area" localSheetId="15">別紙13!$A$1:$Y$38</definedName>
    <definedName name="_xlnm.Print_Area" localSheetId="16">別紙14!$A$1:$AD$68</definedName>
    <definedName name="_xlnm.Print_Area" localSheetId="17">'別紙14－2'!$A$1:$AD$60</definedName>
    <definedName name="_xlnm.Print_Area" localSheetId="18">'別紙14－3'!$A$1:$AD$49</definedName>
    <definedName name="_xlnm.Print_Area" localSheetId="19">'別紙14－4'!$A$1:$AF$60</definedName>
    <definedName name="_xlnm.Print_Area" localSheetId="20">'別紙14－5'!$A$1:$AD$60</definedName>
    <definedName name="_xlnm.Print_Area" localSheetId="21">'別紙14－6'!$A$1:$AD$58</definedName>
    <definedName name="_xlnm.Print_Area" localSheetId="22">'別紙14－7'!$A$1:$AD$47</definedName>
    <definedName name="_xlnm.Print_Area" localSheetId="23">別紙15!$A$1:$AB$26</definedName>
    <definedName name="_xlnm.Print_Area" localSheetId="24">別紙16!$A$1:$Z$116</definedName>
    <definedName name="_xlnm.Print_Area" localSheetId="25">別紙17!$A$1:$Z$45</definedName>
    <definedName name="_xlnm.Print_Area" localSheetId="26">別紙18!$A$1:$Z$30</definedName>
    <definedName name="_xlnm.Print_Area" localSheetId="27">別紙19!$A$1:$AE$48</definedName>
    <definedName name="_xlnm.Print_Area" localSheetId="28">別紙20!$A$1:$AD$27</definedName>
    <definedName name="_xlnm.Print_Area" localSheetId="29">別紙21!$A$1:$Y$30</definedName>
    <definedName name="_xlnm.Print_Area" localSheetId="30">別紙22!$A$1:$Y$32</definedName>
    <definedName name="_xlnm.Print_Area" localSheetId="31">'別紙22－2'!$A$1:$W$48</definedName>
    <definedName name="_xlnm.Print_Area" localSheetId="32">別紙23!$A$1:$AB$38</definedName>
    <definedName name="_xlnm.Print_Area" localSheetId="33">'別紙23－2'!$A$1:$W$49</definedName>
    <definedName name="_xlnm.Print_Area" localSheetId="34">別紙24!$A$1:$AD$27</definedName>
    <definedName name="_xlnm.Print_Area" localSheetId="35">別紙25!$A$1:$Z$46</definedName>
    <definedName name="_xlnm.Print_Area" localSheetId="36">'別紙25－2'!$A$1:$Z$37</definedName>
    <definedName name="_xlnm.Print_Area" localSheetId="37">別紙26!$A$1:$Y$23</definedName>
    <definedName name="_xlnm.Print_Area" localSheetId="38">別紙27!$A$1:$AC$70</definedName>
    <definedName name="_xlnm.Print_Area" localSheetId="39">別紙28!$A$1:$AB$74</definedName>
    <definedName name="_xlnm.Print_Area" localSheetId="41">'別紙29－2'!$A$1:$AF$108</definedName>
    <definedName name="_xlnm.Print_Area" localSheetId="42">'別紙29－3'!$A$1:$AH$41</definedName>
    <definedName name="_xlnm.Print_Area" localSheetId="43">'別紙29－4'!$A$1:$AF$61</definedName>
    <definedName name="_xlnm.Print_Area" localSheetId="44">別紙30!$A$1:$AF$54</definedName>
    <definedName name="_xlnm.Print_Area" localSheetId="45">'別紙30－2'!$A$1:$AF$45</definedName>
    <definedName name="_xlnm.Print_Area" localSheetId="46">別紙31!$A$1:$AD$66</definedName>
    <definedName name="_xlnm.Print_Area" localSheetId="47">別紙32!$A$1:$AG$51</definedName>
    <definedName name="_xlnm.Print_Area" localSheetId="48">'別紙32－2'!$A$1:$AG$70</definedName>
    <definedName name="_xlnm.Print_Area" localSheetId="49">別紙33!$A$1:$AA$39</definedName>
    <definedName name="_xlnm.Print_Area" localSheetId="50">別紙34!$A$1:$AA$35</definedName>
    <definedName name="_xlnm.Print_Area" localSheetId="51">'別紙34－2'!$A$1:$AA$33</definedName>
    <definedName name="_xlnm.Print_Area" localSheetId="52">別紙35!$A$1:$AI$52</definedName>
    <definedName name="_xlnm.Print_Area" localSheetId="53">別紙36!$A$1:$Z$68</definedName>
    <definedName name="_xlnm.Print_Area" localSheetId="54">'別紙36-2'!$A$1:$Z$42</definedName>
    <definedName name="_xlnm.Print_Area" localSheetId="55">別紙37!$A$1:$AC$25</definedName>
    <definedName name="_xlnm.Print_Area" localSheetId="56">'別紙37－2'!$A$1:$AH$45</definedName>
    <definedName name="_xlnm.Print_Area" localSheetId="57">別紙38!$A$1:$Y$46</definedName>
    <definedName name="_xlnm.Print_Area" localSheetId="58">別紙39!$A$1:$Z$31</definedName>
    <definedName name="_xlnm.Print_Area" localSheetId="0">別紙４!$A$1:$AC$36</definedName>
    <definedName name="_xlnm.Print_Area" localSheetId="60">別紙41!$A$1:$AC$37</definedName>
    <definedName name="_xlnm.Print_Area" localSheetId="61">別紙42!$A$1:$Y$60</definedName>
    <definedName name="_xlnm.Print_Area" localSheetId="62">別紙43!$A$1:$AA$36</definedName>
    <definedName name="_xlnm.Print_Area" localSheetId="63">別紙44!$A$1:$AD$53</definedName>
    <definedName name="_xlnm.Print_Area" localSheetId="64">別紙45!$A$1:$AC$34</definedName>
    <definedName name="_xlnm.Print_Area" localSheetId="65">別紙46!$A$1:$AA$54</definedName>
    <definedName name="_xlnm.Print_Area" localSheetId="66">別紙47!$A$1:$Y$26</definedName>
    <definedName name="_xlnm.Print_Area" localSheetId="67">別紙48!$A$1:$Y$36</definedName>
    <definedName name="_xlnm.Print_Area" localSheetId="68">'別紙48－2'!$A$1:$Y$30</definedName>
    <definedName name="_xlnm.Print_Area" localSheetId="69">別紙49!$A$1:$AC$54</definedName>
    <definedName name="_xlnm.Print_Area" localSheetId="1">別紙５!$A$1:$AF$50</definedName>
    <definedName name="_xlnm.Print_Area" localSheetId="2">'別紙5－2'!$A$1:$AF$60</definedName>
    <definedName name="_xlnm.Print_Area" localSheetId="3">別紙６!$A$1:$AK$35</definedName>
    <definedName name="_xlnm.Print_Area" localSheetId="4">別紙７!$A$1:$AI$63</definedName>
    <definedName name="_xlnm.Print_Area" localSheetId="5">'別紙７－２'!$A$1:$S$90</definedName>
    <definedName name="_xlnm.Print_Area" localSheetId="6">'別紙７－３'!$A$1:$AD$47</definedName>
    <definedName name="_xlnm.Print_Area" localSheetId="7">別紙８!$A$1:$AB$37</definedName>
    <definedName name="_xlnm.Print_Area" localSheetId="8">別紙９!$A$1:$AC$73</definedName>
    <definedName name="_xlnm.Print_Area" localSheetId="9">'別紙9－2'!$A$1:$AB$33</definedName>
    <definedName name="_xlnm.Print_Area" localSheetId="10">'別紙9－3'!$A$1:$AJ$57</definedName>
    <definedName name="サービス種別">[1]サービス種類一覧!$B$4:$B$20</definedName>
    <definedName name="サービス種類">[2]サービス種類一覧!$C$4:$C$20</definedName>
    <definedName name="サービス名" localSheetId="54">#REF!</definedName>
    <definedName name="サービス名">#N/A</definedName>
    <definedName name="サービス名称" localSheetId="54">#REF!</definedName>
    <definedName name="サービス名称">#N/A</definedName>
    <definedName name="だだ" localSheetId="54">#REF!</definedName>
    <definedName name="だだ">#N/A</definedName>
    <definedName name="っっｋ" localSheetId="54">#REF!</definedName>
    <definedName name="っっｋ">#N/A</definedName>
    <definedName name="っっっっｌ" localSheetId="54">#REF!</definedName>
    <definedName name="っっっっｌ">#N/A</definedName>
    <definedName name="確認" localSheetId="54">#REF!</definedName>
    <definedName name="確認">#N/A</definedName>
    <definedName name="種類">[3]サービス種類一覧!$A$4:$A$20</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T21" i="63" l="1"/>
  <c r="U21" i="63"/>
  <c r="F28" i="37"/>
  <c r="M28" i="37"/>
  <c r="F29" i="37"/>
  <c r="U29" i="37" s="1"/>
  <c r="M29" i="37"/>
  <c r="F36" i="37"/>
  <c r="M36" i="37"/>
  <c r="F37" i="37"/>
  <c r="U37" i="37" s="1"/>
  <c r="M37" i="37"/>
  <c r="R20" i="36"/>
  <c r="R30" i="36"/>
  <c r="F28" i="35"/>
  <c r="F29" i="35" s="1"/>
  <c r="U29" i="35" s="1"/>
  <c r="M28" i="35"/>
  <c r="M29" i="35"/>
  <c r="F36" i="35"/>
  <c r="M36" i="35"/>
  <c r="M37" i="35" s="1"/>
  <c r="F37" i="35"/>
  <c r="U37" i="35" s="1"/>
  <c r="Y62" i="20"/>
  <c r="T24" i="18"/>
  <c r="U24" i="18"/>
  <c r="T21" i="17"/>
  <c r="U21" i="17"/>
  <c r="T53" i="17"/>
  <c r="U53" i="17"/>
  <c r="F23" i="15"/>
  <c r="M23" i="15"/>
  <c r="F25" i="15"/>
  <c r="F38" i="15"/>
  <c r="M38" i="15"/>
  <c r="F40" i="15"/>
  <c r="F28" i="14"/>
  <c r="F33" i="14" s="1"/>
  <c r="M28" i="14"/>
  <c r="T28" i="14"/>
  <c r="AA28" i="14"/>
  <c r="F30" i="14" s="1"/>
  <c r="F41" i="14"/>
  <c r="M41" i="14"/>
  <c r="F43" i="14" s="1"/>
  <c r="T41" i="14"/>
  <c r="AA41" i="14"/>
  <c r="F46" i="14"/>
  <c r="M15" i="9"/>
  <c r="J41" i="9" s="1"/>
  <c r="P15" i="9"/>
  <c r="E16" i="9"/>
  <c r="M16" i="9"/>
  <c r="M39" i="9" s="1"/>
  <c r="M40" i="9" s="1"/>
  <c r="P41" i="9" s="1"/>
  <c r="P16" i="9"/>
  <c r="E17" i="9"/>
  <c r="E18" i="9"/>
  <c r="M18" i="9"/>
  <c r="P18" i="9"/>
  <c r="E19" i="9"/>
  <c r="E20" i="9"/>
  <c r="M20" i="9"/>
  <c r="P20" i="9"/>
  <c r="E21" i="9"/>
  <c r="E22" i="9"/>
  <c r="M22" i="9"/>
  <c r="P22" i="9"/>
  <c r="E23" i="9"/>
  <c r="E24" i="9"/>
  <c r="M24" i="9"/>
  <c r="P24" i="9"/>
  <c r="E25" i="9"/>
  <c r="E26" i="9"/>
  <c r="M26" i="9"/>
  <c r="P26" i="9"/>
  <c r="E27" i="9"/>
  <c r="E28" i="9"/>
  <c r="M28" i="9"/>
  <c r="P28" i="9"/>
  <c r="E29" i="9"/>
  <c r="E30" i="9"/>
  <c r="M30" i="9"/>
  <c r="P30" i="9"/>
  <c r="E31" i="9"/>
  <c r="E32" i="9"/>
  <c r="M32" i="9"/>
  <c r="P32" i="9"/>
  <c r="E33" i="9"/>
  <c r="E34" i="9"/>
  <c r="M34" i="9"/>
  <c r="P34" i="9"/>
  <c r="E35" i="9"/>
  <c r="E36" i="9"/>
  <c r="M36" i="9"/>
  <c r="P36" i="9"/>
  <c r="E37" i="9"/>
  <c r="P39" i="9"/>
  <c r="P40" i="9" s="1"/>
  <c r="M45" i="9"/>
  <c r="P45" i="9"/>
  <c r="E46" i="9"/>
  <c r="M46" i="9"/>
  <c r="M53" i="9" s="1"/>
  <c r="M54" i="9" s="1"/>
  <c r="P55" i="9" s="1"/>
  <c r="P46" i="9"/>
  <c r="E47" i="9"/>
  <c r="E48" i="9"/>
  <c r="M48" i="9"/>
  <c r="P48" i="9"/>
  <c r="E49" i="9"/>
  <c r="E50" i="9"/>
  <c r="M50" i="9"/>
  <c r="P50" i="9"/>
  <c r="P53" i="9" s="1"/>
  <c r="P54" i="9" s="1"/>
  <c r="E51" i="9"/>
  <c r="J55" i="9" l="1"/>
</calcChain>
</file>

<file path=xl/sharedStrings.xml><?xml version="1.0" encoding="utf-8"?>
<sst xmlns="http://schemas.openxmlformats.org/spreadsheetml/2006/main" count="6858" uniqueCount="1762">
  <si>
    <t>□</t>
  </si>
  <si>
    <t>介護予防短期入所生活介護</t>
    <rPh sb="0" eb="2">
      <t>カイゴ</t>
    </rPh>
    <rPh sb="2" eb="4">
      <t>ヨボウ</t>
    </rPh>
    <phoneticPr fontId="2"/>
  </si>
  <si>
    <t>介護予防訪問入浴介護</t>
    <rPh sb="0" eb="2">
      <t>カイゴ</t>
    </rPh>
    <rPh sb="2" eb="4">
      <t>ヨボウ</t>
    </rPh>
    <phoneticPr fontId="2"/>
  </si>
  <si>
    <t>短期入所生活介護</t>
  </si>
  <si>
    <t>通所介護</t>
  </si>
  <si>
    <t>訪問入浴介護</t>
  </si>
  <si>
    <t>訪問介護</t>
  </si>
  <si>
    <t>）</t>
    <phoneticPr fontId="2"/>
  </si>
  <si>
    <t>殿</t>
    <rPh sb="0" eb="1">
      <t>ドノ</t>
    </rPh>
    <phoneticPr fontId="2"/>
  </si>
  <si>
    <t>知事</t>
    <rPh sb="0" eb="2">
      <t>チジ</t>
    </rPh>
    <phoneticPr fontId="2"/>
  </si>
  <si>
    <t>月</t>
    <rPh sb="0" eb="1">
      <t>ゲツ</t>
    </rPh>
    <phoneticPr fontId="2"/>
  </si>
  <si>
    <t>年</t>
    <rPh sb="0" eb="1">
      <t>ネン</t>
    </rPh>
    <phoneticPr fontId="2"/>
  </si>
  <si>
    <t>令和</t>
    <rPh sb="0" eb="2">
      <t>レイワ</t>
    </rPh>
    <phoneticPr fontId="2"/>
  </si>
  <si>
    <t>複合型サービス</t>
    <rPh sb="0" eb="3">
      <t>フクゴウガタ</t>
    </rPh>
    <phoneticPr fontId="2"/>
  </si>
  <si>
    <t>定期巡回・随時対応型訪問介護看護</t>
    <rPh sb="0" eb="2">
      <t>テイキ</t>
    </rPh>
    <rPh sb="2" eb="4">
      <t>ジュンカイ</t>
    </rPh>
    <rPh sb="5" eb="7">
      <t>ズイジ</t>
    </rPh>
    <rPh sb="7" eb="10">
      <t>タイオウガタ</t>
    </rPh>
    <rPh sb="10" eb="12">
      <t>ホウモン</t>
    </rPh>
    <rPh sb="12" eb="14">
      <t>カイゴ</t>
    </rPh>
    <rPh sb="14" eb="16">
      <t>カンゴ</t>
    </rPh>
    <phoneticPr fontId="2"/>
  </si>
  <si>
    <t>認知症対応型共同生活介護</t>
    <rPh sb="0" eb="3">
      <t>ニンチショウ</t>
    </rPh>
    <rPh sb="3" eb="6">
      <t>タイオウガタ</t>
    </rPh>
    <rPh sb="6" eb="8">
      <t>キョウドウ</t>
    </rPh>
    <rPh sb="8" eb="10">
      <t>セイカツ</t>
    </rPh>
    <rPh sb="10" eb="12">
      <t>カイゴ</t>
    </rPh>
    <phoneticPr fontId="2"/>
  </si>
  <si>
    <t>小規模多機能型居宅介護</t>
    <rPh sb="0" eb="3">
      <t>ショウキボ</t>
    </rPh>
    <rPh sb="3" eb="6">
      <t>タキノウ</t>
    </rPh>
    <rPh sb="6" eb="7">
      <t>ガタ</t>
    </rPh>
    <rPh sb="7" eb="9">
      <t>キョタク</t>
    </rPh>
    <rPh sb="9" eb="11">
      <t>カイゴ</t>
    </rPh>
    <phoneticPr fontId="2"/>
  </si>
  <si>
    <t>認知症対応型通所介護</t>
    <rPh sb="0" eb="3">
      <t>ニンチショウ</t>
    </rPh>
    <rPh sb="3" eb="6">
      <t>タイオウガタ</t>
    </rPh>
    <rPh sb="6" eb="8">
      <t>ツウショ</t>
    </rPh>
    <rPh sb="8" eb="10">
      <t>カイゴ</t>
    </rPh>
    <phoneticPr fontId="2"/>
  </si>
  <si>
    <t>地域密着型通所介護</t>
    <rPh sb="0" eb="2">
      <t>チイキ</t>
    </rPh>
    <rPh sb="2" eb="4">
      <t>ミッチャク</t>
    </rPh>
    <rPh sb="4" eb="5">
      <t>ガタ</t>
    </rPh>
    <rPh sb="5" eb="7">
      <t>ツウショ</t>
    </rPh>
    <rPh sb="7" eb="9">
      <t>カイゴ</t>
    </rPh>
    <phoneticPr fontId="2"/>
  </si>
  <si>
    <t>夜間対応型訪問介護</t>
    <rPh sb="0" eb="2">
      <t>ヤカン</t>
    </rPh>
    <rPh sb="2" eb="5">
      <t>タイオウガタ</t>
    </rPh>
    <phoneticPr fontId="2"/>
  </si>
  <si>
    <t>日</t>
    <rPh sb="0" eb="1">
      <t>ニチ</t>
    </rPh>
    <phoneticPr fontId="2"/>
  </si>
  <si>
    <t>月</t>
    <rPh sb="0" eb="1">
      <t>ガツ</t>
    </rPh>
    <phoneticPr fontId="2"/>
  </si>
  <si>
    <t>　2　適用開始年月日　</t>
    <rPh sb="3" eb="5">
      <t>テキヨウ</t>
    </rPh>
    <rPh sb="5" eb="7">
      <t>カイシ</t>
    </rPh>
    <rPh sb="7" eb="10">
      <t>ネンガッピ</t>
    </rPh>
    <phoneticPr fontId="2"/>
  </si>
  <si>
    <t>％</t>
  </si>
  <si>
    <t xml:space="preserve"> 特例介護予防サービス計画費</t>
    <rPh sb="3" eb="5">
      <t>カイゴ</t>
    </rPh>
    <rPh sb="5" eb="7">
      <t>ヨボウ</t>
    </rPh>
    <phoneticPr fontId="2"/>
  </si>
  <si>
    <t xml:space="preserve"> 特例居宅介護サービス計画費</t>
    <phoneticPr fontId="2"/>
  </si>
  <si>
    <t xml:space="preserve"> 介護予防福祉用具貸与</t>
    <rPh sb="1" eb="3">
      <t>カイゴ</t>
    </rPh>
    <rPh sb="3" eb="5">
      <t>ヨボウ</t>
    </rPh>
    <phoneticPr fontId="2"/>
  </si>
  <si>
    <t xml:space="preserve"> 介護予防短期入所生活介護</t>
    <rPh sb="1" eb="3">
      <t>カイゴ</t>
    </rPh>
    <rPh sb="3" eb="5">
      <t>ヨボウ</t>
    </rPh>
    <phoneticPr fontId="2"/>
  </si>
  <si>
    <t xml:space="preserve"> 介護予防訪問入浴介護</t>
    <rPh sb="1" eb="3">
      <t>カイゴ</t>
    </rPh>
    <rPh sb="3" eb="5">
      <t>ヨボウ</t>
    </rPh>
    <phoneticPr fontId="2"/>
  </si>
  <si>
    <t xml:space="preserve"> 特例介護予防サービス費</t>
    <phoneticPr fontId="2"/>
  </si>
  <si>
    <t xml:space="preserve"> 福祉用具貸与</t>
    <phoneticPr fontId="2"/>
  </si>
  <si>
    <t xml:space="preserve"> 短期入所生活介護</t>
    <phoneticPr fontId="2"/>
  </si>
  <si>
    <t xml:space="preserve"> 通所介護</t>
    <phoneticPr fontId="2"/>
  </si>
  <si>
    <t xml:space="preserve"> 訪問入浴介護</t>
    <phoneticPr fontId="2"/>
  </si>
  <si>
    <t xml:space="preserve"> 訪問介護</t>
    <phoneticPr fontId="2"/>
  </si>
  <si>
    <t xml:space="preserve"> 特例居宅介護サービス費</t>
    <phoneticPr fontId="2"/>
  </si>
  <si>
    <t>全国共通の介護報酬額に対して定める率</t>
    <phoneticPr fontId="2"/>
  </si>
  <si>
    <t>サービスの種類</t>
  </si>
  <si>
    <t>項　　　目</t>
    <phoneticPr fontId="2"/>
  </si>
  <si>
    <t>　1　全国共通の介護報酬額に対して定める率</t>
    <phoneticPr fontId="2"/>
  </si>
  <si>
    <t>記</t>
  </si>
  <si>
    <t>このことについて、上限の率を下記のとおり設定しましたのでお知らせします。</t>
    <phoneticPr fontId="2"/>
  </si>
  <si>
    <t>基準該当サービスに係る特例居宅介護サービス費、特例介護予防サービス費、特例居宅介護
サービス計画費及び特例介護予防サービス計画費の支給に係る上限の率の設定について　</t>
    <rPh sb="23" eb="25">
      <t>トクレイ</t>
    </rPh>
    <rPh sb="25" eb="27">
      <t>カイゴ</t>
    </rPh>
    <rPh sb="27" eb="29">
      <t>ヨボウ</t>
    </rPh>
    <rPh sb="33" eb="34">
      <t>ヒ</t>
    </rPh>
    <phoneticPr fontId="2"/>
  </si>
  <si>
    <t>市町村名</t>
    <rPh sb="0" eb="3">
      <t>シチョウソン</t>
    </rPh>
    <rPh sb="3" eb="4">
      <t>メイ</t>
    </rPh>
    <phoneticPr fontId="2"/>
  </si>
  <si>
    <t>日</t>
    <rPh sb="0" eb="1">
      <t>ヒ</t>
    </rPh>
    <phoneticPr fontId="2"/>
  </si>
  <si>
    <t>（別紙４）</t>
    <phoneticPr fontId="2"/>
  </si>
  <si>
    <t>　2　適用開始年月日</t>
    <rPh sb="3" eb="5">
      <t>テキヨウ</t>
    </rPh>
    <rPh sb="5" eb="7">
      <t>カイシ</t>
    </rPh>
    <rPh sb="7" eb="10">
      <t>ネンガッピ</t>
    </rPh>
    <phoneticPr fontId="2"/>
  </si>
  <si>
    <t>　　記載してください。</t>
    <phoneticPr fontId="2"/>
  </si>
  <si>
    <t>備考　「適用条件」欄には、当該割引率が適用される時間帯、曜日、日時について具体的に</t>
    <rPh sb="0" eb="2">
      <t>ビコウ</t>
    </rPh>
    <rPh sb="4" eb="6">
      <t>テキヨウ</t>
    </rPh>
    <rPh sb="6" eb="8">
      <t>ジョウケン</t>
    </rPh>
    <rPh sb="9" eb="10">
      <t>ラン</t>
    </rPh>
    <rPh sb="13" eb="15">
      <t>トウガイ</t>
    </rPh>
    <rPh sb="15" eb="17">
      <t>ワリビキ</t>
    </rPh>
    <rPh sb="17" eb="18">
      <t>リツ</t>
    </rPh>
    <rPh sb="19" eb="21">
      <t>テキヨウ</t>
    </rPh>
    <rPh sb="24" eb="27">
      <t>ジカンタイ</t>
    </rPh>
    <rPh sb="28" eb="30">
      <t>ヨウビ</t>
    </rPh>
    <rPh sb="31" eb="33">
      <t>ニチジ</t>
    </rPh>
    <rPh sb="37" eb="40">
      <t>グタイテキ</t>
    </rPh>
    <phoneticPr fontId="2"/>
  </si>
  <si>
    <t>介護予防特定施設入居者
生活介護</t>
    <rPh sb="0" eb="2">
      <t>カイゴ</t>
    </rPh>
    <rPh sb="2" eb="4">
      <t>ヨボウ</t>
    </rPh>
    <rPh sb="4" eb="6">
      <t>トクテイ</t>
    </rPh>
    <rPh sb="6" eb="8">
      <t>シセツ</t>
    </rPh>
    <rPh sb="8" eb="11">
      <t>ニュウキョシャ</t>
    </rPh>
    <rPh sb="12" eb="14">
      <t>セイカツ</t>
    </rPh>
    <rPh sb="14" eb="16">
      <t>カイゴ</t>
    </rPh>
    <phoneticPr fontId="2"/>
  </si>
  <si>
    <t>介護老人福祉施設</t>
    <rPh sb="0" eb="2">
      <t>カイゴ</t>
    </rPh>
    <rPh sb="2" eb="4">
      <t>ロウジン</t>
    </rPh>
    <rPh sb="4" eb="6">
      <t>フクシ</t>
    </rPh>
    <rPh sb="6" eb="8">
      <t>シセツ</t>
    </rPh>
    <phoneticPr fontId="2"/>
  </si>
  <si>
    <t>特定施設入居者生活介護</t>
    <rPh sb="0" eb="2">
      <t>トクテイ</t>
    </rPh>
    <rPh sb="2" eb="4">
      <t>シセツ</t>
    </rPh>
    <rPh sb="4" eb="7">
      <t>ニュウキョシャ</t>
    </rPh>
    <rPh sb="7" eb="9">
      <t>セイカツ</t>
    </rPh>
    <rPh sb="9" eb="11">
      <t>カイゴ</t>
    </rPh>
    <phoneticPr fontId="2"/>
  </si>
  <si>
    <t>　（例）毎日　午後２時から午後４時まで</t>
    <rPh sb="2" eb="3">
      <t>レイ</t>
    </rPh>
    <rPh sb="4" eb="6">
      <t>マイニチ</t>
    </rPh>
    <rPh sb="7" eb="9">
      <t>ゴゴ</t>
    </rPh>
    <rPh sb="10" eb="11">
      <t>ジ</t>
    </rPh>
    <rPh sb="13" eb="15">
      <t>ゴゴ</t>
    </rPh>
    <rPh sb="16" eb="17">
      <t>ジ</t>
    </rPh>
    <phoneticPr fontId="2"/>
  </si>
  <si>
    <t>（例）10</t>
    <rPh sb="1" eb="2">
      <t>レイ</t>
    </rPh>
    <phoneticPr fontId="2"/>
  </si>
  <si>
    <t>適用条件</t>
    <rPh sb="0" eb="2">
      <t>テキヨウ</t>
    </rPh>
    <rPh sb="2" eb="4">
      <t>ジョウケン</t>
    </rPh>
    <phoneticPr fontId="2"/>
  </si>
  <si>
    <t>割引率</t>
    <rPh sb="0" eb="2">
      <t>ワリビキ</t>
    </rPh>
    <rPh sb="2" eb="3">
      <t>リツ</t>
    </rPh>
    <phoneticPr fontId="2"/>
  </si>
  <si>
    <t>サービスの種類</t>
    <rPh sb="5" eb="7">
      <t>シュルイ</t>
    </rPh>
    <phoneticPr fontId="2"/>
  </si>
  <si>
    <t>事業所番号</t>
    <rPh sb="0" eb="3">
      <t>ジギョウショ</t>
    </rPh>
    <rPh sb="3" eb="5">
      <t>バンゴウ</t>
    </rPh>
    <phoneticPr fontId="2"/>
  </si>
  <si>
    <t>　1　割引率等</t>
    <rPh sb="3" eb="6">
      <t>ワリビキリツ</t>
    </rPh>
    <rPh sb="6" eb="7">
      <t>トウ</t>
    </rPh>
    <phoneticPr fontId="2"/>
  </si>
  <si>
    <t>指定居宅サービス事業者等による介護給付費の割引に係る割引率の設定について</t>
    <rPh sb="0" eb="2">
      <t>シテイ</t>
    </rPh>
    <rPh sb="2" eb="4">
      <t>キョタク</t>
    </rPh>
    <rPh sb="8" eb="11">
      <t>ジギョウシャ</t>
    </rPh>
    <rPh sb="11" eb="12">
      <t>トウ</t>
    </rPh>
    <rPh sb="17" eb="20">
      <t>キュウフヒ</t>
    </rPh>
    <rPh sb="21" eb="23">
      <t>ワリビキ</t>
    </rPh>
    <rPh sb="24" eb="25">
      <t>カカ</t>
    </rPh>
    <rPh sb="26" eb="28">
      <t>ワリビキ</t>
    </rPh>
    <rPh sb="28" eb="29">
      <t>リツ</t>
    </rPh>
    <rPh sb="30" eb="32">
      <t>セッテイ</t>
    </rPh>
    <phoneticPr fontId="2"/>
  </si>
  <si>
    <t>事業所・施設名</t>
    <rPh sb="0" eb="3">
      <t>ジギョウショ</t>
    </rPh>
    <rPh sb="4" eb="6">
      <t>シセツ</t>
    </rPh>
    <rPh sb="6" eb="7">
      <t>メイ</t>
    </rPh>
    <phoneticPr fontId="2"/>
  </si>
  <si>
    <t>（別紙５）</t>
    <phoneticPr fontId="2"/>
  </si>
  <si>
    <t>介護予防認知症対応型
共同生活介護</t>
    <rPh sb="0" eb="2">
      <t>カイゴ</t>
    </rPh>
    <rPh sb="2" eb="4">
      <t>ヨボウ</t>
    </rPh>
    <rPh sb="4" eb="7">
      <t>ニンチショウ</t>
    </rPh>
    <rPh sb="7" eb="10">
      <t>タイオウガタ</t>
    </rPh>
    <rPh sb="11" eb="13">
      <t>キョウドウ</t>
    </rPh>
    <rPh sb="13" eb="15">
      <t>セイカツ</t>
    </rPh>
    <rPh sb="15" eb="17">
      <t>カイゴ</t>
    </rPh>
    <phoneticPr fontId="2"/>
  </si>
  <si>
    <t>介護予防小規模多機能型
居宅介護</t>
    <rPh sb="0" eb="2">
      <t>カイゴ</t>
    </rPh>
    <rPh sb="2" eb="4">
      <t>ヨボウ</t>
    </rPh>
    <rPh sb="4" eb="7">
      <t>ショウキボ</t>
    </rPh>
    <rPh sb="7" eb="10">
      <t>タキノウ</t>
    </rPh>
    <rPh sb="10" eb="11">
      <t>ガタ</t>
    </rPh>
    <rPh sb="12" eb="14">
      <t>キョタク</t>
    </rPh>
    <rPh sb="14" eb="16">
      <t>カイゴ</t>
    </rPh>
    <phoneticPr fontId="2"/>
  </si>
  <si>
    <t>介護予防認知症対応型
通所介護</t>
    <rPh sb="0" eb="2">
      <t>カイゴ</t>
    </rPh>
    <rPh sb="2" eb="4">
      <t>ヨボウ</t>
    </rPh>
    <rPh sb="4" eb="7">
      <t>ニンチショウ</t>
    </rPh>
    <rPh sb="7" eb="10">
      <t>タイオウガタ</t>
    </rPh>
    <rPh sb="11" eb="13">
      <t>ツウショ</t>
    </rPh>
    <rPh sb="13" eb="15">
      <t>カイゴ</t>
    </rPh>
    <phoneticPr fontId="2"/>
  </si>
  <si>
    <t>地域密着型介護老人福祉施設入所者生活介護</t>
    <rPh sb="0" eb="2">
      <t>チイキ</t>
    </rPh>
    <rPh sb="2" eb="5">
      <t>ミッチャクガタ</t>
    </rPh>
    <rPh sb="5" eb="7">
      <t>カイゴ</t>
    </rPh>
    <rPh sb="7" eb="9">
      <t>ロウジン</t>
    </rPh>
    <rPh sb="9" eb="11">
      <t>フクシ</t>
    </rPh>
    <rPh sb="11" eb="13">
      <t>シセツ</t>
    </rPh>
    <rPh sb="13" eb="16">
      <t>ニュウショシャ</t>
    </rPh>
    <rPh sb="16" eb="18">
      <t>セイカツ</t>
    </rPh>
    <rPh sb="18" eb="20">
      <t>カイゴ</t>
    </rPh>
    <phoneticPr fontId="2"/>
  </si>
  <si>
    <t>地域密着型特定施設入居者
生活介護</t>
    <rPh sb="0" eb="2">
      <t>チイキ</t>
    </rPh>
    <rPh sb="2" eb="5">
      <t>ミッチャクガタ</t>
    </rPh>
    <rPh sb="5" eb="7">
      <t>トクテイ</t>
    </rPh>
    <rPh sb="7" eb="9">
      <t>シセツ</t>
    </rPh>
    <rPh sb="9" eb="12">
      <t>ニュウキョシャ</t>
    </rPh>
    <rPh sb="13" eb="15">
      <t>セイカツ</t>
    </rPh>
    <rPh sb="15" eb="17">
      <t>カイゴ</t>
    </rPh>
    <phoneticPr fontId="2"/>
  </si>
  <si>
    <t>地域密着型サービス事業者又は地域密着型介護予防サービス事業者による介護給付費の割引に
係る割引率の設定について</t>
    <rPh sb="0" eb="2">
      <t>チイキ</t>
    </rPh>
    <rPh sb="2" eb="5">
      <t>ミッチャクガタ</t>
    </rPh>
    <rPh sb="9" eb="12">
      <t>ジギョウシャ</t>
    </rPh>
    <rPh sb="12" eb="13">
      <t>マタ</t>
    </rPh>
    <rPh sb="14" eb="16">
      <t>チイキ</t>
    </rPh>
    <rPh sb="16" eb="19">
      <t>ミッチャクガタ</t>
    </rPh>
    <rPh sb="19" eb="21">
      <t>カイゴ</t>
    </rPh>
    <rPh sb="21" eb="23">
      <t>ヨボウ</t>
    </rPh>
    <rPh sb="27" eb="29">
      <t>ジギョウ</t>
    </rPh>
    <rPh sb="29" eb="30">
      <t>シャ</t>
    </rPh>
    <rPh sb="35" eb="38">
      <t>キュウフヒ</t>
    </rPh>
    <rPh sb="39" eb="41">
      <t>ワリビキ</t>
    </rPh>
    <rPh sb="43" eb="44">
      <t>カカ</t>
    </rPh>
    <rPh sb="45" eb="47">
      <t>ワリビキ</t>
    </rPh>
    <rPh sb="47" eb="48">
      <t>リツ</t>
    </rPh>
    <rPh sb="49" eb="51">
      <t>セッテイ</t>
    </rPh>
    <phoneticPr fontId="2"/>
  </si>
  <si>
    <t>市町村長</t>
    <rPh sb="0" eb="4">
      <t>シチョウソンチョウ</t>
    </rPh>
    <phoneticPr fontId="2"/>
  </si>
  <si>
    <t>（別紙５ー２）</t>
    <phoneticPr fontId="2"/>
  </si>
  <si>
    <t>　　2　当該事業の専用部分と他との共用部分を色分けする等使用関係を分かり易く表示してください。</t>
    <rPh sb="4" eb="6">
      <t>トウガイ</t>
    </rPh>
    <rPh sb="6" eb="8">
      <t>ジギョウ</t>
    </rPh>
    <rPh sb="9" eb="11">
      <t>センヨウ</t>
    </rPh>
    <rPh sb="11" eb="13">
      <t>ブブン</t>
    </rPh>
    <rPh sb="14" eb="15">
      <t>タ</t>
    </rPh>
    <rPh sb="17" eb="19">
      <t>キョウヨウ</t>
    </rPh>
    <rPh sb="19" eb="21">
      <t>ブブン</t>
    </rPh>
    <rPh sb="22" eb="24">
      <t>イロワ</t>
    </rPh>
    <rPh sb="27" eb="28">
      <t>トウ</t>
    </rPh>
    <rPh sb="28" eb="30">
      <t>シヨウ</t>
    </rPh>
    <rPh sb="30" eb="32">
      <t>カンケイ</t>
    </rPh>
    <rPh sb="33" eb="34">
      <t>ワ</t>
    </rPh>
    <rPh sb="36" eb="37">
      <t>ヤス</t>
    </rPh>
    <rPh sb="38" eb="40">
      <t>ヒョウジ</t>
    </rPh>
    <phoneticPr fontId="2"/>
  </si>
  <si>
    <r>
      <t>備考1　届出に係る施設部分の用途や面積</t>
    </r>
    <r>
      <rPr>
        <sz val="12"/>
        <rFont val="HGSｺﾞｼｯｸM"/>
        <family val="3"/>
        <charset val="128"/>
      </rPr>
      <t>が分かるものを提出すること。</t>
    </r>
    <rPh sb="4" eb="5">
      <t>トド</t>
    </rPh>
    <rPh sb="5" eb="6">
      <t>デ</t>
    </rPh>
    <rPh sb="7" eb="8">
      <t>カカ</t>
    </rPh>
    <rPh sb="9" eb="11">
      <t>シセツ</t>
    </rPh>
    <rPh sb="11" eb="13">
      <t>ブブン</t>
    </rPh>
    <rPh sb="14" eb="16">
      <t>ヨウト</t>
    </rPh>
    <rPh sb="17" eb="19">
      <t>メンセキ</t>
    </rPh>
    <rPh sb="20" eb="21">
      <t>ワ</t>
    </rPh>
    <rPh sb="26" eb="28">
      <t>テイシュツ</t>
    </rPh>
    <phoneticPr fontId="2"/>
  </si>
  <si>
    <t>㎡</t>
    <phoneticPr fontId="2"/>
  </si>
  <si>
    <t>事務室</t>
    <rPh sb="0" eb="3">
      <t>ジムシツ</t>
    </rPh>
    <phoneticPr fontId="2"/>
  </si>
  <si>
    <t>浴室</t>
    <rPh sb="0" eb="2">
      <t>ヨクシツ</t>
    </rPh>
    <phoneticPr fontId="2"/>
  </si>
  <si>
    <t xml:space="preserve"> 便所</t>
    <rPh sb="1" eb="3">
      <t>ベンジョ</t>
    </rPh>
    <phoneticPr fontId="2"/>
  </si>
  <si>
    <t>（食堂兼用）</t>
    <rPh sb="1" eb="3">
      <t>ショクドウ</t>
    </rPh>
    <rPh sb="3" eb="5">
      <t>ケンヨウ</t>
    </rPh>
    <phoneticPr fontId="2"/>
  </si>
  <si>
    <t>機能訓練室</t>
    <rPh sb="0" eb="2">
      <t>キノウ</t>
    </rPh>
    <rPh sb="2" eb="4">
      <t>クンレン</t>
    </rPh>
    <rPh sb="4" eb="5">
      <t>シツ</t>
    </rPh>
    <phoneticPr fontId="2"/>
  </si>
  <si>
    <t>　調剤室</t>
    <rPh sb="1" eb="3">
      <t>チョウザイ</t>
    </rPh>
    <rPh sb="3" eb="4">
      <t>シツ</t>
    </rPh>
    <phoneticPr fontId="2"/>
  </si>
  <si>
    <t>玄関ホール</t>
    <rPh sb="0" eb="2">
      <t>ゲンカン</t>
    </rPh>
    <phoneticPr fontId="2"/>
  </si>
  <si>
    <t>　診察室</t>
    <rPh sb="1" eb="4">
      <t>シンサツシツ</t>
    </rPh>
    <phoneticPr fontId="2"/>
  </si>
  <si>
    <t xml:space="preserve"> 相談室</t>
    <rPh sb="1" eb="3">
      <t>ソウダン</t>
    </rPh>
    <rPh sb="3" eb="4">
      <t>シツ</t>
    </rPh>
    <phoneticPr fontId="2"/>
  </si>
  <si>
    <t xml:space="preserve"> 談話室</t>
    <rPh sb="1" eb="4">
      <t>ダンワシツ</t>
    </rPh>
    <phoneticPr fontId="2"/>
  </si>
  <si>
    <t xml:space="preserve"> 調理室</t>
    <rPh sb="1" eb="4">
      <t>チョウリシツ</t>
    </rPh>
    <phoneticPr fontId="2"/>
  </si>
  <si>
    <t>展示コーナー</t>
    <rPh sb="0" eb="2">
      <t>テンジ</t>
    </rPh>
    <phoneticPr fontId="2"/>
  </si>
  <si>
    <t>「該当する体制等　ー　　　　　　　　」</t>
    <rPh sb="1" eb="3">
      <t>ガイトウ</t>
    </rPh>
    <rPh sb="5" eb="7">
      <t>タイセイ</t>
    </rPh>
    <rPh sb="7" eb="8">
      <t>トウ</t>
    </rPh>
    <phoneticPr fontId="2"/>
  </si>
  <si>
    <t>　事業所・施設の名称</t>
    <rPh sb="1" eb="4">
      <t>ジギョウショ</t>
    </rPh>
    <rPh sb="5" eb="7">
      <t>シセツ</t>
    </rPh>
    <rPh sb="8" eb="10">
      <t>メイショウ</t>
    </rPh>
    <phoneticPr fontId="2"/>
  </si>
  <si>
    <t>　平面図</t>
    <rPh sb="1" eb="4">
      <t>ヘイメンズ</t>
    </rPh>
    <phoneticPr fontId="2"/>
  </si>
  <si>
    <t>（別紙６）</t>
    <phoneticPr fontId="2"/>
  </si>
  <si>
    <t>　　　差し支えありません。</t>
    <phoneticPr fontId="2"/>
  </si>
  <si>
    <t>　　　勤務形態、氏名、当該業務の勤務時間及び看護職員と介護職員の配置状況(関係する場合)が確認できる場合はその書類をもって添付書類として</t>
    <phoneticPr fontId="2"/>
  </si>
  <si>
    <t>　　9　各事業所・施設において使用している勤務割表等（変更の届出の場合は変更後の予定勤務割表等）により、届出の対象となる従業者の職種、</t>
    <phoneticPr fontId="2"/>
  </si>
  <si>
    <t>　　8　当該事業所・施設に係る組織体制図を添付してください。</t>
    <phoneticPr fontId="2"/>
  </si>
  <si>
    <t>　　7　算出にあたっては、小数点以下第2位を切り捨ててください。</t>
    <phoneticPr fontId="2"/>
  </si>
  <si>
    <t>　　　また、別紙７－３の「テクノロジーを導入する場合の夜間の人員配置基準（従来型）に係る届出書」を添付してください。</t>
    <rPh sb="6" eb="8">
      <t>ベッシ</t>
    </rPh>
    <rPh sb="20" eb="22">
      <t>ドウニュウ</t>
    </rPh>
    <rPh sb="24" eb="26">
      <t>バアイ</t>
    </rPh>
    <rPh sb="27" eb="29">
      <t>ヤカン</t>
    </rPh>
    <rPh sb="30" eb="32">
      <t>ジンイン</t>
    </rPh>
    <rPh sb="32" eb="34">
      <t>ハイチ</t>
    </rPh>
    <rPh sb="34" eb="36">
      <t>キジュン</t>
    </rPh>
    <rPh sb="37" eb="40">
      <t>ジュウライガタ</t>
    </rPh>
    <rPh sb="42" eb="43">
      <t>カカ</t>
    </rPh>
    <rPh sb="44" eb="45">
      <t>トド</t>
    </rPh>
    <rPh sb="45" eb="46">
      <t>ダ</t>
    </rPh>
    <rPh sb="46" eb="47">
      <t>カ</t>
    </rPh>
    <rPh sb="49" eb="51">
      <t>テンプ</t>
    </rPh>
    <phoneticPr fontId="2"/>
  </si>
  <si>
    <t>　　　「（再掲）夜勤職員」欄を記載してください。「１日の夜勤の合計時間」は、夜勤時間帯に属する勤務時間（休憩時間を含む）の合計数を記入してください。</t>
    <rPh sb="5" eb="7">
      <t>サイケイ</t>
    </rPh>
    <rPh sb="8" eb="10">
      <t>ヤキン</t>
    </rPh>
    <rPh sb="10" eb="12">
      <t>ショクイン</t>
    </rPh>
    <rPh sb="13" eb="14">
      <t>ラン</t>
    </rPh>
    <rPh sb="15" eb="17">
      <t>キサイ</t>
    </rPh>
    <rPh sb="26" eb="27">
      <t>ニチ</t>
    </rPh>
    <rPh sb="28" eb="30">
      <t>ヤキン</t>
    </rPh>
    <rPh sb="31" eb="33">
      <t>ゴウケイ</t>
    </rPh>
    <rPh sb="33" eb="35">
      <t>ジカン</t>
    </rPh>
    <rPh sb="38" eb="40">
      <t>ヤキン</t>
    </rPh>
    <rPh sb="40" eb="43">
      <t>ジカンタイ</t>
    </rPh>
    <rPh sb="44" eb="45">
      <t>ゾク</t>
    </rPh>
    <rPh sb="47" eb="49">
      <t>キンム</t>
    </rPh>
    <rPh sb="49" eb="51">
      <t>ジカン</t>
    </rPh>
    <rPh sb="52" eb="54">
      <t>キュウケイ</t>
    </rPh>
    <rPh sb="54" eb="56">
      <t>ジカン</t>
    </rPh>
    <rPh sb="57" eb="58">
      <t>フク</t>
    </rPh>
    <rPh sb="61" eb="64">
      <t>ゴウケイスウ</t>
    </rPh>
    <rPh sb="65" eb="67">
      <t>キニュウ</t>
    </rPh>
    <phoneticPr fontId="2"/>
  </si>
  <si>
    <t>　　6　短期入所生活介護及び介護老人福祉施設について、テクノロジーを導入する場合の夜間の人員配置基準（従来型）を適用する場合においては、</t>
    <rPh sb="4" eb="6">
      <t>タンキ</t>
    </rPh>
    <rPh sb="6" eb="8">
      <t>ニュウショ</t>
    </rPh>
    <rPh sb="8" eb="10">
      <t>セイカツ</t>
    </rPh>
    <rPh sb="10" eb="12">
      <t>カイゴ</t>
    </rPh>
    <rPh sb="12" eb="13">
      <t>オヨ</t>
    </rPh>
    <rPh sb="14" eb="16">
      <t>カイゴ</t>
    </rPh>
    <rPh sb="16" eb="18">
      <t>ロウジン</t>
    </rPh>
    <rPh sb="18" eb="20">
      <t>フクシ</t>
    </rPh>
    <rPh sb="20" eb="22">
      <t>シセツ</t>
    </rPh>
    <rPh sb="34" eb="36">
      <t>ドウニュウ</t>
    </rPh>
    <rPh sb="38" eb="40">
      <t>バアイ</t>
    </rPh>
    <rPh sb="41" eb="43">
      <t>ヤカン</t>
    </rPh>
    <rPh sb="44" eb="46">
      <t>ジンイン</t>
    </rPh>
    <rPh sb="46" eb="48">
      <t>ハイチ</t>
    </rPh>
    <rPh sb="48" eb="50">
      <t>キジュン</t>
    </rPh>
    <rPh sb="51" eb="54">
      <t>ジュウライガタ</t>
    </rPh>
    <rPh sb="56" eb="58">
      <t>テキヨウ</t>
    </rPh>
    <rPh sb="60" eb="62">
      <t>バアイ</t>
    </rPh>
    <phoneticPr fontId="2"/>
  </si>
  <si>
    <t>　　　「常勤換算後の人数」を算出してください。</t>
    <phoneticPr fontId="2"/>
  </si>
  <si>
    <t>　　5　常勤換算が必要なものについては、Ａ～Ｄの「週平均の勤務時間」をすべて足し、常勤の従業者が週に勤務すべき時間数で割って、</t>
    <phoneticPr fontId="2"/>
  </si>
  <si>
    <t>　　　　　勤務形態の区分　Ａ：常勤で専従　Ｂ：常勤で兼務　Ｃ：常勤以外で専従　Ｄ：常勤以外で兼務</t>
    <phoneticPr fontId="2"/>
  </si>
  <si>
    <t>　　　Ｂ～Ｄまでを加えた数の小計の行を挿入してください。</t>
    <phoneticPr fontId="2"/>
  </si>
  <si>
    <t>　　4　届出する従業者の職種ごとに下記の勤務形態の区分の順にまとめて記載し、「週平均の勤務時間」については、職種ごとのAの小計と、</t>
    <phoneticPr fontId="2"/>
  </si>
  <si>
    <t>　　　　　※複数単位実施の場合、その全てを記入のこと。</t>
    <phoneticPr fontId="2"/>
  </si>
  <si>
    <t>　　　　（記載例2―サービス提供時間 a 9：00～12：00、b 13：00～16：00、c 10：30～13：30、d 14：30～17：30、e 休日）</t>
    <phoneticPr fontId="2"/>
  </si>
  <si>
    <t>　　　　（記載例1―勤務時間 ①8：30～17：00、②16：30～1：00、③0：30～9：00、④休日）</t>
    <phoneticPr fontId="2"/>
  </si>
  <si>
    <t>　　　番号を付し、その番号を記入してください。</t>
    <phoneticPr fontId="2"/>
  </si>
  <si>
    <t>　　3　届出を行う従業者について、4週間分の勤務すべき時間数を記入してください。勤務時間ごとあるいはサービス提供時間単位ごとに区分して</t>
    <phoneticPr fontId="2"/>
  </si>
  <si>
    <t>　　　体制加算の内容をそのまま記載してください。</t>
    <phoneticPr fontId="2"/>
  </si>
  <si>
    <t>　　2　「人員配置区分」又は「該当する体制等」欄には、別紙「介護給付費算定に係る体制等状況一覧表」に掲げる人員配置区分の類型又は該当する</t>
    <phoneticPr fontId="2"/>
  </si>
  <si>
    <t>備考1　＊欄には、当該月の曜日を記入してください。</t>
    <phoneticPr fontId="2"/>
  </si>
  <si>
    <t>　（　　　　：　　　　)</t>
    <phoneticPr fontId="2"/>
  </si>
  <si>
    <t>看護師：准看護師 （夜間）</t>
    <rPh sb="2" eb="3">
      <t>シ</t>
    </rPh>
    <rPh sb="7" eb="8">
      <t>シ</t>
    </rPh>
    <rPh sb="10" eb="12">
      <t>ヤカン</t>
    </rPh>
    <phoneticPr fontId="2"/>
  </si>
  <si>
    <t>看護師：准看護師　(日中)</t>
    <rPh sb="2" eb="3">
      <t>シ</t>
    </rPh>
    <rPh sb="7" eb="8">
      <t>シ</t>
    </rPh>
    <phoneticPr fontId="2"/>
  </si>
  <si>
    <t>看護職員：介護職員</t>
  </si>
  <si>
    <t>＜配置状況＞</t>
  </si>
  <si>
    <t>常勤換算後の人数
（16h換算）</t>
    <rPh sb="0" eb="2">
      <t>ジョウキン</t>
    </rPh>
    <rPh sb="2" eb="4">
      <t>カンザン</t>
    </rPh>
    <rPh sb="4" eb="5">
      <t>ウシ</t>
    </rPh>
    <rPh sb="6" eb="8">
      <t>ニンズウ</t>
    </rPh>
    <rPh sb="13" eb="15">
      <t>カンザン</t>
    </rPh>
    <phoneticPr fontId="2"/>
  </si>
  <si>
    <t>１日の夜勤の合計時間</t>
    <rPh sb="1" eb="2">
      <t>ニチ</t>
    </rPh>
    <rPh sb="3" eb="5">
      <t>ヤキン</t>
    </rPh>
    <rPh sb="6" eb="8">
      <t>ゴウケイ</t>
    </rPh>
    <rPh sb="8" eb="10">
      <t>ジカン</t>
    </rPh>
    <phoneticPr fontId="2"/>
  </si>
  <si>
    <t>（再掲）
夜勤職員</t>
    <rPh sb="1" eb="3">
      <t>サイケイ</t>
    </rPh>
    <rPh sb="5" eb="7">
      <t>ヤキン</t>
    </rPh>
    <rPh sb="7" eb="9">
      <t>ショクイン</t>
    </rPh>
    <phoneticPr fontId="2"/>
  </si>
  <si>
    <t>e</t>
  </si>
  <si>
    <t>cd</t>
  </si>
  <si>
    <t>ab</t>
  </si>
  <si>
    <t>（記載例―2）</t>
    <phoneticPr fontId="2"/>
  </si>
  <si>
    <t>④</t>
  </si>
  <si>
    <t>①</t>
  </si>
  <si>
    <t>②</t>
  </si>
  <si>
    <t>③</t>
  </si>
  <si>
    <t>（記載例―1）</t>
    <phoneticPr fontId="2"/>
  </si>
  <si>
    <t>＊</t>
  </si>
  <si>
    <t>常勤換　　　　　　　　　算後の　　　　　　　　　　　　人数　</t>
    <rPh sb="27" eb="29">
      <t>ニンズウ</t>
    </rPh>
    <phoneticPr fontId="2"/>
  </si>
  <si>
    <t>週平均　　　　　　　　　の勤務　　　　　　　　　　　　　時間</t>
    <phoneticPr fontId="2"/>
  </si>
  <si>
    <t>4週の　　　　　　　　　　合計</t>
    <phoneticPr fontId="2"/>
  </si>
  <si>
    <t>第4週</t>
  </si>
  <si>
    <t>第3週</t>
  </si>
  <si>
    <t>第2週</t>
  </si>
  <si>
    <t>第1週</t>
  </si>
  <si>
    <t>氏　名</t>
    <phoneticPr fontId="2"/>
  </si>
  <si>
    <t>勤務　　　　　　　　　　形態</t>
    <phoneticPr fontId="2"/>
  </si>
  <si>
    <t>職　種</t>
    <phoneticPr fontId="2"/>
  </si>
  <si>
    <t>［入所（利用）定員（見込）数等　　　　　名］</t>
    <phoneticPr fontId="2"/>
  </si>
  <si>
    <t>「人員配置区分―　　型」又は「該当する体制等―　　　　　」</t>
    <phoneticPr fontId="2"/>
  </si>
  <si>
    <t>事業所・施設名（　　　　　　　　　　　　　　　　　　　　）</t>
    <phoneticPr fontId="2"/>
  </si>
  <si>
    <t>サービス種類（　　　　　　　　　　　　　　　　　　　　　）</t>
    <phoneticPr fontId="2"/>
  </si>
  <si>
    <t>従業者の勤務の体制及び勤務形態一覧表　（　　　　年　　　月分）</t>
    <phoneticPr fontId="2"/>
  </si>
  <si>
    <t>（別紙７）</t>
    <phoneticPr fontId="2"/>
  </si>
  <si>
    <t>・その他、各加算における規定は各サービスの告示等をご確認ください。</t>
    <rPh sb="3" eb="4">
      <t>タ</t>
    </rPh>
    <rPh sb="5" eb="6">
      <t>カク</t>
    </rPh>
    <rPh sb="6" eb="8">
      <t>カサン</t>
    </rPh>
    <rPh sb="12" eb="14">
      <t>キテイ</t>
    </rPh>
    <rPh sb="15" eb="16">
      <t>カク</t>
    </rPh>
    <rPh sb="21" eb="24">
      <t>コクジナド</t>
    </rPh>
    <rPh sb="26" eb="28">
      <t>カクニン</t>
    </rPh>
    <phoneticPr fontId="2"/>
  </si>
  <si>
    <t>　※新規事業所等で、届出日の属する月の前３月により計算する場合は、該当する月に人数・勤務延時間数等を記入してください。</t>
    <rPh sb="2" eb="4">
      <t>シンキ</t>
    </rPh>
    <rPh sb="4" eb="7">
      <t>ジギョウショ</t>
    </rPh>
    <rPh sb="7" eb="8">
      <t>トウ</t>
    </rPh>
    <rPh sb="25" eb="27">
      <t>ケイサン</t>
    </rPh>
    <rPh sb="29" eb="31">
      <t>バアイ</t>
    </rPh>
    <rPh sb="33" eb="35">
      <t>ガイトウ</t>
    </rPh>
    <rPh sb="37" eb="38">
      <t>ツキ</t>
    </rPh>
    <rPh sb="39" eb="41">
      <t>ニンズウ</t>
    </rPh>
    <rPh sb="42" eb="44">
      <t>キンム</t>
    </rPh>
    <rPh sb="44" eb="45">
      <t>ノ</t>
    </rPh>
    <rPh sb="45" eb="48">
      <t>ジカンスウ</t>
    </rPh>
    <rPh sb="48" eb="49">
      <t>トウ</t>
    </rPh>
    <rPh sb="50" eb="52">
      <t>キニュウ</t>
    </rPh>
    <phoneticPr fontId="2"/>
  </si>
  <si>
    <t>　　この場合、「②常勤換算方法の対象外である常勤の職員数」の欄に１（人）として記入してください。</t>
    <rPh sb="4" eb="6">
      <t>バアイ</t>
    </rPh>
    <rPh sb="30" eb="31">
      <t>ラン</t>
    </rPh>
    <rPh sb="34" eb="35">
      <t>ニン</t>
    </rPh>
    <rPh sb="39" eb="41">
      <t>キニュウ</t>
    </rPh>
    <phoneticPr fontId="2"/>
  </si>
  <si>
    <t>　　常勤の従業者が勤務すべき時間数を満たしたものとし、１（常勤）として取り扱うことが可能です。</t>
    <rPh sb="2" eb="4">
      <t>ジョウキン</t>
    </rPh>
    <rPh sb="5" eb="8">
      <t>ジュウギョウシャ</t>
    </rPh>
    <rPh sb="9" eb="11">
      <t>キンム</t>
    </rPh>
    <rPh sb="14" eb="16">
      <t>ジカン</t>
    </rPh>
    <rPh sb="16" eb="17">
      <t>スウ</t>
    </rPh>
    <rPh sb="18" eb="19">
      <t>ミ</t>
    </rPh>
    <rPh sb="29" eb="31">
      <t>ジョウキン</t>
    </rPh>
    <rPh sb="35" eb="36">
      <t>ト</t>
    </rPh>
    <rPh sb="37" eb="38">
      <t>アツカ</t>
    </rPh>
    <rPh sb="42" eb="44">
      <t>カノウ</t>
    </rPh>
    <phoneticPr fontId="2"/>
  </si>
  <si>
    <t>　※従業者が育児・介護休業法による短時間勤務制度等を利用する場合、週30時間以上の勤務で、常勤換算方法での計算にあたり、</t>
    <rPh sb="2" eb="5">
      <t>ジュウギョウシャ</t>
    </rPh>
    <rPh sb="6" eb="8">
      <t>イクジ</t>
    </rPh>
    <rPh sb="9" eb="11">
      <t>カイゴ</t>
    </rPh>
    <rPh sb="11" eb="14">
      <t>キュウギョウホウ</t>
    </rPh>
    <rPh sb="17" eb="20">
      <t>タンジカン</t>
    </rPh>
    <rPh sb="20" eb="22">
      <t>キンム</t>
    </rPh>
    <rPh sb="22" eb="24">
      <t>セイド</t>
    </rPh>
    <rPh sb="24" eb="25">
      <t>トウ</t>
    </rPh>
    <rPh sb="26" eb="28">
      <t>リヨウ</t>
    </rPh>
    <rPh sb="30" eb="32">
      <t>バアイ</t>
    </rPh>
    <rPh sb="33" eb="34">
      <t>シュウ</t>
    </rPh>
    <rPh sb="36" eb="38">
      <t>ジカン</t>
    </rPh>
    <rPh sb="38" eb="40">
      <t>イジョウ</t>
    </rPh>
    <rPh sb="41" eb="43">
      <t>キンム</t>
    </rPh>
    <rPh sb="45" eb="47">
      <t>ジョウキン</t>
    </rPh>
    <rPh sb="47" eb="49">
      <t>カンサン</t>
    </rPh>
    <rPh sb="49" eb="51">
      <t>ホウホウ</t>
    </rPh>
    <rPh sb="53" eb="55">
      <t>ケイサン</t>
    </rPh>
    <phoneticPr fontId="2"/>
  </si>
  <si>
    <t>　　非正規雇用であっても、週40時間勤務する従業者は常勤扱いとなります。</t>
    <phoneticPr fontId="2"/>
  </si>
  <si>
    <t>　　達していることをいいます。雇用の形態は考慮しません。例えば、常勤者は週に40時間勤務することとされた事業所であれば、</t>
    <rPh sb="2" eb="3">
      <t>タッ</t>
    </rPh>
    <rPh sb="15" eb="17">
      <t>コヨウ</t>
    </rPh>
    <rPh sb="18" eb="20">
      <t>ケイタイ</t>
    </rPh>
    <rPh sb="21" eb="23">
      <t>コウリョ</t>
    </rPh>
    <phoneticPr fontId="2"/>
  </si>
  <si>
    <t>　　常勤とは、当該事業所または施設における勤務時間が、当該事業所または施設において定められている常勤の従業者が勤務すべき時間数に</t>
    <rPh sb="2" eb="4">
      <t>ジョウキン</t>
    </rPh>
    <rPh sb="7" eb="9">
      <t>トウガイ</t>
    </rPh>
    <rPh sb="9" eb="12">
      <t>ジギョウショ</t>
    </rPh>
    <rPh sb="15" eb="17">
      <t>シセツ</t>
    </rPh>
    <rPh sb="21" eb="23">
      <t>キンム</t>
    </rPh>
    <rPh sb="23" eb="25">
      <t>ジカン</t>
    </rPh>
    <rPh sb="27" eb="29">
      <t>トウガイ</t>
    </rPh>
    <rPh sb="29" eb="32">
      <t>ジギョウショ</t>
    </rPh>
    <rPh sb="35" eb="37">
      <t>シセツ</t>
    </rPh>
    <rPh sb="41" eb="42">
      <t>サダ</t>
    </rPh>
    <rPh sb="48" eb="50">
      <t>ジョウキン</t>
    </rPh>
    <rPh sb="51" eb="54">
      <t>ジュウギョウシャ</t>
    </rPh>
    <rPh sb="55" eb="57">
      <t>キンム</t>
    </rPh>
    <rPh sb="60" eb="63">
      <t>ジカンスウ</t>
    </rPh>
    <phoneticPr fontId="2"/>
  </si>
  <si>
    <t>　※「常勤・非常勤」の区分について</t>
    <rPh sb="3" eb="5">
      <t>ジョウキン</t>
    </rPh>
    <rPh sb="6" eb="9">
      <t>ヒジョウキン</t>
    </rPh>
    <rPh sb="11" eb="13">
      <t>クブン</t>
    </rPh>
    <phoneticPr fontId="2"/>
  </si>
  <si>
    <t>　④非常勤の職員の勤務延時間数を記入してください。</t>
    <rPh sb="2" eb="5">
      <t>ヒジョウキン</t>
    </rPh>
    <rPh sb="6" eb="8">
      <t>ショクイン</t>
    </rPh>
    <rPh sb="9" eb="11">
      <t>キンム</t>
    </rPh>
    <rPh sb="11" eb="12">
      <t>ノ</t>
    </rPh>
    <rPh sb="12" eb="15">
      <t>ジカンスウ</t>
    </rPh>
    <rPh sb="16" eb="18">
      <t>キニュウ</t>
    </rPh>
    <phoneticPr fontId="2"/>
  </si>
  <si>
    <t>　③常勤の職員のうち、併設事業所等の他の職種を兼務しており、1人と計算するのが適当ではない職員の勤務延時間数を記入してください。</t>
    <rPh sb="2" eb="4">
      <t>ジョウキン</t>
    </rPh>
    <rPh sb="5" eb="7">
      <t>ショクイン</t>
    </rPh>
    <rPh sb="11" eb="13">
      <t>ヘイセツ</t>
    </rPh>
    <rPh sb="13" eb="16">
      <t>ジギョウショ</t>
    </rPh>
    <rPh sb="16" eb="17">
      <t>トウ</t>
    </rPh>
    <rPh sb="18" eb="19">
      <t>タ</t>
    </rPh>
    <rPh sb="20" eb="22">
      <t>ショクシュ</t>
    </rPh>
    <rPh sb="23" eb="25">
      <t>ケンム</t>
    </rPh>
    <rPh sb="31" eb="32">
      <t>ニン</t>
    </rPh>
    <rPh sb="33" eb="35">
      <t>ケイサン</t>
    </rPh>
    <rPh sb="39" eb="41">
      <t>テキトウ</t>
    </rPh>
    <rPh sb="45" eb="47">
      <t>ショクイン</t>
    </rPh>
    <rPh sb="48" eb="50">
      <t>キンム</t>
    </rPh>
    <rPh sb="50" eb="51">
      <t>ノ</t>
    </rPh>
    <rPh sb="51" eb="53">
      <t>ジカン</t>
    </rPh>
    <rPh sb="53" eb="54">
      <t>スウ</t>
    </rPh>
    <rPh sb="55" eb="57">
      <t>キニュウ</t>
    </rPh>
    <phoneticPr fontId="2"/>
  </si>
  <si>
    <t>　　（常勤・専従の職員、当該事業所または施設で他の職種を兼務している常勤の職員等）</t>
    <rPh sb="3" eb="5">
      <t>ジョウキン</t>
    </rPh>
    <rPh sb="6" eb="8">
      <t>センジュウ</t>
    </rPh>
    <rPh sb="9" eb="11">
      <t>ショクイン</t>
    </rPh>
    <rPh sb="12" eb="14">
      <t>トウガイ</t>
    </rPh>
    <rPh sb="14" eb="17">
      <t>ジギョウショ</t>
    </rPh>
    <rPh sb="20" eb="22">
      <t>シセツ</t>
    </rPh>
    <rPh sb="23" eb="24">
      <t>タ</t>
    </rPh>
    <rPh sb="25" eb="27">
      <t>ショクシュ</t>
    </rPh>
    <rPh sb="28" eb="30">
      <t>ケンム</t>
    </rPh>
    <rPh sb="34" eb="36">
      <t>ジョウキン</t>
    </rPh>
    <rPh sb="37" eb="39">
      <t>ショクイン</t>
    </rPh>
    <rPh sb="39" eb="40">
      <t>トウ</t>
    </rPh>
    <phoneticPr fontId="2"/>
  </si>
  <si>
    <t>　②当該事業所または施設における、常勤換算方法の対象外である常勤の職員の人数を記入してください。</t>
    <rPh sb="17" eb="19">
      <t>ジョウキン</t>
    </rPh>
    <rPh sb="19" eb="21">
      <t>カンサン</t>
    </rPh>
    <rPh sb="21" eb="23">
      <t>ホウホウ</t>
    </rPh>
    <rPh sb="24" eb="26">
      <t>タイショウ</t>
    </rPh>
    <rPh sb="26" eb="27">
      <t>ガイ</t>
    </rPh>
    <rPh sb="36" eb="38">
      <t>ニンズウ</t>
    </rPh>
    <rPh sb="39" eb="41">
      <t>キニュウ</t>
    </rPh>
    <phoneticPr fontId="2"/>
  </si>
  <si>
    <t>　①当該事業所または施設において常勤の職員が勤務すべき一月あたりの時間数を記入してください。</t>
    <rPh sb="2" eb="4">
      <t>トウガイ</t>
    </rPh>
    <rPh sb="4" eb="7">
      <t>ジギョウショ</t>
    </rPh>
    <rPh sb="10" eb="12">
      <t>シセツ</t>
    </rPh>
    <rPh sb="16" eb="18">
      <t>ジョウキン</t>
    </rPh>
    <rPh sb="19" eb="21">
      <t>ショクイン</t>
    </rPh>
    <rPh sb="22" eb="24">
      <t>キンム</t>
    </rPh>
    <rPh sb="27" eb="28">
      <t>ヒト</t>
    </rPh>
    <rPh sb="28" eb="29">
      <t>ツキ</t>
    </rPh>
    <rPh sb="33" eb="36">
      <t>ジカンスウ</t>
    </rPh>
    <rPh sb="37" eb="39">
      <t>キニュウ</t>
    </rPh>
    <phoneticPr fontId="2"/>
  </si>
  <si>
    <t>　常勤で兼務の従業者については、実態に応じて以下の①・②に実人数または勤務延時間数を記入してください。</t>
    <rPh sb="1" eb="3">
      <t>ジョウキン</t>
    </rPh>
    <rPh sb="4" eb="6">
      <t>ケンム</t>
    </rPh>
    <rPh sb="7" eb="10">
      <t>ジュウギョウシャ</t>
    </rPh>
    <rPh sb="16" eb="18">
      <t>ジッタイ</t>
    </rPh>
    <rPh sb="19" eb="20">
      <t>オウ</t>
    </rPh>
    <rPh sb="22" eb="24">
      <t>イカ</t>
    </rPh>
    <rPh sb="29" eb="30">
      <t>ジツ</t>
    </rPh>
    <rPh sb="30" eb="32">
      <t>ニンズウ</t>
    </rPh>
    <rPh sb="35" eb="37">
      <t>キンム</t>
    </rPh>
    <rPh sb="37" eb="38">
      <t>ノ</t>
    </rPh>
    <rPh sb="38" eb="41">
      <t>ジカンスウ</t>
    </rPh>
    <rPh sb="42" eb="44">
      <t>キニュウ</t>
    </rPh>
    <phoneticPr fontId="2"/>
  </si>
  <si>
    <t>　除することにより、常勤の従業者の員数に換算する方法」であるため、常勤の従業者については常勤換算方法によらず、実人数で計算します。</t>
    <phoneticPr fontId="2"/>
  </si>
  <si>
    <t>　　常勤換算方法とは、非常勤の従業者について「事業所の従業者の勤務延時間数を当該事業所において常勤の従業者が勤務すべき時間数で</t>
    <phoneticPr fontId="2"/>
  </si>
  <si>
    <t>・「３．常勤換算方法による計算」</t>
    <rPh sb="4" eb="6">
      <t>ジョウキン</t>
    </rPh>
    <rPh sb="6" eb="8">
      <t>カンサン</t>
    </rPh>
    <rPh sb="8" eb="10">
      <t>ホウホウ</t>
    </rPh>
    <rPh sb="13" eb="15">
      <t>ケイサン</t>
    </rPh>
    <phoneticPr fontId="2"/>
  </si>
  <si>
    <t>　実績月数を記入してください。</t>
    <rPh sb="1" eb="3">
      <t>ジッセキ</t>
    </rPh>
    <rPh sb="3" eb="5">
      <t>ツキスウ</t>
    </rPh>
    <rPh sb="6" eb="8">
      <t>キニュウ</t>
    </rPh>
    <phoneticPr fontId="2"/>
  </si>
  <si>
    <t>　届出日の属する月の前３月について計算します。それ以外は前年度（３月を除く）の平均を用いて計算しますので、該当の期間を選択し、</t>
    <rPh sb="1" eb="3">
      <t>トドケデ</t>
    </rPh>
    <rPh sb="3" eb="4">
      <t>ヒ</t>
    </rPh>
    <rPh sb="5" eb="6">
      <t>ゾク</t>
    </rPh>
    <rPh sb="8" eb="9">
      <t>ツキ</t>
    </rPh>
    <rPh sb="10" eb="11">
      <t>マエ</t>
    </rPh>
    <rPh sb="12" eb="13">
      <t>ガツ</t>
    </rPh>
    <rPh sb="17" eb="19">
      <t>ケイサン</t>
    </rPh>
    <rPh sb="25" eb="27">
      <t>イガイ</t>
    </rPh>
    <rPh sb="28" eb="31">
      <t>ゼンネンド</t>
    </rPh>
    <rPh sb="33" eb="34">
      <t>ガツ</t>
    </rPh>
    <rPh sb="35" eb="36">
      <t>ノゾ</t>
    </rPh>
    <rPh sb="39" eb="41">
      <t>ヘイキン</t>
    </rPh>
    <rPh sb="42" eb="43">
      <t>モチ</t>
    </rPh>
    <rPh sb="45" eb="47">
      <t>ケイサン</t>
    </rPh>
    <rPh sb="53" eb="55">
      <t>ガイトウ</t>
    </rPh>
    <rPh sb="56" eb="58">
      <t>キカン</t>
    </rPh>
    <rPh sb="59" eb="61">
      <t>センタク</t>
    </rPh>
    <phoneticPr fontId="2"/>
  </si>
  <si>
    <t>・「２．有資格者等の割合の算定期間」は、前年度の実績が６月に満たない事業所（新たに事業を開始した、または再開した事業所）については、</t>
    <rPh sb="4" eb="8">
      <t>ユウシカクシャ</t>
    </rPh>
    <rPh sb="8" eb="9">
      <t>トウ</t>
    </rPh>
    <rPh sb="10" eb="12">
      <t>ワリアイ</t>
    </rPh>
    <rPh sb="13" eb="15">
      <t>サンテイ</t>
    </rPh>
    <rPh sb="15" eb="17">
      <t>キカン</t>
    </rPh>
    <rPh sb="20" eb="23">
      <t>ゼンネンド</t>
    </rPh>
    <rPh sb="24" eb="26">
      <t>ジッセキ</t>
    </rPh>
    <rPh sb="28" eb="29">
      <t>ガツ</t>
    </rPh>
    <rPh sb="30" eb="31">
      <t>ミ</t>
    </rPh>
    <rPh sb="34" eb="37">
      <t>ジギョウショ</t>
    </rPh>
    <rPh sb="38" eb="39">
      <t>アラ</t>
    </rPh>
    <rPh sb="41" eb="43">
      <t>ジギョウ</t>
    </rPh>
    <rPh sb="44" eb="46">
      <t>カイシ</t>
    </rPh>
    <rPh sb="52" eb="54">
      <t>サイカイ</t>
    </rPh>
    <rPh sb="56" eb="59">
      <t>ジギョウショ</t>
    </rPh>
    <phoneticPr fontId="2"/>
  </si>
  <si>
    <t>・「１．割合を計算する職員」は、本計算書で計算する有資格者等の種類を選択してください。</t>
    <rPh sb="4" eb="6">
      <t>ワリアイ</t>
    </rPh>
    <rPh sb="7" eb="9">
      <t>ケイサン</t>
    </rPh>
    <rPh sb="11" eb="13">
      <t>ショクイン</t>
    </rPh>
    <rPh sb="16" eb="17">
      <t>ホン</t>
    </rPh>
    <rPh sb="17" eb="19">
      <t>ケイサン</t>
    </rPh>
    <rPh sb="19" eb="20">
      <t>ショ</t>
    </rPh>
    <rPh sb="21" eb="23">
      <t>ケイサン</t>
    </rPh>
    <rPh sb="25" eb="29">
      <t>ユウシカクシャ</t>
    </rPh>
    <rPh sb="29" eb="30">
      <t>トウ</t>
    </rPh>
    <rPh sb="31" eb="33">
      <t>シュルイ</t>
    </rPh>
    <rPh sb="34" eb="36">
      <t>センタク</t>
    </rPh>
    <phoneticPr fontId="2"/>
  </si>
  <si>
    <t>・本計算書は、黄色網掛けのセルについて記入または選択をしてください。</t>
    <rPh sb="1" eb="2">
      <t>ホン</t>
    </rPh>
    <rPh sb="2" eb="5">
      <t>ケイサンショ</t>
    </rPh>
    <rPh sb="7" eb="9">
      <t>キイロ</t>
    </rPh>
    <rPh sb="9" eb="11">
      <t>アミカ</t>
    </rPh>
    <rPh sb="19" eb="21">
      <t>キニュウ</t>
    </rPh>
    <rPh sb="24" eb="26">
      <t>センタク</t>
    </rPh>
    <phoneticPr fontId="2"/>
  </si>
  <si>
    <t>　また、自治体が定める「（別紙７）従業者の勤務の体制及び勤務形態一覧表」を作成して提出する場合も、本計算書の添付は不要です。</t>
    <rPh sb="4" eb="7">
      <t>ジチタイ</t>
    </rPh>
    <rPh sb="8" eb="9">
      <t>サダ</t>
    </rPh>
    <rPh sb="13" eb="15">
      <t>ベッシ</t>
    </rPh>
    <rPh sb="17" eb="20">
      <t>ジュウギョウシャ</t>
    </rPh>
    <rPh sb="21" eb="23">
      <t>キンム</t>
    </rPh>
    <rPh sb="24" eb="26">
      <t>タイセイ</t>
    </rPh>
    <rPh sb="26" eb="27">
      <t>オヨ</t>
    </rPh>
    <rPh sb="28" eb="30">
      <t>キンム</t>
    </rPh>
    <rPh sb="30" eb="32">
      <t>ケイタイ</t>
    </rPh>
    <rPh sb="32" eb="35">
      <t>イチランヒョウ</t>
    </rPh>
    <rPh sb="37" eb="39">
      <t>サクセイ</t>
    </rPh>
    <rPh sb="41" eb="43">
      <t>テイシュツ</t>
    </rPh>
    <rPh sb="45" eb="47">
      <t>バアイ</t>
    </rPh>
    <rPh sb="49" eb="50">
      <t>ホン</t>
    </rPh>
    <rPh sb="50" eb="53">
      <t>ケイサンショ</t>
    </rPh>
    <rPh sb="54" eb="56">
      <t>テンプ</t>
    </rPh>
    <rPh sb="57" eb="59">
      <t>フヨウ</t>
    </rPh>
    <phoneticPr fontId="2"/>
  </si>
  <si>
    <t>　場合の参考資料としてご活用ください。なお、有資格者等の割合の計算根拠資料が他にある場合は、本計算書の添付は不要です。</t>
    <rPh sb="12" eb="14">
      <t>カツヨウ</t>
    </rPh>
    <rPh sb="22" eb="26">
      <t>ユウシカクシャ</t>
    </rPh>
    <rPh sb="26" eb="27">
      <t>トウ</t>
    </rPh>
    <rPh sb="28" eb="30">
      <t>ワリアイ</t>
    </rPh>
    <rPh sb="31" eb="33">
      <t>ケイサン</t>
    </rPh>
    <rPh sb="33" eb="35">
      <t>コンキョ</t>
    </rPh>
    <rPh sb="35" eb="37">
      <t>シリョウ</t>
    </rPh>
    <rPh sb="38" eb="39">
      <t>ホカ</t>
    </rPh>
    <rPh sb="42" eb="44">
      <t>バアイ</t>
    </rPh>
    <rPh sb="46" eb="47">
      <t>ホン</t>
    </rPh>
    <rPh sb="47" eb="50">
      <t>ケイサンショ</t>
    </rPh>
    <rPh sb="51" eb="53">
      <t>テンプ</t>
    </rPh>
    <rPh sb="54" eb="56">
      <t>フヨウ</t>
    </rPh>
    <phoneticPr fontId="2"/>
  </si>
  <si>
    <t>・本計算書は、有資格者等の割合が要件となっている加算の届出を行う際に、事業所・施設において使用している勤務割表等を自治体に提出する</t>
    <rPh sb="7" eb="11">
      <t>ユウシカクシャ</t>
    </rPh>
    <rPh sb="11" eb="12">
      <t>トウ</t>
    </rPh>
    <rPh sb="13" eb="15">
      <t>ワリアイ</t>
    </rPh>
    <rPh sb="16" eb="18">
      <t>ヨウケン</t>
    </rPh>
    <rPh sb="24" eb="26">
      <t>カサン</t>
    </rPh>
    <rPh sb="27" eb="29">
      <t>トドケデ</t>
    </rPh>
    <rPh sb="30" eb="31">
      <t>オコナ</t>
    </rPh>
    <rPh sb="32" eb="33">
      <t>サイ</t>
    </rPh>
    <rPh sb="35" eb="38">
      <t>ジギョウショ</t>
    </rPh>
    <rPh sb="39" eb="41">
      <t>シセツ</t>
    </rPh>
    <rPh sb="45" eb="47">
      <t>シヨウ</t>
    </rPh>
    <rPh sb="51" eb="53">
      <t>キンム</t>
    </rPh>
    <rPh sb="53" eb="54">
      <t>ワ</t>
    </rPh>
    <rPh sb="54" eb="55">
      <t>ヒョウ</t>
    </rPh>
    <rPh sb="55" eb="56">
      <t>トウ</t>
    </rPh>
    <rPh sb="57" eb="60">
      <t>ジチタイ</t>
    </rPh>
    <rPh sb="61" eb="63">
      <t>テイシュツ</t>
    </rPh>
    <phoneticPr fontId="2"/>
  </si>
  <si>
    <t>備考</t>
    <rPh sb="0" eb="2">
      <t>ビコウ</t>
    </rPh>
    <phoneticPr fontId="2"/>
  </si>
  <si>
    <t>の割合</t>
    <rPh sb="1" eb="3">
      <t>ワリアイ</t>
    </rPh>
    <phoneticPr fontId="2"/>
  </si>
  <si>
    <t>一月あたりの平均値</t>
    <rPh sb="0" eb="1">
      <t>ヒト</t>
    </rPh>
    <rPh sb="1" eb="2">
      <t>ツキ</t>
    </rPh>
    <rPh sb="6" eb="8">
      <t>ヘイキン</t>
    </rPh>
    <rPh sb="8" eb="9">
      <t>アタイ</t>
    </rPh>
    <phoneticPr fontId="2"/>
  </si>
  <si>
    <t>合計</t>
    <rPh sb="0" eb="2">
      <t>ゴウケイ</t>
    </rPh>
    <phoneticPr fontId="2"/>
  </si>
  <si>
    <t>時間</t>
    <rPh sb="0" eb="2">
      <t>ジカン</t>
    </rPh>
    <phoneticPr fontId="2"/>
  </si>
  <si>
    <t>人</t>
    <rPh sb="0" eb="1">
      <t>ニン</t>
    </rPh>
    <phoneticPr fontId="2"/>
  </si>
  <si>
    <t>6月</t>
  </si>
  <si>
    <t>5月</t>
  </si>
  <si>
    <t>4月</t>
    <rPh sb="1" eb="2">
      <t>ガツ</t>
    </rPh>
    <phoneticPr fontId="2"/>
  </si>
  <si>
    <t>令和　　年</t>
    <rPh sb="0" eb="2">
      <t>レイワ</t>
    </rPh>
    <rPh sb="4" eb="5">
      <t>ネン</t>
    </rPh>
    <phoneticPr fontId="2"/>
  </si>
  <si>
    <t>④非常勤の職員の
勤務延時間数</t>
    <rPh sb="1" eb="4">
      <t>ヒジョウキン</t>
    </rPh>
    <rPh sb="5" eb="7">
      <t>ショクイン</t>
    </rPh>
    <rPh sb="9" eb="11">
      <t>キンム</t>
    </rPh>
    <rPh sb="11" eb="12">
      <t>ノ</t>
    </rPh>
    <rPh sb="12" eb="15">
      <t>ジカンスウ</t>
    </rPh>
    <phoneticPr fontId="2"/>
  </si>
  <si>
    <t>③常勤換算方法の対象
である常勤の職員の
勤務延時間数
（常勤・兼務等）</t>
    <rPh sb="1" eb="3">
      <t>ジョウキン</t>
    </rPh>
    <rPh sb="3" eb="5">
      <t>カンサン</t>
    </rPh>
    <rPh sb="5" eb="7">
      <t>ホウホウ</t>
    </rPh>
    <rPh sb="8" eb="10">
      <t>タイショウ</t>
    </rPh>
    <rPh sb="14" eb="16">
      <t>ジョウキン</t>
    </rPh>
    <rPh sb="17" eb="19">
      <t>ショクイン</t>
    </rPh>
    <rPh sb="21" eb="23">
      <t>キンム</t>
    </rPh>
    <rPh sb="23" eb="24">
      <t>ノ</t>
    </rPh>
    <rPh sb="24" eb="27">
      <t>ジカンスウ</t>
    </rPh>
    <rPh sb="29" eb="31">
      <t>ジョウキン</t>
    </rPh>
    <rPh sb="32" eb="34">
      <t>ケンム</t>
    </rPh>
    <rPh sb="34" eb="35">
      <t>トウ</t>
    </rPh>
    <phoneticPr fontId="2"/>
  </si>
  <si>
    <r>
      <t xml:space="preserve">②常勤換算方法の
</t>
    </r>
    <r>
      <rPr>
        <u/>
        <sz val="11"/>
        <rFont val="ＭＳ Ｐゴシック"/>
        <family val="3"/>
        <charset val="128"/>
      </rPr>
      <t>対象外</t>
    </r>
    <r>
      <rPr>
        <sz val="11"/>
        <rFont val="ＭＳ Ｐゴシック"/>
        <family val="3"/>
        <charset val="128"/>
      </rPr>
      <t>である
常勤の職員数
（常勤・専従等）</t>
    </r>
    <rPh sb="1" eb="3">
      <t>ジョウキン</t>
    </rPh>
    <rPh sb="3" eb="5">
      <t>カンサン</t>
    </rPh>
    <rPh sb="5" eb="7">
      <t>ホウホウ</t>
    </rPh>
    <rPh sb="9" eb="12">
      <t>タイショウガイ</t>
    </rPh>
    <rPh sb="16" eb="18">
      <t>ジョウキン</t>
    </rPh>
    <rPh sb="19" eb="21">
      <t>ショクイン</t>
    </rPh>
    <rPh sb="21" eb="22">
      <t>スウ</t>
    </rPh>
    <rPh sb="24" eb="26">
      <t>ジョウキン</t>
    </rPh>
    <rPh sb="27" eb="29">
      <t>センジュウ</t>
    </rPh>
    <rPh sb="29" eb="30">
      <t>トウ</t>
    </rPh>
    <phoneticPr fontId="2"/>
  </si>
  <si>
    <t>①常勤職員の
一月あたりの
勤務時間</t>
    <rPh sb="1" eb="3">
      <t>ジョウキン</t>
    </rPh>
    <rPh sb="3" eb="5">
      <t>ショクイン</t>
    </rPh>
    <rPh sb="7" eb="8">
      <t>ヒト</t>
    </rPh>
    <rPh sb="8" eb="9">
      <t>ツキ</t>
    </rPh>
    <rPh sb="14" eb="16">
      <t>キンム</t>
    </rPh>
    <rPh sb="16" eb="18">
      <t>ジカン</t>
    </rPh>
    <phoneticPr fontId="2"/>
  </si>
  <si>
    <t>常勤換算人数</t>
    <rPh sb="0" eb="2">
      <t>ジョウキン</t>
    </rPh>
    <rPh sb="2" eb="4">
      <t>カンサン</t>
    </rPh>
    <rPh sb="4" eb="6">
      <t>ニンズウ</t>
    </rPh>
    <phoneticPr fontId="2"/>
  </si>
  <si>
    <t>届出日の属する月の前３月</t>
    <rPh sb="0" eb="2">
      <t>トドケデ</t>
    </rPh>
    <rPh sb="2" eb="3">
      <t>ヒ</t>
    </rPh>
    <rPh sb="4" eb="5">
      <t>ゾク</t>
    </rPh>
    <rPh sb="7" eb="8">
      <t>ツキ</t>
    </rPh>
    <rPh sb="9" eb="10">
      <t>マエ</t>
    </rPh>
    <rPh sb="11" eb="12">
      <t>ガツ</t>
    </rPh>
    <phoneticPr fontId="2"/>
  </si>
  <si>
    <t>2月</t>
  </si>
  <si>
    <t>1月</t>
  </si>
  <si>
    <t>12月</t>
  </si>
  <si>
    <t>11月</t>
  </si>
  <si>
    <t>10月</t>
  </si>
  <si>
    <t>9月</t>
  </si>
  <si>
    <t>8月</t>
  </si>
  <si>
    <t>7月</t>
  </si>
  <si>
    <t>-</t>
    <phoneticPr fontId="2"/>
  </si>
  <si>
    <t>勤続年数７年以上の職員</t>
    <rPh sb="0" eb="2">
      <t>キンゾク</t>
    </rPh>
    <rPh sb="2" eb="4">
      <t>ネンスウ</t>
    </rPh>
    <rPh sb="5" eb="6">
      <t>ネン</t>
    </rPh>
    <rPh sb="6" eb="8">
      <t>イジョウ</t>
    </rPh>
    <rPh sb="9" eb="11">
      <t>ショクイン</t>
    </rPh>
    <phoneticPr fontId="2"/>
  </si>
  <si>
    <t>介護サービスを直接提供する職員</t>
    <rPh sb="0" eb="2">
      <t>カイゴ</t>
    </rPh>
    <rPh sb="7" eb="9">
      <t>チョクセツ</t>
    </rPh>
    <rPh sb="9" eb="11">
      <t>テイキョウ</t>
    </rPh>
    <rPh sb="13" eb="15">
      <t>ショクイン</t>
    </rPh>
    <phoneticPr fontId="2"/>
  </si>
  <si>
    <t>勤続年数10年以上の介護福祉士</t>
    <rPh sb="0" eb="2">
      <t>キンゾク</t>
    </rPh>
    <rPh sb="2" eb="3">
      <t>ネン</t>
    </rPh>
    <rPh sb="3" eb="4">
      <t>スウ</t>
    </rPh>
    <rPh sb="6" eb="7">
      <t>ネン</t>
    </rPh>
    <rPh sb="7" eb="9">
      <t>イジョウ</t>
    </rPh>
    <rPh sb="10" eb="12">
      <t>カイゴ</t>
    </rPh>
    <rPh sb="12" eb="15">
      <t>フクシシ</t>
    </rPh>
    <phoneticPr fontId="2"/>
  </si>
  <si>
    <t>介護職員</t>
    <rPh sb="0" eb="2">
      <t>カイゴ</t>
    </rPh>
    <rPh sb="2" eb="4">
      <t>ショクイン</t>
    </rPh>
    <phoneticPr fontId="2"/>
  </si>
  <si>
    <t>介護福祉士</t>
    <rPh sb="0" eb="2">
      <t>カイゴ</t>
    </rPh>
    <rPh sb="2" eb="5">
      <t>フクシシ</t>
    </rPh>
    <phoneticPr fontId="2"/>
  </si>
  <si>
    <t>割合を計算する職員</t>
    <rPh sb="0" eb="2">
      <t>ワリアイ</t>
    </rPh>
    <rPh sb="3" eb="5">
      <t>ケイサン</t>
    </rPh>
    <rPh sb="7" eb="9">
      <t>ショクイン</t>
    </rPh>
    <phoneticPr fontId="2"/>
  </si>
  <si>
    <t>分母</t>
    <rPh sb="0" eb="2">
      <t>ブンボ</t>
    </rPh>
    <phoneticPr fontId="2"/>
  </si>
  <si>
    <t>分子</t>
    <rPh sb="0" eb="2">
      <t>ブンシ</t>
    </rPh>
    <phoneticPr fontId="2"/>
  </si>
  <si>
    <t>前年度（３月を除く）</t>
    <rPh sb="0" eb="3">
      <t>ゼンネンド</t>
    </rPh>
    <rPh sb="5" eb="6">
      <t>ガツ</t>
    </rPh>
    <rPh sb="7" eb="8">
      <t>ノゾ</t>
    </rPh>
    <phoneticPr fontId="2"/>
  </si>
  <si>
    <t>３．常勤換算方法による計算</t>
    <rPh sb="2" eb="4">
      <t>ジョウキン</t>
    </rPh>
    <rPh sb="4" eb="6">
      <t>カンサン</t>
    </rPh>
    <rPh sb="6" eb="8">
      <t>ホウホウ</t>
    </rPh>
    <rPh sb="11" eb="13">
      <t>ケイサン</t>
    </rPh>
    <phoneticPr fontId="2"/>
  </si>
  <si>
    <t>実績月数　</t>
    <rPh sb="0" eb="2">
      <t>ジッセキ</t>
    </rPh>
    <rPh sb="2" eb="4">
      <t>ツキスウ</t>
    </rPh>
    <phoneticPr fontId="2"/>
  </si>
  <si>
    <t>前年度（３月を除く）</t>
  </si>
  <si>
    <t>２．有資格者等の割合の算定期間</t>
    <rPh sb="2" eb="6">
      <t>ユウシカクシャ</t>
    </rPh>
    <rPh sb="6" eb="7">
      <t>トウ</t>
    </rPh>
    <rPh sb="8" eb="10">
      <t>ワリアイ</t>
    </rPh>
    <rPh sb="11" eb="13">
      <t>サンテイ</t>
    </rPh>
    <rPh sb="13" eb="15">
      <t>キカン</t>
    </rPh>
    <phoneticPr fontId="2"/>
  </si>
  <si>
    <t>介護職員</t>
  </si>
  <si>
    <t>１．割合を計算する職員</t>
    <rPh sb="2" eb="4">
      <t>ワリアイ</t>
    </rPh>
    <rPh sb="5" eb="7">
      <t>ケイサン</t>
    </rPh>
    <rPh sb="9" eb="11">
      <t>ショクイン</t>
    </rPh>
    <phoneticPr fontId="2"/>
  </si>
  <si>
    <t>サービス種類</t>
    <rPh sb="4" eb="6">
      <t>シュルイ</t>
    </rPh>
    <phoneticPr fontId="2"/>
  </si>
  <si>
    <t>事業所名</t>
    <rPh sb="0" eb="3">
      <t>ジギョウショ</t>
    </rPh>
    <rPh sb="3" eb="4">
      <t>メイ</t>
    </rPh>
    <phoneticPr fontId="2"/>
  </si>
  <si>
    <t>有資格者等の割合の参考計算書</t>
    <rPh sb="0" eb="4">
      <t>ユウシカクシャ</t>
    </rPh>
    <rPh sb="4" eb="5">
      <t>トウ</t>
    </rPh>
    <rPh sb="6" eb="8">
      <t>ワリアイ</t>
    </rPh>
    <rPh sb="9" eb="11">
      <t>サンコウ</t>
    </rPh>
    <rPh sb="11" eb="14">
      <t>ケイサンショ</t>
    </rPh>
    <phoneticPr fontId="2"/>
  </si>
  <si>
    <r>
      <t>（別紙７－２</t>
    </r>
    <r>
      <rPr>
        <sz val="11"/>
        <color indexed="8"/>
        <rFont val="ＭＳ Ｐゴシック"/>
        <family val="3"/>
        <charset val="128"/>
      </rPr>
      <t>）</t>
    </r>
    <rPh sb="1" eb="3">
      <t>ベッシ</t>
    </rPh>
    <phoneticPr fontId="2"/>
  </si>
  <si>
    <t>備考２　④ⅰの委員会には夜勤職員をはじめ実際にケア等を行う多職種の職員が参画すること。</t>
    <rPh sb="0" eb="2">
      <t>ビコウ</t>
    </rPh>
    <rPh sb="7" eb="10">
      <t>イインカイ</t>
    </rPh>
    <rPh sb="12" eb="14">
      <t>ヤキン</t>
    </rPh>
    <rPh sb="14" eb="16">
      <t>ショクイン</t>
    </rPh>
    <rPh sb="20" eb="22">
      <t>ジッサイ</t>
    </rPh>
    <rPh sb="25" eb="26">
      <t>トウ</t>
    </rPh>
    <rPh sb="27" eb="28">
      <t>オコナ</t>
    </rPh>
    <rPh sb="29" eb="32">
      <t>タショクシュ</t>
    </rPh>
    <rPh sb="33" eb="35">
      <t>ショクイン</t>
    </rPh>
    <rPh sb="36" eb="38">
      <t>サンカク</t>
    </rPh>
    <phoneticPr fontId="2"/>
  </si>
  <si>
    <t>　　　指定権者からの求めがあった場合には、速やかに提出すること。</t>
    <rPh sb="3" eb="5">
      <t>シテイ</t>
    </rPh>
    <rPh sb="5" eb="6">
      <t>ケン</t>
    </rPh>
    <rPh sb="6" eb="7">
      <t>シャ</t>
    </rPh>
    <rPh sb="10" eb="11">
      <t>モト</t>
    </rPh>
    <rPh sb="16" eb="18">
      <t>バアイ</t>
    </rPh>
    <rPh sb="21" eb="22">
      <t>スミ</t>
    </rPh>
    <rPh sb="25" eb="27">
      <t>テイシュツ</t>
    </rPh>
    <phoneticPr fontId="2"/>
  </si>
  <si>
    <t>備考１　要件を満たすことが分かる議事概要を提出すること。このほか要件を満たすことが分かる根拠書類を準備し、</t>
    <rPh sb="0" eb="2">
      <t>ビコウ</t>
    </rPh>
    <rPh sb="4" eb="6">
      <t>ヨウケン</t>
    </rPh>
    <rPh sb="7" eb="8">
      <t>ミ</t>
    </rPh>
    <rPh sb="13" eb="14">
      <t>ワ</t>
    </rPh>
    <rPh sb="16" eb="18">
      <t>ギジ</t>
    </rPh>
    <rPh sb="18" eb="20">
      <t>ガイヨウ</t>
    </rPh>
    <rPh sb="21" eb="23">
      <t>テイシュツ</t>
    </rPh>
    <rPh sb="32" eb="34">
      <t>ヨウケン</t>
    </rPh>
    <rPh sb="35" eb="36">
      <t>ミ</t>
    </rPh>
    <rPh sb="41" eb="42">
      <t>ブン</t>
    </rPh>
    <rPh sb="44" eb="46">
      <t>コンキョ</t>
    </rPh>
    <rPh sb="46" eb="48">
      <t>ショルイ</t>
    </rPh>
    <rPh sb="49" eb="51">
      <t>ジュンビ</t>
    </rPh>
    <phoneticPr fontId="2"/>
  </si>
  <si>
    <t>・</t>
    <phoneticPr fontId="2"/>
  </si>
  <si>
    <t>⑤ ④ⅰの委員会で安全体制やケアの質の確保、職員の負担軽減が図られている
　ことを確認</t>
    <rPh sb="5" eb="8">
      <t>イインカイ</t>
    </rPh>
    <rPh sb="9" eb="11">
      <t>アンゼン</t>
    </rPh>
    <rPh sb="11" eb="13">
      <t>タイセイ</t>
    </rPh>
    <rPh sb="17" eb="18">
      <t>シツ</t>
    </rPh>
    <rPh sb="19" eb="21">
      <t>カクホ</t>
    </rPh>
    <rPh sb="22" eb="24">
      <t>ショクイン</t>
    </rPh>
    <rPh sb="25" eb="27">
      <t>フタン</t>
    </rPh>
    <rPh sb="27" eb="29">
      <t>ケイゲン</t>
    </rPh>
    <rPh sb="30" eb="31">
      <t>ハカ</t>
    </rPh>
    <rPh sb="41" eb="43">
      <t>カクニン</t>
    </rPh>
    <phoneticPr fontId="2"/>
  </si>
  <si>
    <t>ⅵ 夜間の訪室が必要な利用者に対する訪室の個別実施</t>
    <rPh sb="2" eb="4">
      <t>ヤカン</t>
    </rPh>
    <rPh sb="5" eb="7">
      <t>ホウシツ</t>
    </rPh>
    <rPh sb="8" eb="10">
      <t>ヒツヨウ</t>
    </rPh>
    <rPh sb="11" eb="14">
      <t>リヨウシャ</t>
    </rPh>
    <rPh sb="15" eb="16">
      <t>タイ</t>
    </rPh>
    <rPh sb="18" eb="20">
      <t>ホウシツ</t>
    </rPh>
    <rPh sb="21" eb="23">
      <t>コベツ</t>
    </rPh>
    <rPh sb="23" eb="25">
      <t>ジッシ</t>
    </rPh>
    <phoneticPr fontId="2"/>
  </si>
  <si>
    <t>ⅴ 職員に対するテクノロジー活用に関する教育の実施</t>
    <rPh sb="2" eb="4">
      <t>ショクイン</t>
    </rPh>
    <rPh sb="5" eb="6">
      <t>タイ</t>
    </rPh>
    <rPh sb="14" eb="16">
      <t>カツヨウ</t>
    </rPh>
    <rPh sb="17" eb="18">
      <t>カン</t>
    </rPh>
    <rPh sb="20" eb="22">
      <t>キョウイク</t>
    </rPh>
    <rPh sb="23" eb="25">
      <t>ジッシ</t>
    </rPh>
    <phoneticPr fontId="2"/>
  </si>
  <si>
    <t>ⅳ 機器の不具合の定期チェックの実施（メーカーとの連携を含む）</t>
    <rPh sb="2" eb="4">
      <t>キキ</t>
    </rPh>
    <rPh sb="5" eb="8">
      <t>フグアイ</t>
    </rPh>
    <rPh sb="9" eb="11">
      <t>テイキ</t>
    </rPh>
    <rPh sb="16" eb="18">
      <t>ジッシ</t>
    </rPh>
    <rPh sb="25" eb="27">
      <t>レンケイ</t>
    </rPh>
    <rPh sb="28" eb="29">
      <t>フク</t>
    </rPh>
    <phoneticPr fontId="2"/>
  </si>
  <si>
    <t>ⅲ 緊急時の体制整備（近隣在住職員を中心とした緊急参集要員の確保等）</t>
    <rPh sb="2" eb="5">
      <t>キンキュウジ</t>
    </rPh>
    <rPh sb="6" eb="8">
      <t>タイセイ</t>
    </rPh>
    <rPh sb="8" eb="10">
      <t>セイビ</t>
    </rPh>
    <rPh sb="11" eb="13">
      <t>キンリン</t>
    </rPh>
    <rPh sb="13" eb="15">
      <t>ザイジュウ</t>
    </rPh>
    <rPh sb="15" eb="17">
      <t>ショクイン</t>
    </rPh>
    <rPh sb="18" eb="20">
      <t>チュウシン</t>
    </rPh>
    <rPh sb="23" eb="25">
      <t>キンキュウ</t>
    </rPh>
    <rPh sb="25" eb="27">
      <t>サンシュウ</t>
    </rPh>
    <rPh sb="27" eb="29">
      <t>ヨウイン</t>
    </rPh>
    <rPh sb="30" eb="32">
      <t>カクホ</t>
    </rPh>
    <rPh sb="32" eb="33">
      <t>トウ</t>
    </rPh>
    <phoneticPr fontId="2"/>
  </si>
  <si>
    <t>ⅱ 職員に対する十分な休憩時間の確保等の勤務・雇用条件への配慮</t>
    <rPh sb="2" eb="4">
      <t>ショクイン</t>
    </rPh>
    <rPh sb="5" eb="6">
      <t>タイ</t>
    </rPh>
    <rPh sb="8" eb="10">
      <t>ジュウブン</t>
    </rPh>
    <rPh sb="11" eb="13">
      <t>キュウケイ</t>
    </rPh>
    <rPh sb="13" eb="15">
      <t>ジカン</t>
    </rPh>
    <rPh sb="16" eb="18">
      <t>カクホ</t>
    </rPh>
    <rPh sb="18" eb="19">
      <t>トウ</t>
    </rPh>
    <rPh sb="20" eb="22">
      <t>キンム</t>
    </rPh>
    <rPh sb="23" eb="25">
      <t>コヨウ</t>
    </rPh>
    <rPh sb="25" eb="27">
      <t>ジョウケン</t>
    </rPh>
    <rPh sb="29" eb="31">
      <t>ハイリョ</t>
    </rPh>
    <phoneticPr fontId="2"/>
  </si>
  <si>
    <t>　 方策を検討するための委員会の設置</t>
    <phoneticPr fontId="2"/>
  </si>
  <si>
    <t>ⅰ 利用者の安全並びに介護サービスの質の確保及び職員の負担軽減に資する</t>
    <rPh sb="2" eb="5">
      <t>リヨウシャ</t>
    </rPh>
    <rPh sb="6" eb="8">
      <t>アンゼン</t>
    </rPh>
    <rPh sb="8" eb="9">
      <t>ナラ</t>
    </rPh>
    <rPh sb="11" eb="13">
      <t>カイゴ</t>
    </rPh>
    <rPh sb="18" eb="19">
      <t>シツ</t>
    </rPh>
    <rPh sb="20" eb="22">
      <t>カクホ</t>
    </rPh>
    <rPh sb="22" eb="23">
      <t>オヨ</t>
    </rPh>
    <rPh sb="24" eb="26">
      <t>ショクイン</t>
    </rPh>
    <rPh sb="27" eb="29">
      <t>フタン</t>
    </rPh>
    <rPh sb="29" eb="31">
      <t>ケイゲン</t>
    </rPh>
    <rPh sb="32" eb="33">
      <t>シ</t>
    </rPh>
    <phoneticPr fontId="2"/>
  </si>
  <si>
    <t>無</t>
    <rPh sb="0" eb="1">
      <t>ナ</t>
    </rPh>
    <phoneticPr fontId="2"/>
  </si>
  <si>
    <t>有</t>
    <rPh sb="0" eb="1">
      <t>ア</t>
    </rPh>
    <phoneticPr fontId="2"/>
  </si>
  <si>
    <t>④ 利用者の安全やケアの質の確保、職員の負担の軽減を図るため、以下のすべての
　項目について、テクノロジー導入後、少なくとも３か月以上実施</t>
    <rPh sb="2" eb="5">
      <t>リヨウシャ</t>
    </rPh>
    <rPh sb="6" eb="8">
      <t>アンゼン</t>
    </rPh>
    <rPh sb="12" eb="13">
      <t>シツ</t>
    </rPh>
    <rPh sb="14" eb="16">
      <t>カクホ</t>
    </rPh>
    <rPh sb="17" eb="19">
      <t>ショクイン</t>
    </rPh>
    <rPh sb="20" eb="22">
      <t>フタン</t>
    </rPh>
    <rPh sb="23" eb="25">
      <t>ケイゲン</t>
    </rPh>
    <rPh sb="26" eb="27">
      <t>ハカ</t>
    </rPh>
    <rPh sb="31" eb="33">
      <t>イカ</t>
    </rPh>
    <rPh sb="40" eb="42">
      <t>コウモク</t>
    </rPh>
    <rPh sb="53" eb="56">
      <t>ドウニュウゴ</t>
    </rPh>
    <rPh sb="57" eb="58">
      <t>スク</t>
    </rPh>
    <rPh sb="64" eb="65">
      <t>ツキ</t>
    </rPh>
    <rPh sb="65" eb="67">
      <t>イジョウ</t>
    </rPh>
    <rPh sb="67" eb="69">
      <t>ジッシ</t>
    </rPh>
    <phoneticPr fontId="2"/>
  </si>
  <si>
    <t>用　途</t>
    <rPh sb="0" eb="1">
      <t>ヨウ</t>
    </rPh>
    <rPh sb="2" eb="3">
      <t>ト</t>
    </rPh>
    <phoneticPr fontId="2"/>
  </si>
  <si>
    <t>　</t>
    <phoneticPr fontId="2"/>
  </si>
  <si>
    <t>製造事業者</t>
    <rPh sb="0" eb="2">
      <t>セイゾウ</t>
    </rPh>
    <rPh sb="2" eb="5">
      <t>ジギョウシャ</t>
    </rPh>
    <phoneticPr fontId="2"/>
  </si>
  <si>
    <t>名　称</t>
    <rPh sb="0" eb="1">
      <t>ナ</t>
    </rPh>
    <rPh sb="2" eb="3">
      <t>ショウ</t>
    </rPh>
    <phoneticPr fontId="2"/>
  </si>
  <si>
    <t>③ 導入機器</t>
    <rPh sb="2" eb="4">
      <t>ドウニュウ</t>
    </rPh>
    <rPh sb="4" eb="6">
      <t>キキ</t>
    </rPh>
    <phoneticPr fontId="2"/>
  </si>
  <si>
    <t xml:space="preserve">② 夜勤職員全員がインカム等のICTを使用 </t>
    <rPh sb="2" eb="4">
      <t>ヤキン</t>
    </rPh>
    <rPh sb="4" eb="6">
      <t>ショクイン</t>
    </rPh>
    <rPh sb="6" eb="8">
      <t>ゼンイン</t>
    </rPh>
    <rPh sb="13" eb="14">
      <t>トウ</t>
    </rPh>
    <rPh sb="19" eb="21">
      <t>シヨウ</t>
    </rPh>
    <phoneticPr fontId="2"/>
  </si>
  <si>
    <t>① 入所（利用）者全員に見守り機器を使用</t>
    <rPh sb="2" eb="4">
      <t>ニュウショ</t>
    </rPh>
    <rPh sb="5" eb="7">
      <t>リヨウ</t>
    </rPh>
    <rPh sb="8" eb="9">
      <t>シャ</t>
    </rPh>
    <rPh sb="9" eb="11">
      <t>ゼンイン</t>
    </rPh>
    <rPh sb="12" eb="14">
      <t>ミマモ</t>
    </rPh>
    <rPh sb="15" eb="17">
      <t>キキ</t>
    </rPh>
    <rPh sb="18" eb="20">
      <t>シヨウ</t>
    </rPh>
    <phoneticPr fontId="2"/>
  </si>
  <si>
    <t>3　短期入所生活介護</t>
  </si>
  <si>
    <t>2　地域密着型介護老人福祉施設</t>
  </si>
  <si>
    <t>1　介護老人福祉施設</t>
    <phoneticPr fontId="2"/>
  </si>
  <si>
    <t>施 設 種 別</t>
    <rPh sb="0" eb="1">
      <t>シ</t>
    </rPh>
    <rPh sb="2" eb="3">
      <t>セツ</t>
    </rPh>
    <rPh sb="4" eb="5">
      <t>タネ</t>
    </rPh>
    <rPh sb="6" eb="7">
      <t>ベツ</t>
    </rPh>
    <phoneticPr fontId="2"/>
  </si>
  <si>
    <t>3　終了</t>
    <phoneticPr fontId="2"/>
  </si>
  <si>
    <t>2　変更</t>
    <phoneticPr fontId="2"/>
  </si>
  <si>
    <t>1　新規</t>
    <phoneticPr fontId="2"/>
  </si>
  <si>
    <t>異動等区分</t>
  </si>
  <si>
    <t>事 業 所 名</t>
    <phoneticPr fontId="2"/>
  </si>
  <si>
    <t>テクノロジーを導入する場合の夜間の人員配置基準（従来型）に係る届出書</t>
    <rPh sb="7" eb="9">
      <t>ドウニュウ</t>
    </rPh>
    <rPh sb="11" eb="13">
      <t>バアイ</t>
    </rPh>
    <rPh sb="14" eb="16">
      <t>ヤカン</t>
    </rPh>
    <rPh sb="17" eb="19">
      <t>ジンイン</t>
    </rPh>
    <rPh sb="19" eb="21">
      <t>ハイチ</t>
    </rPh>
    <rPh sb="21" eb="23">
      <t>キジュン</t>
    </rPh>
    <rPh sb="24" eb="27">
      <t>ジュウライガタ</t>
    </rPh>
    <rPh sb="29" eb="30">
      <t>カカ</t>
    </rPh>
    <rPh sb="31" eb="34">
      <t>トドケデショ</t>
    </rPh>
    <phoneticPr fontId="2"/>
  </si>
  <si>
    <t>（別紙７ー３）</t>
    <rPh sb="1" eb="3">
      <t>ベッシ</t>
    </rPh>
    <phoneticPr fontId="2"/>
  </si>
  <si>
    <t>　提出してください。</t>
    <rPh sb="1" eb="3">
      <t>テイシュツ</t>
    </rPh>
    <phoneticPr fontId="2"/>
  </si>
  <si>
    <t>※　各要件を満たす場合については、それぞれ根拠となる（要件を満たすことがわかる）書類も</t>
    <rPh sb="2" eb="3">
      <t>カク</t>
    </rPh>
    <rPh sb="3" eb="5">
      <t>ヨウケン</t>
    </rPh>
    <rPh sb="6" eb="7">
      <t>ミ</t>
    </rPh>
    <rPh sb="9" eb="11">
      <t>バアイ</t>
    </rPh>
    <rPh sb="21" eb="23">
      <t>コンキョ</t>
    </rPh>
    <rPh sb="27" eb="29">
      <t>ヨウケン</t>
    </rPh>
    <rPh sb="30" eb="31">
      <t>ミ</t>
    </rPh>
    <rPh sb="40" eb="42">
      <t>ショルイ</t>
    </rPh>
    <phoneticPr fontId="2"/>
  </si>
  <si>
    <t>実施予定年月日</t>
    <rPh sb="0" eb="2">
      <t>ジッシ</t>
    </rPh>
    <rPh sb="2" eb="4">
      <t>ヨテイ</t>
    </rPh>
    <rPh sb="4" eb="7">
      <t>ネンガッピ</t>
    </rPh>
    <phoneticPr fontId="2"/>
  </si>
  <si>
    <t>□</t>
    <phoneticPr fontId="2"/>
  </si>
  <si>
    <t>　　している。</t>
    <phoneticPr fontId="2"/>
  </si>
  <si>
    <t>(3)　指定定期巡回・随時対応型訪問介護看護の指定を受けようとする計画を策定</t>
    <rPh sb="4" eb="6">
      <t>シテイ</t>
    </rPh>
    <rPh sb="6" eb="8">
      <t>テイキ</t>
    </rPh>
    <rPh sb="8" eb="10">
      <t>ジュンカイ</t>
    </rPh>
    <rPh sb="11" eb="13">
      <t>ズイジ</t>
    </rPh>
    <rPh sb="13" eb="16">
      <t>タイオウガタ</t>
    </rPh>
    <rPh sb="16" eb="22">
      <t>ホウモンカイゴカンゴ</t>
    </rPh>
    <rPh sb="23" eb="25">
      <t>シテイ</t>
    </rPh>
    <phoneticPr fontId="2"/>
  </si>
  <si>
    <t>(2)　指定定期巡回・随時対応型訪問介護看護の指定を併せて受けている。</t>
    <rPh sb="4" eb="6">
      <t>シテイ</t>
    </rPh>
    <rPh sb="6" eb="8">
      <t>テイキ</t>
    </rPh>
    <rPh sb="8" eb="10">
      <t>ジュンカイ</t>
    </rPh>
    <rPh sb="11" eb="13">
      <t>ズイジ</t>
    </rPh>
    <rPh sb="13" eb="16">
      <t>タイオウガタ</t>
    </rPh>
    <rPh sb="16" eb="22">
      <t>ホウモンカイゴカンゴ</t>
    </rPh>
    <rPh sb="23" eb="25">
      <t>シテイ</t>
    </rPh>
    <rPh sb="26" eb="27">
      <t>アワ</t>
    </rPh>
    <rPh sb="29" eb="30">
      <t>ウ</t>
    </rPh>
    <phoneticPr fontId="2"/>
  </si>
  <si>
    <t>連絡方法</t>
    <rPh sb="0" eb="2">
      <t>レンラク</t>
    </rPh>
    <rPh sb="2" eb="4">
      <t>ホウホウ</t>
    </rPh>
    <phoneticPr fontId="2"/>
  </si>
  <si>
    <t>　できる体制にあること。</t>
    <rPh sb="4" eb="6">
      <t>タイセイ</t>
    </rPh>
    <phoneticPr fontId="2"/>
  </si>
  <si>
    <t>(1)　利用者又はその家族等から電話等による連絡があった場合に、24時間対応</t>
    <rPh sb="4" eb="7">
      <t>リヨウシャ</t>
    </rPh>
    <rPh sb="7" eb="8">
      <t>マタ</t>
    </rPh>
    <rPh sb="11" eb="13">
      <t>カゾク</t>
    </rPh>
    <rPh sb="13" eb="14">
      <t>トウ</t>
    </rPh>
    <rPh sb="16" eb="18">
      <t>デンワ</t>
    </rPh>
    <rPh sb="18" eb="19">
      <t>トウ</t>
    </rPh>
    <rPh sb="22" eb="24">
      <t>レンラク</t>
    </rPh>
    <rPh sb="28" eb="30">
      <t>バアイ</t>
    </rPh>
    <rPh sb="34" eb="36">
      <t>ジカン</t>
    </rPh>
    <rPh sb="36" eb="38">
      <t>タイオウ</t>
    </rPh>
    <phoneticPr fontId="2"/>
  </si>
  <si>
    <t>異動等区分</t>
    <rPh sb="0" eb="2">
      <t>イドウ</t>
    </rPh>
    <rPh sb="2" eb="3">
      <t>トウ</t>
    </rPh>
    <rPh sb="3" eb="5">
      <t>クブン</t>
    </rPh>
    <phoneticPr fontId="2"/>
  </si>
  <si>
    <t>事 業 所 名</t>
    <rPh sb="0" eb="1">
      <t>コト</t>
    </rPh>
    <rPh sb="2" eb="3">
      <t>ギョウ</t>
    </rPh>
    <rPh sb="4" eb="5">
      <t>ショ</t>
    </rPh>
    <rPh sb="6" eb="7">
      <t>メイ</t>
    </rPh>
    <phoneticPr fontId="2"/>
  </si>
  <si>
    <t>定期巡回・随時対応サービスに関する状況等に係る届出書（訪問介護事業所）</t>
    <rPh sb="0" eb="2">
      <t>テイキ</t>
    </rPh>
    <rPh sb="2" eb="4">
      <t>ジュンカイ</t>
    </rPh>
    <rPh sb="5" eb="7">
      <t>ズイジ</t>
    </rPh>
    <rPh sb="7" eb="9">
      <t>タイオウ</t>
    </rPh>
    <rPh sb="14" eb="15">
      <t>カン</t>
    </rPh>
    <rPh sb="17" eb="19">
      <t>ジョウキョウ</t>
    </rPh>
    <rPh sb="19" eb="20">
      <t>トウ</t>
    </rPh>
    <rPh sb="21" eb="22">
      <t>カカ</t>
    </rPh>
    <rPh sb="23" eb="26">
      <t>トドケデショ</t>
    </rPh>
    <rPh sb="27" eb="29">
      <t>ホウモン</t>
    </rPh>
    <rPh sb="29" eb="31">
      <t>カイゴ</t>
    </rPh>
    <rPh sb="31" eb="34">
      <t>ジギョウショ</t>
    </rPh>
    <phoneticPr fontId="2"/>
  </si>
  <si>
    <t>（別紙8）</t>
    <phoneticPr fontId="2"/>
  </si>
  <si>
    <t>　たんの吸引等の業務を行うための登録を受けている事業所に限り該当するものである。</t>
    <rPh sb="8" eb="10">
      <t>ギョウム</t>
    </rPh>
    <rPh sb="11" eb="12">
      <t>オコナ</t>
    </rPh>
    <rPh sb="16" eb="18">
      <t>トウロク</t>
    </rPh>
    <rPh sb="19" eb="20">
      <t>ウ</t>
    </rPh>
    <rPh sb="24" eb="27">
      <t>ジギョウショ</t>
    </rPh>
    <rPh sb="28" eb="29">
      <t>カギ</t>
    </rPh>
    <rPh sb="30" eb="32">
      <t>ガイトウ</t>
    </rPh>
    <phoneticPr fontId="2"/>
  </si>
  <si>
    <t>備考３　「たんの吸引等が必要な者」は、社会福祉士及び介護福祉士法の規定に基づき、</t>
    <rPh sb="0" eb="2">
      <t>ビコウ</t>
    </rPh>
    <rPh sb="8" eb="10">
      <t>キュウイン</t>
    </rPh>
    <rPh sb="10" eb="11">
      <t>トウ</t>
    </rPh>
    <rPh sb="12" eb="14">
      <t>ヒツヨウ</t>
    </rPh>
    <rPh sb="15" eb="16">
      <t>モノ</t>
    </rPh>
    <rPh sb="19" eb="21">
      <t>シャカイ</t>
    </rPh>
    <rPh sb="21" eb="23">
      <t>フクシ</t>
    </rPh>
    <rPh sb="23" eb="24">
      <t>シ</t>
    </rPh>
    <rPh sb="24" eb="25">
      <t>オヨ</t>
    </rPh>
    <rPh sb="26" eb="28">
      <t>カイゴ</t>
    </rPh>
    <rPh sb="28" eb="31">
      <t>フクシシ</t>
    </rPh>
    <rPh sb="31" eb="32">
      <t>ホウ</t>
    </rPh>
    <rPh sb="33" eb="35">
      <t>キテイ</t>
    </rPh>
    <rPh sb="36" eb="37">
      <t>モト</t>
    </rPh>
    <phoneticPr fontId="2"/>
  </si>
  <si>
    <t>　研修課程修了者」と、「１級課程修了者」とあるのは「旧１級課程修了者」と読み替える。　</t>
    <rPh sb="1" eb="3">
      <t>ケンシュウ</t>
    </rPh>
    <rPh sb="13" eb="14">
      <t>キュウ</t>
    </rPh>
    <rPh sb="14" eb="16">
      <t>カテイ</t>
    </rPh>
    <rPh sb="16" eb="19">
      <t>シュウリョウシャ</t>
    </rPh>
    <rPh sb="26" eb="27">
      <t>キュウ</t>
    </rPh>
    <rPh sb="28" eb="29">
      <t>キュウ</t>
    </rPh>
    <rPh sb="29" eb="31">
      <t>カテイ</t>
    </rPh>
    <rPh sb="31" eb="33">
      <t>シュウリョウ</t>
    </rPh>
    <rPh sb="33" eb="34">
      <t>シャ</t>
    </rPh>
    <rPh sb="36" eb="37">
      <t>ヨ</t>
    </rPh>
    <rPh sb="38" eb="39">
      <t>カ</t>
    </rPh>
    <phoneticPr fontId="2"/>
  </si>
  <si>
    <t>備考２　平成25年４月以降は、「介護職員基礎研修課程修了者」とあるのは「旧介護職員基礎</t>
    <rPh sb="0" eb="2">
      <t>ビコウ</t>
    </rPh>
    <rPh sb="4" eb="6">
      <t>ヘイセイ</t>
    </rPh>
    <rPh sb="8" eb="9">
      <t>ネン</t>
    </rPh>
    <rPh sb="10" eb="11">
      <t>ゲツ</t>
    </rPh>
    <rPh sb="11" eb="13">
      <t>イコウ</t>
    </rPh>
    <rPh sb="16" eb="18">
      <t>カイゴ</t>
    </rPh>
    <rPh sb="18" eb="20">
      <t>ショクイン</t>
    </rPh>
    <rPh sb="20" eb="22">
      <t>キソ</t>
    </rPh>
    <rPh sb="22" eb="24">
      <t>ケンシュウ</t>
    </rPh>
    <rPh sb="24" eb="26">
      <t>カテイ</t>
    </rPh>
    <rPh sb="26" eb="29">
      <t>シュウリョウシャ</t>
    </rPh>
    <rPh sb="36" eb="37">
      <t>キュウ</t>
    </rPh>
    <rPh sb="37" eb="39">
      <t>カイゴ</t>
    </rPh>
    <rPh sb="39" eb="41">
      <t>ショクイン</t>
    </rPh>
    <rPh sb="41" eb="43">
      <t>キソ</t>
    </rPh>
    <phoneticPr fontId="2"/>
  </si>
  <si>
    <t>　書類も提出してください。</t>
    <rPh sb="4" eb="6">
      <t>テイシュツ</t>
    </rPh>
    <phoneticPr fontId="2"/>
  </si>
  <si>
    <t>備考１　各要件を満たす場合については、それぞれ根拠となる（要件を満たすことがわかる）</t>
    <rPh sb="0" eb="2">
      <t>ビコウ</t>
    </rPh>
    <rPh sb="4" eb="5">
      <t>カク</t>
    </rPh>
    <rPh sb="5" eb="7">
      <t>ヨウケン</t>
    </rPh>
    <rPh sb="8" eb="9">
      <t>ミ</t>
    </rPh>
    <rPh sb="11" eb="13">
      <t>バアイ</t>
    </rPh>
    <rPh sb="23" eb="25">
      <t>コンキョ</t>
    </rPh>
    <rPh sb="29" eb="31">
      <t>ヨウケン</t>
    </rPh>
    <rPh sb="32" eb="33">
      <t>ミ</t>
    </rPh>
    <phoneticPr fontId="2"/>
  </si>
  <si>
    <t>②　看取り期の利用者への対応実績が１人以上</t>
    <rPh sb="2" eb="4">
      <t>ミト</t>
    </rPh>
    <rPh sb="5" eb="6">
      <t>キ</t>
    </rPh>
    <rPh sb="12" eb="14">
      <t>タイオウ</t>
    </rPh>
    <rPh sb="14" eb="16">
      <t>ジッセキ</t>
    </rPh>
    <phoneticPr fontId="2"/>
  </si>
  <si>
    <t>①　利用者の総数のうち、要介護４及び要介護５である者、認知症日常生活自立度ランクⅢ、Ⅳ又はＭである者並びにたんの吸引等が必要な者が占める割合が20％以上</t>
    <rPh sb="2" eb="5">
      <t>リヨウシャ</t>
    </rPh>
    <rPh sb="6" eb="8">
      <t>ソウスウ</t>
    </rPh>
    <rPh sb="12" eb="15">
      <t>ヨウカイゴ</t>
    </rPh>
    <rPh sb="16" eb="17">
      <t>オヨ</t>
    </rPh>
    <rPh sb="18" eb="21">
      <t>ヨウカイゴ</t>
    </rPh>
    <rPh sb="25" eb="26">
      <t>シャ</t>
    </rPh>
    <rPh sb="27" eb="29">
      <t>ニンチ</t>
    </rPh>
    <rPh sb="29" eb="30">
      <t>ショウ</t>
    </rPh>
    <rPh sb="30" eb="32">
      <t>ニチジョウ</t>
    </rPh>
    <rPh sb="32" eb="34">
      <t>セイカツ</t>
    </rPh>
    <rPh sb="34" eb="37">
      <t>ジリツド</t>
    </rPh>
    <phoneticPr fontId="2"/>
  </si>
  <si>
    <t>］における（[　]はいずれかの□を■にする）</t>
    <phoneticPr fontId="2"/>
  </si>
  <si>
    <t>前三月</t>
    <rPh sb="0" eb="1">
      <t>ゼン</t>
    </rPh>
    <rPh sb="1" eb="3">
      <t>サンガツ</t>
    </rPh>
    <phoneticPr fontId="2"/>
  </si>
  <si>
    <t>前年度</t>
    <rPh sb="0" eb="3">
      <t>ゼンネンド</t>
    </rPh>
    <phoneticPr fontId="2"/>
  </si>
  <si>
    <t>［</t>
    <phoneticPr fontId="2"/>
  </si>
  <si>
    <r>
      <t xml:space="preserve">３． 重度要介護者等対応要件（特定事業所加算（Ⅰ）・（Ⅲ））
</t>
    </r>
    <r>
      <rPr>
        <sz val="10"/>
        <rFont val="HGSｺﾞｼｯｸM"/>
        <family val="3"/>
        <charset val="128"/>
      </rPr>
      <t>※①または②のいずれか満たすものを記載すること。</t>
    </r>
    <rPh sb="3" eb="4">
      <t>シゲル</t>
    </rPh>
    <rPh sb="4" eb="5">
      <t>ド</t>
    </rPh>
    <rPh sb="5" eb="6">
      <t>ヨウ</t>
    </rPh>
    <rPh sb="6" eb="7">
      <t>スケ</t>
    </rPh>
    <rPh sb="7" eb="8">
      <t>マモル</t>
    </rPh>
    <rPh sb="8" eb="9">
      <t>モノ</t>
    </rPh>
    <rPh sb="9" eb="10">
      <t>トウ</t>
    </rPh>
    <rPh sb="10" eb="11">
      <t>タイ</t>
    </rPh>
    <rPh sb="11" eb="12">
      <t>オウ</t>
    </rPh>
    <rPh sb="12" eb="13">
      <t>ヨウ</t>
    </rPh>
    <rPh sb="13" eb="14">
      <t>ケン</t>
    </rPh>
    <rPh sb="15" eb="17">
      <t>トクテイ</t>
    </rPh>
    <rPh sb="17" eb="20">
      <t>ジギョウショ</t>
    </rPh>
    <rPh sb="20" eb="22">
      <t>カサン</t>
    </rPh>
    <rPh sb="42" eb="43">
      <t>ミ</t>
    </rPh>
    <rPh sb="48" eb="50">
      <t>キサイ</t>
    </rPh>
    <phoneticPr fontId="2"/>
  </si>
  <si>
    <t>①に占める②の
割合が30％以上</t>
    <rPh sb="2" eb="3">
      <t>シ</t>
    </rPh>
    <rPh sb="8" eb="10">
      <t>ワリアイ</t>
    </rPh>
    <rPh sb="14" eb="16">
      <t>イジョウ</t>
    </rPh>
    <phoneticPr fontId="2"/>
  </si>
  <si>
    <t>→</t>
    <phoneticPr fontId="2"/>
  </si>
  <si>
    <t>　①のうち勤続年数７年以上の者の総数　（常勤換算）</t>
    <rPh sb="5" eb="7">
      <t>キンゾク</t>
    </rPh>
    <rPh sb="7" eb="9">
      <t>ネンスウ</t>
    </rPh>
    <rPh sb="10" eb="13">
      <t>ネンイジョウ</t>
    </rPh>
    <rPh sb="14" eb="15">
      <t>シャ</t>
    </rPh>
    <rPh sb="16" eb="18">
      <t>ソウスウ</t>
    </rPh>
    <rPh sb="20" eb="22">
      <t>ジョウキン</t>
    </rPh>
    <rPh sb="22" eb="24">
      <t>カンサン</t>
    </rPh>
    <phoneticPr fontId="2"/>
  </si>
  <si>
    <t>②</t>
    <phoneticPr fontId="2"/>
  </si>
  <si>
    <t>　訪問介護員等の総数（常勤換算）</t>
    <rPh sb="1" eb="3">
      <t>ホウモン</t>
    </rPh>
    <rPh sb="3" eb="5">
      <t>カイゴ</t>
    </rPh>
    <rPh sb="5" eb="6">
      <t>イン</t>
    </rPh>
    <rPh sb="6" eb="7">
      <t>トウ</t>
    </rPh>
    <rPh sb="8" eb="10">
      <t>ソウスウ</t>
    </rPh>
    <rPh sb="11" eb="13">
      <t>ジョウキン</t>
    </rPh>
    <rPh sb="13" eb="15">
      <t>カンサン</t>
    </rPh>
    <phoneticPr fontId="2"/>
  </si>
  <si>
    <t>①</t>
    <phoneticPr fontId="2"/>
  </si>
  <si>
    <t>常勤換算
職員数</t>
    <rPh sb="0" eb="2">
      <t>ジョウキン</t>
    </rPh>
    <rPh sb="2" eb="4">
      <t>カンサン</t>
    </rPh>
    <rPh sb="5" eb="8">
      <t>ショクインスウ</t>
    </rPh>
    <phoneticPr fontId="2"/>
  </si>
  <si>
    <t>(3)勤続年数要件について</t>
    <rPh sb="2" eb="3">
      <t>キンゾク</t>
    </rPh>
    <rPh sb="3" eb="5">
      <t>ネンスウ</t>
    </rPh>
    <rPh sb="7" eb="9">
      <t>ヨウケン</t>
    </rPh>
    <phoneticPr fontId="2"/>
  </si>
  <si>
    <t>　②指定居宅サービス等基準第５条第２項の規定により配置することとされている常勤のサービス提供責任者が２人以下の事業所であって、同項の規定により配置することとされているサービス提供責任者を常勤により配置し、かつ、同行に規定する基準を上回る数の常勤のサービス提供責任者を１人以上配置していること。</t>
    <rPh sb="2" eb="4">
      <t>シテイ</t>
    </rPh>
    <rPh sb="4" eb="6">
      <t>キョタク</t>
    </rPh>
    <rPh sb="10" eb="11">
      <t>トウ</t>
    </rPh>
    <rPh sb="11" eb="13">
      <t>キジュン</t>
    </rPh>
    <rPh sb="13" eb="14">
      <t>ダイ</t>
    </rPh>
    <rPh sb="15" eb="16">
      <t>ジョウ</t>
    </rPh>
    <rPh sb="16" eb="17">
      <t>ダイ</t>
    </rPh>
    <rPh sb="18" eb="19">
      <t>コウ</t>
    </rPh>
    <rPh sb="20" eb="22">
      <t>キテイ</t>
    </rPh>
    <rPh sb="25" eb="27">
      <t>ハイチ</t>
    </rPh>
    <rPh sb="37" eb="39">
      <t>ジョウキン</t>
    </rPh>
    <rPh sb="44" eb="46">
      <t>テイキョウ</t>
    </rPh>
    <rPh sb="46" eb="49">
      <t>セキニンシャ</t>
    </rPh>
    <rPh sb="51" eb="52">
      <t>ニン</t>
    </rPh>
    <rPh sb="52" eb="54">
      <t>イカ</t>
    </rPh>
    <rPh sb="55" eb="58">
      <t>ジギョウショ</t>
    </rPh>
    <phoneticPr fontId="2"/>
  </si>
  <si>
    <t>　①すべてが3年以上の介護業務の実務経験を有する介護福祉士又は5年以上の実務経験を有する実務者研修修了者若しくは介護職員基礎研修課程修了者若しくは1級課程修了者である。（なお、指定居宅サービス等第５条２項により1人を超えるサービス提供責任者を配置することとされている事業所においては、常勤のサービス提供責任者を配置していること。）</t>
    <rPh sb="7" eb="8">
      <t>ネン</t>
    </rPh>
    <rPh sb="8" eb="10">
      <t>イジョウ</t>
    </rPh>
    <rPh sb="11" eb="13">
      <t>カイゴ</t>
    </rPh>
    <rPh sb="13" eb="15">
      <t>ギョウム</t>
    </rPh>
    <rPh sb="16" eb="18">
      <t>ジツム</t>
    </rPh>
    <rPh sb="18" eb="20">
      <t>ケイケン</t>
    </rPh>
    <rPh sb="21" eb="22">
      <t>ユウ</t>
    </rPh>
    <rPh sb="24" eb="26">
      <t>カイゴ</t>
    </rPh>
    <rPh sb="26" eb="29">
      <t>フクシシ</t>
    </rPh>
    <rPh sb="29" eb="30">
      <t>マタ</t>
    </rPh>
    <rPh sb="32" eb="33">
      <t>ネン</t>
    </rPh>
    <rPh sb="33" eb="35">
      <t>イジョウ</t>
    </rPh>
    <rPh sb="88" eb="90">
      <t>シテイ</t>
    </rPh>
    <rPh sb="90" eb="92">
      <t>キョタク</t>
    </rPh>
    <rPh sb="96" eb="97">
      <t>トウ</t>
    </rPh>
    <rPh sb="97" eb="98">
      <t>ダイ</t>
    </rPh>
    <rPh sb="99" eb="100">
      <t>ジョウ</t>
    </rPh>
    <rPh sb="101" eb="102">
      <t>コウ</t>
    </rPh>
    <rPh sb="106" eb="107">
      <t>ニン</t>
    </rPh>
    <rPh sb="108" eb="109">
      <t>コ</t>
    </rPh>
    <rPh sb="115" eb="117">
      <t>テイキョウ</t>
    </rPh>
    <rPh sb="117" eb="120">
      <t>セキニンシャ</t>
    </rPh>
    <rPh sb="121" eb="123">
      <t>ハイチ</t>
    </rPh>
    <rPh sb="133" eb="136">
      <t>ジギョウショ</t>
    </rPh>
    <rPh sb="142" eb="144">
      <t>ジョウキン</t>
    </rPh>
    <rPh sb="149" eb="151">
      <t>テイキョウ</t>
    </rPh>
    <rPh sb="151" eb="154">
      <t>セキニンシャ</t>
    </rPh>
    <rPh sb="155" eb="157">
      <t>ハイチ</t>
    </rPh>
    <phoneticPr fontId="2"/>
  </si>
  <si>
    <t>↓</t>
    <phoneticPr fontId="2"/>
  </si>
  <si>
    <t>非常勤</t>
    <rPh sb="0" eb="3">
      <t>ヒジョウキン</t>
    </rPh>
    <phoneticPr fontId="2"/>
  </si>
  <si>
    <t>常勤</t>
    <rPh sb="0" eb="2">
      <t>ジョウキン</t>
    </rPh>
    <phoneticPr fontId="2"/>
  </si>
  <si>
    <t>サービス提供責任者</t>
    <rPh sb="4" eb="6">
      <t>テイキョウ</t>
    </rPh>
    <rPh sb="6" eb="9">
      <t>セキニンシャ</t>
    </rPh>
    <phoneticPr fontId="2"/>
  </si>
  <si>
    <t>常勤換算職員数</t>
    <rPh sb="0" eb="2">
      <t>ジョウキン</t>
    </rPh>
    <rPh sb="2" eb="4">
      <t>カンサン</t>
    </rPh>
    <rPh sb="4" eb="7">
      <t>ショクインスウ</t>
    </rPh>
    <phoneticPr fontId="2"/>
  </si>
  <si>
    <t>職員数</t>
    <rPh sb="0" eb="3">
      <t>ショクインスウ</t>
    </rPh>
    <phoneticPr fontId="2"/>
  </si>
  <si>
    <t>(2)　サービス提供責任者要件について</t>
    <rPh sb="8" eb="10">
      <t>テイキョウ</t>
    </rPh>
    <rPh sb="10" eb="13">
      <t>セキニンシャ</t>
    </rPh>
    <rPh sb="13" eb="15">
      <t>ヨウケン</t>
    </rPh>
    <phoneticPr fontId="2"/>
  </si>
  <si>
    <t>①に占める③の
割合が５０％以上</t>
    <rPh sb="2" eb="3">
      <t>シ</t>
    </rPh>
    <rPh sb="9" eb="10">
      <t>ゴウ</t>
    </rPh>
    <rPh sb="14" eb="16">
      <t>イジョウ</t>
    </rPh>
    <phoneticPr fontId="2"/>
  </si>
  <si>
    <t>　①のうち介護福祉士、実務者研修
   修了者、介護職員基礎研修課程
   修了者及び1級課程修了者の総数
（常勤換算）</t>
    <rPh sb="5" eb="7">
      <t>カイゴ</t>
    </rPh>
    <rPh sb="7" eb="10">
      <t>フクシシ</t>
    </rPh>
    <rPh sb="11" eb="14">
      <t>ジツムシャ</t>
    </rPh>
    <rPh sb="14" eb="16">
      <t>ケンシュウ</t>
    </rPh>
    <rPh sb="20" eb="22">
      <t>シュウリョウ</t>
    </rPh>
    <rPh sb="22" eb="23">
      <t>シャ</t>
    </rPh>
    <rPh sb="24" eb="26">
      <t>カイゴ</t>
    </rPh>
    <rPh sb="26" eb="28">
      <t>ショクイン</t>
    </rPh>
    <rPh sb="28" eb="30">
      <t>キソ</t>
    </rPh>
    <rPh sb="30" eb="32">
      <t>ケンシュウ</t>
    </rPh>
    <rPh sb="32" eb="34">
      <t>カテイ</t>
    </rPh>
    <rPh sb="38" eb="41">
      <t>シュウリョウシャ</t>
    </rPh>
    <rPh sb="41" eb="42">
      <t>オヨ</t>
    </rPh>
    <rPh sb="44" eb="45">
      <t>キュウ</t>
    </rPh>
    <rPh sb="45" eb="47">
      <t>カテイ</t>
    </rPh>
    <rPh sb="47" eb="50">
      <t>シュウリョウシャ</t>
    </rPh>
    <rPh sb="51" eb="53">
      <t>ソウスウ</t>
    </rPh>
    <rPh sb="55" eb="57">
      <t>ジョウキン</t>
    </rPh>
    <rPh sb="57" eb="59">
      <t>カンサン</t>
    </rPh>
    <phoneticPr fontId="2"/>
  </si>
  <si>
    <t>③</t>
    <phoneticPr fontId="2"/>
  </si>
  <si>
    <t>①に占める②の
割合が３０％以上</t>
    <rPh sb="2" eb="3">
      <t>シ</t>
    </rPh>
    <rPh sb="9" eb="10">
      <t>ゴウ</t>
    </rPh>
    <rPh sb="14" eb="16">
      <t>イジョウ</t>
    </rPh>
    <phoneticPr fontId="2"/>
  </si>
  <si>
    <t>　①のうち介護福祉士の総数
（常勤換算）</t>
    <rPh sb="5" eb="7">
      <t>カイゴ</t>
    </rPh>
    <rPh sb="7" eb="10">
      <t>フクシシ</t>
    </rPh>
    <rPh sb="11" eb="13">
      <t>ソウスウ</t>
    </rPh>
    <rPh sb="15" eb="17">
      <t>ジョウキン</t>
    </rPh>
    <rPh sb="17" eb="19">
      <t>カンザン</t>
    </rPh>
    <phoneticPr fontId="2"/>
  </si>
  <si>
    <t>　訪問介護員等の総数（常勤換算）</t>
    <rPh sb="1" eb="3">
      <t>ホウモン</t>
    </rPh>
    <rPh sb="3" eb="6">
      <t>カイゴイン</t>
    </rPh>
    <rPh sb="6" eb="7">
      <t>トウ</t>
    </rPh>
    <rPh sb="8" eb="10">
      <t>ソウスウ</t>
    </rPh>
    <rPh sb="11" eb="13">
      <t>ジョウキン</t>
    </rPh>
    <rPh sb="13" eb="15">
      <t>カンザン</t>
    </rPh>
    <phoneticPr fontId="2"/>
  </si>
  <si>
    <t>（[　]はいずれかの□を■にする）</t>
    <phoneticPr fontId="2"/>
  </si>
  <si>
    <t>］における一月当たりの実績の平均</t>
    <phoneticPr fontId="2"/>
  </si>
  <si>
    <t>　下表の①については必ず記載すること。②・③についてはいずれかを記載することで可。</t>
    <rPh sb="1" eb="3">
      <t>カヒョウ</t>
    </rPh>
    <rPh sb="10" eb="11">
      <t>カナラ</t>
    </rPh>
    <rPh sb="12" eb="14">
      <t>キサイ</t>
    </rPh>
    <rPh sb="32" eb="34">
      <t>キサイ</t>
    </rPh>
    <phoneticPr fontId="2"/>
  </si>
  <si>
    <t>(1)　訪問介護員等要件について</t>
    <rPh sb="4" eb="6">
      <t>ホウモン</t>
    </rPh>
    <rPh sb="6" eb="9">
      <t>カイゴイン</t>
    </rPh>
    <rPh sb="9" eb="10">
      <t>トウ</t>
    </rPh>
    <rPh sb="10" eb="12">
      <t>ヨウケン</t>
    </rPh>
    <phoneticPr fontId="2"/>
  </si>
  <si>
    <r>
      <t xml:space="preserve">２．人材要件（特定事業所加算（Ⅰ）～（Ⅳ）共通）
</t>
    </r>
    <r>
      <rPr>
        <sz val="10"/>
        <rFont val="HGSｺﾞｼｯｸM"/>
        <family val="3"/>
        <charset val="128"/>
      </rPr>
      <t>※特定事業所加算（Ⅰ）を取得する場合は(1)及び(2)①、（Ⅱ）を取得する場合は、(1)または(2)①、（Ⅲ）又は（Ⅳ）を取得する場合は、(2)②または(3)を記載すること。</t>
    </r>
    <rPh sb="2" eb="4">
      <t>ジンザイ</t>
    </rPh>
    <rPh sb="4" eb="5">
      <t>ヨウ</t>
    </rPh>
    <rPh sb="5" eb="6">
      <t>ケン</t>
    </rPh>
    <rPh sb="7" eb="9">
      <t>トクテイ</t>
    </rPh>
    <rPh sb="9" eb="11">
      <t>ジギョウ</t>
    </rPh>
    <rPh sb="11" eb="12">
      <t>ショ</t>
    </rPh>
    <rPh sb="12" eb="14">
      <t>カサン</t>
    </rPh>
    <rPh sb="21" eb="23">
      <t>キョウツウ</t>
    </rPh>
    <rPh sb="26" eb="28">
      <t>トクテイ</t>
    </rPh>
    <rPh sb="28" eb="31">
      <t>ジギョウショ</t>
    </rPh>
    <rPh sb="31" eb="33">
      <t>カサン</t>
    </rPh>
    <rPh sb="37" eb="39">
      <t>シュトク</t>
    </rPh>
    <rPh sb="41" eb="43">
      <t>バアイ</t>
    </rPh>
    <rPh sb="47" eb="48">
      <t>オヨ</t>
    </rPh>
    <rPh sb="58" eb="60">
      <t>シュトク</t>
    </rPh>
    <rPh sb="62" eb="64">
      <t>バアイ</t>
    </rPh>
    <rPh sb="80" eb="81">
      <t>マタ</t>
    </rPh>
    <rPh sb="86" eb="88">
      <t>シュトク</t>
    </rPh>
    <rPh sb="90" eb="92">
      <t>バアイ</t>
    </rPh>
    <rPh sb="105" eb="107">
      <t>キサイ</t>
    </rPh>
    <phoneticPr fontId="2"/>
  </si>
  <si>
    <t>「病院等」は「病院、診療所若しくは指定訪問看護ステーション」を指す。</t>
    <phoneticPr fontId="2"/>
  </si>
  <si>
    <t>※</t>
    <phoneticPr fontId="2"/>
  </si>
  <si>
    <t>(9) 看取りに関する職員研修を行っている。</t>
    <phoneticPr fontId="2"/>
  </si>
  <si>
    <t>(8)　看取りに関する対応方針について、医師、看護職員、介護職員、介護支援専門員その他の職種の者による協議の上、当該事業所における看取りの実績等を踏まえ、適宜、見直しを行う。</t>
    <phoneticPr fontId="2"/>
  </si>
  <si>
    <t>(7)　看取り期における対応方針を定め、利用開始の際に、利用者又はその家族等に対して、当該対応方針の内容を説明し、同意を得ていること。</t>
    <rPh sb="7" eb="8">
      <t>キ</t>
    </rPh>
    <rPh sb="12" eb="14">
      <t>タイオウ</t>
    </rPh>
    <rPh sb="14" eb="16">
      <t>ホウシン</t>
    </rPh>
    <rPh sb="20" eb="22">
      <t>リヨウ</t>
    </rPh>
    <rPh sb="22" eb="24">
      <t>カイシ</t>
    </rPh>
    <rPh sb="39" eb="40">
      <t>タイ</t>
    </rPh>
    <rPh sb="45" eb="47">
      <t>タイオウ</t>
    </rPh>
    <rPh sb="47" eb="49">
      <t>ホウシン</t>
    </rPh>
    <phoneticPr fontId="2"/>
  </si>
  <si>
    <t>(6)　病院等(※）の看護師との連携により24時間連絡できる体制を確保し、かつ、必要に応じて指定訪問介護を行うことができる体制を整備していること。</t>
    <rPh sb="40" eb="42">
      <t>ヒツヨウ</t>
    </rPh>
    <rPh sb="43" eb="44">
      <t>オウ</t>
    </rPh>
    <rPh sb="46" eb="48">
      <t>シテイ</t>
    </rPh>
    <rPh sb="48" eb="50">
      <t>ホウモン</t>
    </rPh>
    <rPh sb="50" eb="52">
      <t>カイゴ</t>
    </rPh>
    <rPh sb="53" eb="54">
      <t>オコナ</t>
    </rPh>
    <rPh sb="61" eb="63">
      <t>タイセイ</t>
    </rPh>
    <rPh sb="64" eb="66">
      <t>セイビ</t>
    </rPh>
    <phoneticPr fontId="2"/>
  </si>
  <si>
    <t>(5)　緊急時等における対応方法を利用者に明示している。</t>
    <rPh sb="4" eb="7">
      <t>キンキュウジ</t>
    </rPh>
    <rPh sb="7" eb="8">
      <t>トウ</t>
    </rPh>
    <rPh sb="12" eb="14">
      <t>タイオウ</t>
    </rPh>
    <rPh sb="14" eb="16">
      <t>ホウホウ</t>
    </rPh>
    <rPh sb="17" eb="20">
      <t>リヨウシャ</t>
    </rPh>
    <rPh sb="21" eb="23">
      <t>メイジ</t>
    </rPh>
    <phoneticPr fontId="2"/>
  </si>
  <si>
    <t>(4)　訪問介護員等に対する健康診断の定期的な実施体制を整備している。</t>
    <rPh sb="4" eb="6">
      <t>ホウモン</t>
    </rPh>
    <rPh sb="6" eb="9">
      <t>カイゴイン</t>
    </rPh>
    <rPh sb="9" eb="10">
      <t>トウ</t>
    </rPh>
    <rPh sb="11" eb="12">
      <t>タイ</t>
    </rPh>
    <rPh sb="14" eb="16">
      <t>ケンコウ</t>
    </rPh>
    <rPh sb="16" eb="18">
      <t>シンダン</t>
    </rPh>
    <rPh sb="19" eb="22">
      <t>テイキテキ</t>
    </rPh>
    <rPh sb="23" eb="25">
      <t>ジッシ</t>
    </rPh>
    <rPh sb="25" eb="27">
      <t>タイセイ</t>
    </rPh>
    <rPh sb="28" eb="30">
      <t>セイビ</t>
    </rPh>
    <phoneticPr fontId="2"/>
  </si>
  <si>
    <t>(3)　サービス提供責任者と訪問介護員等との間の情報伝達及び報告体制を整備している。</t>
    <rPh sb="8" eb="10">
      <t>テイキョウ</t>
    </rPh>
    <rPh sb="10" eb="13">
      <t>セキニンシャ</t>
    </rPh>
    <rPh sb="14" eb="16">
      <t>ホウモン</t>
    </rPh>
    <rPh sb="16" eb="18">
      <t>カイゴ</t>
    </rPh>
    <rPh sb="18" eb="19">
      <t>イン</t>
    </rPh>
    <rPh sb="19" eb="20">
      <t>トウ</t>
    </rPh>
    <rPh sb="22" eb="23">
      <t>アイダ</t>
    </rPh>
    <rPh sb="24" eb="26">
      <t>ジョウホウ</t>
    </rPh>
    <rPh sb="26" eb="28">
      <t>デンタツ</t>
    </rPh>
    <rPh sb="28" eb="29">
      <t>オヨ</t>
    </rPh>
    <rPh sb="30" eb="32">
      <t>ホウコク</t>
    </rPh>
    <rPh sb="32" eb="34">
      <t>タイセイ</t>
    </rPh>
    <rPh sb="35" eb="37">
      <t>セイビ</t>
    </rPh>
    <phoneticPr fontId="2"/>
  </si>
  <si>
    <t>(2)　訪問介護員等の技術指導を目的とした会議を定期的に開催している。</t>
    <rPh sb="4" eb="6">
      <t>ホウモン</t>
    </rPh>
    <rPh sb="6" eb="9">
      <t>カイゴイン</t>
    </rPh>
    <rPh sb="9" eb="10">
      <t>トウ</t>
    </rPh>
    <rPh sb="11" eb="13">
      <t>ギジュツ</t>
    </rPh>
    <rPh sb="13" eb="15">
      <t>シドウ</t>
    </rPh>
    <rPh sb="16" eb="18">
      <t>モクテキ</t>
    </rPh>
    <rPh sb="21" eb="23">
      <t>カイギ</t>
    </rPh>
    <rPh sb="24" eb="27">
      <t>テイキテキ</t>
    </rPh>
    <rPh sb="28" eb="30">
      <t>カイサイ</t>
    </rPh>
    <phoneticPr fontId="2"/>
  </si>
  <si>
    <t>(1)　個別の訪問介護員等・サービス提供責任者に係る研修計画を策定し、当該計画に従い、研修を実施している又は実施することが予定されている。</t>
    <rPh sb="4" eb="6">
      <t>コベツ</t>
    </rPh>
    <rPh sb="7" eb="9">
      <t>ホウモン</t>
    </rPh>
    <rPh sb="9" eb="11">
      <t>カイゴ</t>
    </rPh>
    <rPh sb="11" eb="12">
      <t>イン</t>
    </rPh>
    <rPh sb="12" eb="13">
      <t>トウ</t>
    </rPh>
    <rPh sb="18" eb="20">
      <t>テイキョウ</t>
    </rPh>
    <rPh sb="20" eb="23">
      <t>セキニンシャ</t>
    </rPh>
    <rPh sb="24" eb="25">
      <t>カカ</t>
    </rPh>
    <rPh sb="26" eb="28">
      <t>ケンシュウ</t>
    </rPh>
    <rPh sb="28" eb="30">
      <t>ケイカク</t>
    </rPh>
    <rPh sb="31" eb="33">
      <t>サクテイ</t>
    </rPh>
    <rPh sb="35" eb="37">
      <t>トウガイ</t>
    </rPh>
    <rPh sb="37" eb="39">
      <t>ケイカク</t>
    </rPh>
    <rPh sb="40" eb="41">
      <t>シタガ</t>
    </rPh>
    <rPh sb="43" eb="45">
      <t>ケンシュウ</t>
    </rPh>
    <phoneticPr fontId="2"/>
  </si>
  <si>
    <r>
      <t xml:space="preserve">１．体制要件（特定事業所加算（Ⅰ）～（Ⅳ）共通）
</t>
    </r>
    <r>
      <rPr>
        <sz val="10"/>
        <rFont val="HGSｺﾞｼｯｸM"/>
        <family val="3"/>
        <charset val="128"/>
      </rPr>
      <t>※特定事業所加算（Ⅰ）又は（Ⅲ）を取得する場合であって、「３．重度要介護者等対応要件」②を選択する場合は、(6)～(9)を記載すること。</t>
    </r>
    <rPh sb="2" eb="3">
      <t>カラダ</t>
    </rPh>
    <rPh sb="3" eb="4">
      <t>セイ</t>
    </rPh>
    <rPh sb="4" eb="5">
      <t>ヨウ</t>
    </rPh>
    <rPh sb="5" eb="6">
      <t>ケン</t>
    </rPh>
    <rPh sb="7" eb="9">
      <t>トクテイ</t>
    </rPh>
    <rPh sb="9" eb="11">
      <t>ジギョウ</t>
    </rPh>
    <rPh sb="11" eb="12">
      <t>ショ</t>
    </rPh>
    <rPh sb="12" eb="14">
      <t>カサン</t>
    </rPh>
    <rPh sb="21" eb="23">
      <t>キョウツウ</t>
    </rPh>
    <rPh sb="26" eb="28">
      <t>トクテイ</t>
    </rPh>
    <rPh sb="28" eb="31">
      <t>ジギョウショ</t>
    </rPh>
    <rPh sb="31" eb="33">
      <t>カサン</t>
    </rPh>
    <rPh sb="36" eb="37">
      <t>マタ</t>
    </rPh>
    <rPh sb="42" eb="44">
      <t>シュトク</t>
    </rPh>
    <rPh sb="46" eb="48">
      <t>バアイ</t>
    </rPh>
    <phoneticPr fontId="2"/>
  </si>
  <si>
    <t>4　特定事業所加算(Ⅳ)</t>
    <phoneticPr fontId="2"/>
  </si>
  <si>
    <t>3　特定事業所加算(Ⅲ)</t>
    <phoneticPr fontId="2"/>
  </si>
  <si>
    <t>2　特定事業所加算(Ⅱ)</t>
    <phoneticPr fontId="2"/>
  </si>
  <si>
    <t>1　特定事業所加算(Ⅰ)</t>
    <phoneticPr fontId="2"/>
  </si>
  <si>
    <t>届 出 項 目</t>
    <phoneticPr fontId="2"/>
  </si>
  <si>
    <t>特定事業所加算（Ⅰ）～（Ⅳ）に係る届出書（訪問介護事業所）</t>
    <rPh sb="0" eb="2">
      <t>トクテイ</t>
    </rPh>
    <rPh sb="2" eb="5">
      <t>ジギョウショ</t>
    </rPh>
    <rPh sb="5" eb="7">
      <t>カサン</t>
    </rPh>
    <rPh sb="15" eb="16">
      <t>カカ</t>
    </rPh>
    <rPh sb="17" eb="20">
      <t>トドケデショ</t>
    </rPh>
    <rPh sb="21" eb="23">
      <t>ホウモン</t>
    </rPh>
    <rPh sb="23" eb="25">
      <t>カイゴ</t>
    </rPh>
    <rPh sb="25" eb="28">
      <t>ジギョウショ</t>
    </rPh>
    <phoneticPr fontId="2"/>
  </si>
  <si>
    <t>（別紙9）</t>
    <phoneticPr fontId="2"/>
  </si>
  <si>
    <t>備考　各要件を満たす場合については、それぞれ根拠となる（要件を満たすことがわかる）</t>
    <rPh sb="0" eb="2">
      <t>ビコウ</t>
    </rPh>
    <rPh sb="3" eb="4">
      <t>カク</t>
    </rPh>
    <rPh sb="4" eb="6">
      <t>ヨウケン</t>
    </rPh>
    <rPh sb="7" eb="8">
      <t>ミ</t>
    </rPh>
    <rPh sb="10" eb="12">
      <t>バアイ</t>
    </rPh>
    <rPh sb="22" eb="24">
      <t>コンキョ</t>
    </rPh>
    <rPh sb="28" eb="30">
      <t>ヨウケン</t>
    </rPh>
    <rPh sb="31" eb="32">
      <t>ミ</t>
    </rPh>
    <phoneticPr fontId="2"/>
  </si>
  <si>
    <t>事業所の通常の事業の実施地域の範囲内であって、厚生労働大臣が定める中山間地域等の地域（平成二十一年厚生労働省告示第八十三号）第二号に規定する地域に居住している利用者かつ当該利用者の居宅の所在地と最寄りの訪問介護事業所との間の距離が７キロメートルを超える場合に限る。</t>
    <rPh sb="0" eb="3">
      <t>ジギョウショ</t>
    </rPh>
    <rPh sb="4" eb="6">
      <t>ツウジョウ</t>
    </rPh>
    <rPh sb="23" eb="25">
      <t>コウセイ</t>
    </rPh>
    <rPh sb="25" eb="27">
      <t>ロウドウ</t>
    </rPh>
    <phoneticPr fontId="2"/>
  </si>
  <si>
    <t>(7)　利用者の心身の状況またはその家族等を取り巻く環境の変化に応じて、訪問介護事業所のサービス提供責任者等が起点となり、随時、介護支援専門員、医療関係職種等と共同し、訪問介護計画の見直しを行っている。</t>
    <phoneticPr fontId="2"/>
  </si>
  <si>
    <t>平均１人以上</t>
    <rPh sb="0" eb="2">
      <t>ヘイキン</t>
    </rPh>
    <rPh sb="3" eb="4">
      <t>ニン</t>
    </rPh>
    <rPh sb="4" eb="6">
      <t>イジョウ</t>
    </rPh>
    <phoneticPr fontId="2"/>
  </si>
  <si>
    <t>①における前年度または前三月の平均人数</t>
    <rPh sb="5" eb="8">
      <t>ゼンネンド</t>
    </rPh>
    <rPh sb="11" eb="12">
      <t>マエ</t>
    </rPh>
    <rPh sb="12" eb="13">
      <t>サン</t>
    </rPh>
    <rPh sb="13" eb="14">
      <t>ツキ</t>
    </rPh>
    <rPh sb="15" eb="17">
      <t>ヘイキン</t>
    </rPh>
    <rPh sb="17" eb="19">
      <t>ニンズウ</t>
    </rPh>
    <phoneticPr fontId="2"/>
  </si>
  <si>
    <t>前年度又は前三月の中山間地域等に居住する者へのサービス提供人数（実人数）</t>
    <rPh sb="1" eb="3">
      <t>ネンド</t>
    </rPh>
    <rPh sb="3" eb="4">
      <t>マタ</t>
    </rPh>
    <rPh sb="5" eb="6">
      <t>マエ</t>
    </rPh>
    <rPh sb="6" eb="7">
      <t>サン</t>
    </rPh>
    <rPh sb="7" eb="8">
      <t>ツキ</t>
    </rPh>
    <rPh sb="9" eb="12">
      <t>チュウサンカン</t>
    </rPh>
    <rPh sb="12" eb="14">
      <t>チイキ</t>
    </rPh>
    <rPh sb="14" eb="15">
      <t>トウ</t>
    </rPh>
    <rPh sb="16" eb="18">
      <t>キョジュウ</t>
    </rPh>
    <rPh sb="20" eb="21">
      <t>シャ</t>
    </rPh>
    <rPh sb="27" eb="29">
      <t>テイキョウ</t>
    </rPh>
    <rPh sb="29" eb="31">
      <t>ニンズウ</t>
    </rPh>
    <rPh sb="32" eb="33">
      <t>ジツ</t>
    </rPh>
    <rPh sb="33" eb="35">
      <t>ニンズウ</t>
    </rPh>
    <phoneticPr fontId="2"/>
  </si>
  <si>
    <t>（中山間地域等に居住する利用者へのサービス提供状況）</t>
    <rPh sb="1" eb="4">
      <t>チュウサンカン</t>
    </rPh>
    <rPh sb="4" eb="6">
      <t>チイキ</t>
    </rPh>
    <rPh sb="6" eb="7">
      <t>トウ</t>
    </rPh>
    <rPh sb="8" eb="10">
      <t>キョジュウ</t>
    </rPh>
    <rPh sb="12" eb="15">
      <t>リヨウシャ</t>
    </rPh>
    <rPh sb="21" eb="23">
      <t>テイキョウ</t>
    </rPh>
    <rPh sb="23" eb="25">
      <t>ジョウキョウ</t>
    </rPh>
    <phoneticPr fontId="2"/>
  </si>
  <si>
    <t>(6)　通常の事業の実施地域内であって中山間地域等に居住する利用者（※）に対して、継続的にサービスを提供している。</t>
    <rPh sb="26" eb="28">
      <t>キョジュウ</t>
    </rPh>
    <rPh sb="30" eb="32">
      <t>リヨウ</t>
    </rPh>
    <phoneticPr fontId="2"/>
  </si>
  <si>
    <t>○体制要件</t>
    <rPh sb="1" eb="3">
      <t>タイセイ</t>
    </rPh>
    <rPh sb="3" eb="5">
      <t>ヨウケン</t>
    </rPh>
    <phoneticPr fontId="2"/>
  </si>
  <si>
    <t>特定事業所加算（Ⅴ）に係る届出書（訪問介護事業所）</t>
    <rPh sb="0" eb="2">
      <t>トクテイ</t>
    </rPh>
    <rPh sb="2" eb="5">
      <t>ジギョウショ</t>
    </rPh>
    <rPh sb="5" eb="7">
      <t>カサン</t>
    </rPh>
    <rPh sb="11" eb="12">
      <t>カカ</t>
    </rPh>
    <rPh sb="13" eb="16">
      <t>トドケデショ</t>
    </rPh>
    <rPh sb="17" eb="19">
      <t>ホウモン</t>
    </rPh>
    <rPh sb="19" eb="21">
      <t>カイゴ</t>
    </rPh>
    <rPh sb="21" eb="24">
      <t>ジギョウショ</t>
    </rPh>
    <phoneticPr fontId="2"/>
  </si>
  <si>
    <t>（別紙9－2）</t>
    <phoneticPr fontId="2"/>
  </si>
  <si>
    <t>・具体的な計算方法については、「平成２４年度介護報酬改定に関するＱ＆Ａ(Vol.1)（平成24年3月16日）」問15をご参照ください。</t>
    <phoneticPr fontId="2"/>
  </si>
  <si>
    <t>　前年度の実績が６月に満たない事業所（新たに事業を開始し、又は再開した事業所）　については、前年度の実績（ア）による届出はできません。</t>
    <phoneticPr fontId="2"/>
  </si>
  <si>
    <t>・「２．算定期間」でアまたはイの算定期間を選択してください。</t>
    <phoneticPr fontId="2"/>
  </si>
  <si>
    <t>　「利用実人員数」または「訪問回数」のいずれかを選択してください。</t>
    <phoneticPr fontId="2"/>
  </si>
  <si>
    <t>・「１．要介護４または要介護５である者、認知症高齢者の日常生活自立度（Ⅲ、Ⅳ、M）である者、たんの吸引等を必要とする者等の割合の算出基準」で、</t>
    <phoneticPr fontId="2"/>
  </si>
  <si>
    <t>・本資料は特定事業所加算（Ⅰ）・（Ⅲ）に係る届出書を補完する資料としてご使用ください。</t>
    <phoneticPr fontId="2"/>
  </si>
  <si>
    <t>備考</t>
    <phoneticPr fontId="2"/>
  </si>
  <si>
    <t>％</t>
    <phoneticPr fontId="2"/>
  </si>
  <si>
    <t>⑥割合
（⑤÷①）</t>
    <phoneticPr fontId="2"/>
  </si>
  <si>
    <t>人/回</t>
    <phoneticPr fontId="2"/>
  </si>
  <si>
    <t>⑤重度要介護者等数/訪問回数
（②＋③＋④）</t>
    <phoneticPr fontId="2"/>
  </si>
  <si>
    <t>合計</t>
    <phoneticPr fontId="2"/>
  </si>
  <si>
    <t>月</t>
  </si>
  <si>
    <t>月</t>
    <phoneticPr fontId="2"/>
  </si>
  <si>
    <t>④喀痰吸引等を必要とする
利用者数／訪問回数</t>
    <phoneticPr fontId="2"/>
  </si>
  <si>
    <t>③認知症高齢者の日常生活自立度Ⅲ、ⅣまたはMに該当する
利用者数／訪問回数</t>
    <phoneticPr fontId="2"/>
  </si>
  <si>
    <t>②要介護４または要介護５の
利用者数／訪問回数</t>
    <phoneticPr fontId="2"/>
  </si>
  <si>
    <t>①利用者／訪問回数の総数
（要支援者は含めない）</t>
    <phoneticPr fontId="2"/>
  </si>
  <si>
    <t>イ．届出日の属する月の前３月</t>
  </si>
  <si>
    <t>ア．前年度（３月を除く）の実績の平均</t>
  </si>
  <si>
    <t>イ．届出日の属する月の前３月</t>
    <phoneticPr fontId="2"/>
  </si>
  <si>
    <t>ア．前年度（３月を除く）の実績の平均</t>
    <phoneticPr fontId="2"/>
  </si>
  <si>
    <t>２．算定期間</t>
    <phoneticPr fontId="2"/>
  </si>
  <si>
    <t>訪問回数</t>
    <phoneticPr fontId="2"/>
  </si>
  <si>
    <t>利用実人員数</t>
    <phoneticPr fontId="2"/>
  </si>
  <si>
    <t>１．要介護４または要介護５である者、認知症高齢者の日常生活自立度（Ⅲ、Ⅳ、M）である者、たんの吸引等を必要とする者等の割合の算出基準</t>
    <phoneticPr fontId="2"/>
  </si>
  <si>
    <t>事業所番号</t>
    <phoneticPr fontId="2"/>
  </si>
  <si>
    <t>事業所名</t>
    <phoneticPr fontId="2"/>
  </si>
  <si>
    <t>重度要介護者等対応要件の割合に関する計算書（特定事業所加算（Ⅰ）・（Ⅲ））</t>
    <phoneticPr fontId="2"/>
  </si>
  <si>
    <t>日</t>
    <phoneticPr fontId="2"/>
  </si>
  <si>
    <t>年</t>
    <phoneticPr fontId="2"/>
  </si>
  <si>
    <t>令和</t>
    <phoneticPr fontId="2"/>
  </si>
  <si>
    <t>（別紙9－3）</t>
    <phoneticPr fontId="2"/>
  </si>
  <si>
    <t>・具体的な計算方法については、留意事項通知第２の２(16)⑥ロをご参照ください。</t>
    <rPh sb="1" eb="4">
      <t>グタイテキ</t>
    </rPh>
    <rPh sb="5" eb="7">
      <t>ケイサン</t>
    </rPh>
    <rPh sb="7" eb="9">
      <t>ホウホウ</t>
    </rPh>
    <rPh sb="15" eb="17">
      <t>リュウイ</t>
    </rPh>
    <rPh sb="17" eb="19">
      <t>ジコウ</t>
    </rPh>
    <rPh sb="19" eb="21">
      <t>ツウチダイ</t>
    </rPh>
    <phoneticPr fontId="2"/>
  </si>
  <si>
    <t>・「２．判定結果」については、アまたはイの算定結果を元に選択してください。</t>
    <rPh sb="4" eb="6">
      <t>ハンテイ</t>
    </rPh>
    <rPh sb="6" eb="8">
      <t>ケッカ</t>
    </rPh>
    <rPh sb="21" eb="23">
      <t>サンテイ</t>
    </rPh>
    <rPh sb="23" eb="25">
      <t>ケッカ</t>
    </rPh>
    <rPh sb="26" eb="27">
      <t>モト</t>
    </rPh>
    <rPh sb="28" eb="30">
      <t>センタク</t>
    </rPh>
    <phoneticPr fontId="2"/>
  </si>
  <si>
    <t>・「１．判定期間」については、該当する期間を選択してください。</t>
    <rPh sb="4" eb="6">
      <t>ハンテイ</t>
    </rPh>
    <rPh sb="6" eb="8">
      <t>キカン</t>
    </rPh>
    <rPh sb="15" eb="17">
      <t>ガイトウ</t>
    </rPh>
    <rPh sb="19" eb="21">
      <t>キカン</t>
    </rPh>
    <rPh sb="22" eb="24">
      <t>センタク</t>
    </rPh>
    <phoneticPr fontId="2"/>
  </si>
  <si>
    <t>・本資料は同一建物減算に係る算定手続きを補完する資料としてご使用ください。</t>
    <rPh sb="1" eb="2">
      <t>ホン</t>
    </rPh>
    <rPh sb="2" eb="4">
      <t>シリョウ</t>
    </rPh>
    <rPh sb="5" eb="7">
      <t>ドウイツ</t>
    </rPh>
    <rPh sb="7" eb="9">
      <t>タテモノ</t>
    </rPh>
    <rPh sb="9" eb="11">
      <t>ゲンサン</t>
    </rPh>
    <rPh sb="12" eb="13">
      <t>カカ</t>
    </rPh>
    <rPh sb="14" eb="16">
      <t>サンテイ</t>
    </rPh>
    <rPh sb="16" eb="18">
      <t>テツヅ</t>
    </rPh>
    <rPh sb="20" eb="22">
      <t>ホカン</t>
    </rPh>
    <rPh sb="24" eb="26">
      <t>シリョウ</t>
    </rPh>
    <rPh sb="30" eb="32">
      <t>シヨウ</t>
    </rPh>
    <phoneticPr fontId="2"/>
  </si>
  <si>
    <t xml:space="preserve">（※２）「指定居宅サービスに要する費用の額の算定に関する基準（訪問通所サービス、居宅療養管理指導及び福祉用具貸与に係る部分）及び指定居宅介護支援に要する費用の額の算定に関する基準の制定に伴う実施上の留意事項について（平成12年３月１日老企第36号）（抄）」（以下、「留意事項通知」という。）第２の２(16)⑥二等に規定する以下のa～cのいずれか、若しくは、d「いずれにも該当しない」から当てはまるものを選択すること。
なお、a～cに該当する場合は、それぞれ要件を満たすことが分かる根拠書類を準備し、指定権者からの求めがあった場合には、速やかに提出すること。
a：特別地域訪問介護加算を受けている事業所である場合
b：判定期間の一月当たりの延べ訪問回数が二百回以下であるなど事業所が小規模である場合
c：その他正当な理由と都道府県知事が認めた場合
</t>
    <rPh sb="129" eb="131">
      <t>イカ</t>
    </rPh>
    <rPh sb="133" eb="135">
      <t>リュウイ</t>
    </rPh>
    <rPh sb="135" eb="137">
      <t>ジコウ</t>
    </rPh>
    <rPh sb="137" eb="139">
      <t>ツウチ</t>
    </rPh>
    <rPh sb="145" eb="146">
      <t>ダイ</t>
    </rPh>
    <rPh sb="154" eb="155">
      <t>ニ</t>
    </rPh>
    <rPh sb="155" eb="156">
      <t>トウ</t>
    </rPh>
    <rPh sb="157" eb="159">
      <t>キテイ</t>
    </rPh>
    <rPh sb="161" eb="163">
      <t>イカ</t>
    </rPh>
    <rPh sb="173" eb="174">
      <t>モ</t>
    </rPh>
    <rPh sb="185" eb="187">
      <t>ガイトウ</t>
    </rPh>
    <rPh sb="193" eb="194">
      <t>ア</t>
    </rPh>
    <rPh sb="201" eb="203">
      <t>センタク</t>
    </rPh>
    <rPh sb="216" eb="218">
      <t>ガイトウ</t>
    </rPh>
    <rPh sb="220" eb="222">
      <t>バアイ</t>
    </rPh>
    <rPh sb="267" eb="268">
      <t>スミ</t>
    </rPh>
    <rPh sb="271" eb="273">
      <t>テイシュツ</t>
    </rPh>
    <phoneticPr fontId="2"/>
  </si>
  <si>
    <t>（※１）同一の建物に20人以上居住する建物（同一敷地内建物等を除く）に居住する者及び同一敷地内建物等に50人以上居住する建物に居住する者へ提供する場合を除く</t>
    <rPh sb="22" eb="24">
      <t>ドウイツ</t>
    </rPh>
    <rPh sb="24" eb="26">
      <t>シキチ</t>
    </rPh>
    <rPh sb="26" eb="27">
      <t>ナイ</t>
    </rPh>
    <rPh sb="27" eb="29">
      <t>タテモノ</t>
    </rPh>
    <rPh sb="29" eb="30">
      <t>トウ</t>
    </rPh>
    <rPh sb="31" eb="32">
      <t>ノゾ</t>
    </rPh>
    <rPh sb="35" eb="37">
      <t>キョジュウ</t>
    </rPh>
    <rPh sb="39" eb="40">
      <t>シャ</t>
    </rPh>
    <rPh sb="40" eb="41">
      <t>オヨ</t>
    </rPh>
    <rPh sb="73" eb="75">
      <t>バアイ</t>
    </rPh>
    <rPh sb="76" eb="77">
      <t>ノゾ</t>
    </rPh>
    <phoneticPr fontId="2"/>
  </si>
  <si>
    <t>④90％以上である場合の理由(※２より該当する番号を記入）</t>
    <rPh sb="4" eb="6">
      <t>イジョウ</t>
    </rPh>
    <rPh sb="9" eb="11">
      <t>バアイ</t>
    </rPh>
    <rPh sb="12" eb="14">
      <t>リユウ</t>
    </rPh>
    <rPh sb="19" eb="21">
      <t>ガイトウ</t>
    </rPh>
    <rPh sb="23" eb="25">
      <t>バンゴウ</t>
    </rPh>
    <rPh sb="26" eb="28">
      <t>キニュウ</t>
    </rPh>
    <phoneticPr fontId="2"/>
  </si>
  <si>
    <r>
      <t xml:space="preserve">③割合
</t>
    </r>
    <r>
      <rPr>
        <sz val="10"/>
        <rFont val="HGSｺﾞｼｯｸM"/>
        <family val="3"/>
        <charset val="128"/>
      </rPr>
      <t>（②÷①）</t>
    </r>
    <rPh sb="1" eb="3">
      <t>ワリアイ</t>
    </rPh>
    <phoneticPr fontId="2"/>
  </si>
  <si>
    <t>②①の内同一建物減算の適用を受けている利用者数（※１）</t>
    <rPh sb="3" eb="4">
      <t>ウチ</t>
    </rPh>
    <rPh sb="4" eb="6">
      <t>ドウイツ</t>
    </rPh>
    <rPh sb="6" eb="8">
      <t>タテモノ</t>
    </rPh>
    <rPh sb="8" eb="10">
      <t>ゲンサン</t>
    </rPh>
    <rPh sb="11" eb="13">
      <t>テキヨウ</t>
    </rPh>
    <rPh sb="14" eb="15">
      <t>ウ</t>
    </rPh>
    <rPh sb="19" eb="21">
      <t>リヨウ</t>
    </rPh>
    <rPh sb="21" eb="22">
      <t>シャ</t>
    </rPh>
    <rPh sb="22" eb="23">
      <t>スウ</t>
    </rPh>
    <phoneticPr fontId="2"/>
  </si>
  <si>
    <t>①判定期間に指定訪問介護を提供した利用者の総数
（要支援者は含めない）</t>
    <rPh sb="17" eb="20">
      <t>リヨウシャ</t>
    </rPh>
    <rPh sb="21" eb="23">
      <t>ソウスウ</t>
    </rPh>
    <rPh sb="25" eb="28">
      <t>ヨウシエン</t>
    </rPh>
    <rPh sb="28" eb="29">
      <t>シャ</t>
    </rPh>
    <rPh sb="30" eb="31">
      <t>フク</t>
    </rPh>
    <phoneticPr fontId="2"/>
  </si>
  <si>
    <t>イ．後期</t>
    <rPh sb="2" eb="4">
      <t>コウキ</t>
    </rPh>
    <phoneticPr fontId="2"/>
  </si>
  <si>
    <t>①判定期間に指定訪問介護を提供した利用者の総数
（要支援者は含めない）</t>
    <rPh sb="1" eb="3">
      <t>ハンテイ</t>
    </rPh>
    <rPh sb="3" eb="5">
      <t>キカン</t>
    </rPh>
    <rPh sb="6" eb="8">
      <t>シテイ</t>
    </rPh>
    <rPh sb="8" eb="10">
      <t>ホウモン</t>
    </rPh>
    <rPh sb="10" eb="12">
      <t>カイゴ</t>
    </rPh>
    <rPh sb="13" eb="15">
      <t>テイキョウ</t>
    </rPh>
    <rPh sb="17" eb="20">
      <t>リヨウシャ</t>
    </rPh>
    <rPh sb="21" eb="23">
      <t>ソウスウ</t>
    </rPh>
    <rPh sb="25" eb="28">
      <t>ヨウシエン</t>
    </rPh>
    <rPh sb="28" eb="29">
      <t>シャ</t>
    </rPh>
    <rPh sb="30" eb="31">
      <t>フク</t>
    </rPh>
    <phoneticPr fontId="2"/>
  </si>
  <si>
    <t>ア．前期</t>
    <rPh sb="2" eb="4">
      <t>ゼンキ</t>
    </rPh>
    <phoneticPr fontId="2"/>
  </si>
  <si>
    <t>該当</t>
    <rPh sb="0" eb="2">
      <t>ガイトウ</t>
    </rPh>
    <phoneticPr fontId="2"/>
  </si>
  <si>
    <t>非該当</t>
    <rPh sb="0" eb="3">
      <t>ヒガイトウ</t>
    </rPh>
    <phoneticPr fontId="2"/>
  </si>
  <si>
    <t>２．判定結果</t>
    <rPh sb="2" eb="4">
      <t>ハンテイ</t>
    </rPh>
    <rPh sb="4" eb="6">
      <t>ケッカ</t>
    </rPh>
    <phoneticPr fontId="2"/>
  </si>
  <si>
    <t>（※）なお、令和６年度については、前期の判定期間を4月1日から9月30日、減算適用期間を11月1日から3月31日までとし 、後期の判定期間を10月1日から2月末日、減算適用期間を令和７年度の4月1日から9月30日までとするため、以下の「２．判定結果」ア、イについては、適宜判定期間を修正の上、ご使用ください。</t>
    <rPh sb="17" eb="19">
      <t>ゼンキ</t>
    </rPh>
    <rPh sb="20" eb="22">
      <t>ハンテイ</t>
    </rPh>
    <rPh sb="62" eb="64">
      <t>コウキ</t>
    </rPh>
    <rPh sb="65" eb="67">
      <t>ハンテイ</t>
    </rPh>
    <rPh sb="114" eb="116">
      <t>イカ</t>
    </rPh>
    <rPh sb="120" eb="122">
      <t>ハンテイ</t>
    </rPh>
    <rPh sb="122" eb="124">
      <t>ケッカ</t>
    </rPh>
    <rPh sb="134" eb="136">
      <t>テキギ</t>
    </rPh>
    <rPh sb="136" eb="138">
      <t>ハンテイ</t>
    </rPh>
    <rPh sb="138" eb="140">
      <t>キカン</t>
    </rPh>
    <rPh sb="141" eb="143">
      <t>シュウセイ</t>
    </rPh>
    <rPh sb="144" eb="145">
      <t>ウエ</t>
    </rPh>
    <rPh sb="147" eb="149">
      <t>シヨウ</t>
    </rPh>
    <phoneticPr fontId="2"/>
  </si>
  <si>
    <t>後期</t>
    <rPh sb="0" eb="2">
      <t>コウキ</t>
    </rPh>
    <phoneticPr fontId="2"/>
  </si>
  <si>
    <t>前期</t>
    <rPh sb="0" eb="2">
      <t>ゼンキ</t>
    </rPh>
    <phoneticPr fontId="2"/>
  </si>
  <si>
    <t>年度</t>
    <rPh sb="0" eb="2">
      <t>ネンド</t>
    </rPh>
    <phoneticPr fontId="2"/>
  </si>
  <si>
    <t>１．判定期間（※）</t>
    <rPh sb="2" eb="4">
      <t>ハンテイ</t>
    </rPh>
    <rPh sb="4" eb="6">
      <t>キカン</t>
    </rPh>
    <phoneticPr fontId="2"/>
  </si>
  <si>
    <t>訪問介護、訪問型サービスにおける同一建物減算に係る計算書</t>
    <rPh sb="5" eb="8">
      <t>ホウモンガタ</t>
    </rPh>
    <rPh sb="16" eb="18">
      <t>ドウイツ</t>
    </rPh>
    <rPh sb="18" eb="20">
      <t>タテモノ</t>
    </rPh>
    <rPh sb="20" eb="22">
      <t>ゲンサン</t>
    </rPh>
    <rPh sb="23" eb="24">
      <t>カカ</t>
    </rPh>
    <rPh sb="25" eb="28">
      <t>ケイサンショ</t>
    </rPh>
    <phoneticPr fontId="2"/>
  </si>
  <si>
    <t>（別紙10）</t>
    <rPh sb="1" eb="3">
      <t>ベッシ</t>
    </rPh>
    <phoneticPr fontId="2"/>
  </si>
  <si>
    <t>※　要件を満たすことが分かる根拠書類を準備し、指定権者からの求めがあった場合には、速やかに提出してください。</t>
    <rPh sb="16" eb="18">
      <t>ショルイ</t>
    </rPh>
    <phoneticPr fontId="2"/>
  </si>
  <si>
    <t>注３　「歯科訪問診療料の算定の実績」とは、歯科診療報酬点数表の区分番号Ｃ000に掲げる歯科訪問診療料の算定の実績であり、直近の算定日を記載すること。</t>
    <rPh sb="0" eb="1">
      <t>チュウ</t>
    </rPh>
    <rPh sb="60" eb="62">
      <t>チョッキン</t>
    </rPh>
    <rPh sb="63" eb="65">
      <t>サンテイ</t>
    </rPh>
    <rPh sb="65" eb="66">
      <t>ビ</t>
    </rPh>
    <rPh sb="67" eb="69">
      <t>キサイ</t>
    </rPh>
    <phoneticPr fontId="2"/>
  </si>
  <si>
    <t>注２　「連携歯科医療機関」は１つ以上の記載が必要である。なお、記入欄が不足している場合には、「歯科医療機関との連携の状況」のみを追加記載した様式を別途添付しても差し支えない。</t>
    <rPh sb="0" eb="1">
      <t>チュウ</t>
    </rPh>
    <rPh sb="16" eb="18">
      <t>イジョウ</t>
    </rPh>
    <rPh sb="19" eb="21">
      <t>キサイ</t>
    </rPh>
    <rPh sb="22" eb="24">
      <t>ヒツヨウ</t>
    </rPh>
    <rPh sb="31" eb="34">
      <t>キニュウラン</t>
    </rPh>
    <rPh sb="35" eb="37">
      <t>フソク</t>
    </rPh>
    <rPh sb="41" eb="43">
      <t>バアイ</t>
    </rPh>
    <rPh sb="64" eb="66">
      <t>ツイカ</t>
    </rPh>
    <rPh sb="66" eb="68">
      <t>キサイ</t>
    </rPh>
    <rPh sb="70" eb="72">
      <t>ヨウシキ</t>
    </rPh>
    <rPh sb="73" eb="75">
      <t>ベット</t>
    </rPh>
    <rPh sb="75" eb="77">
      <t>テンプ</t>
    </rPh>
    <rPh sb="80" eb="81">
      <t>サ</t>
    </rPh>
    <rPh sb="82" eb="83">
      <t>ツカ</t>
    </rPh>
    <phoneticPr fontId="2"/>
  </si>
  <si>
    <t>注１　「連携歯科医療機関」とは、利用者の口腔の健康状態に係る評価を行うに当たって、歯科医療機関の歯科医師又は歯科医師の指示を受けた歯科衛生士に対して、口腔の健康状態の評価の方法や在宅歯科医療の提供等について相談できる体制を確保している歯科医療機関である。</t>
    <rPh sb="0" eb="1">
      <t>チュウ</t>
    </rPh>
    <rPh sb="41" eb="43">
      <t>シカ</t>
    </rPh>
    <rPh sb="71" eb="72">
      <t>タイ</t>
    </rPh>
    <rPh sb="117" eb="119">
      <t>シカ</t>
    </rPh>
    <rPh sb="119" eb="121">
      <t>イリョウ</t>
    </rPh>
    <rPh sb="121" eb="123">
      <t>キカン</t>
    </rPh>
    <phoneticPr fontId="2"/>
  </si>
  <si>
    <t>連絡先電話番号</t>
    <rPh sb="0" eb="3">
      <t>レンラクサキ</t>
    </rPh>
    <rPh sb="3" eb="5">
      <t>デンワ</t>
    </rPh>
    <rPh sb="5" eb="7">
      <t>バンゴウ</t>
    </rPh>
    <phoneticPr fontId="2"/>
  </si>
  <si>
    <t xml:space="preserve">       　　年　　月　　日</t>
    <rPh sb="9" eb="10">
      <t>ネン</t>
    </rPh>
    <rPh sb="12" eb="13">
      <t>ガツ</t>
    </rPh>
    <rPh sb="15" eb="16">
      <t>ニチ</t>
    </rPh>
    <phoneticPr fontId="2"/>
  </si>
  <si>
    <t>歯科訪問診療料の算定の実績</t>
    <phoneticPr fontId="2"/>
  </si>
  <si>
    <t>歯科医師名</t>
    <rPh sb="0" eb="4">
      <t>シカイシ</t>
    </rPh>
    <rPh sb="4" eb="5">
      <t>メイ</t>
    </rPh>
    <phoneticPr fontId="2"/>
  </si>
  <si>
    <t>所在地</t>
    <rPh sb="0" eb="3">
      <t>ショザイチ</t>
    </rPh>
    <phoneticPr fontId="2"/>
  </si>
  <si>
    <t>歯科医療機関名</t>
    <rPh sb="0" eb="2">
      <t>シカ</t>
    </rPh>
    <rPh sb="2" eb="4">
      <t>イリョウ</t>
    </rPh>
    <rPh sb="4" eb="6">
      <t>キカン</t>
    </rPh>
    <rPh sb="6" eb="7">
      <t>メイ</t>
    </rPh>
    <phoneticPr fontId="2"/>
  </si>
  <si>
    <t>３．連携歯科医療機関</t>
    <rPh sb="2" eb="4">
      <t>レンケイ</t>
    </rPh>
    <rPh sb="4" eb="6">
      <t>シカ</t>
    </rPh>
    <rPh sb="6" eb="8">
      <t>イリョウ</t>
    </rPh>
    <rPh sb="8" eb="10">
      <t>キカン</t>
    </rPh>
    <phoneticPr fontId="2"/>
  </si>
  <si>
    <t>２．連携歯科医療機関</t>
    <rPh sb="2" eb="4">
      <t>レンケイ</t>
    </rPh>
    <rPh sb="4" eb="6">
      <t>シカ</t>
    </rPh>
    <rPh sb="6" eb="8">
      <t>イリョウ</t>
    </rPh>
    <rPh sb="8" eb="10">
      <t>キカン</t>
    </rPh>
    <phoneticPr fontId="2"/>
  </si>
  <si>
    <t>１．連携歯科医療機関</t>
    <rPh sb="2" eb="4">
      <t>レンケイ</t>
    </rPh>
    <rPh sb="4" eb="6">
      <t>シカ</t>
    </rPh>
    <rPh sb="6" eb="8">
      <t>イリョウ</t>
    </rPh>
    <rPh sb="8" eb="10">
      <t>キカン</t>
    </rPh>
    <phoneticPr fontId="2"/>
  </si>
  <si>
    <t>歯科医療機関との連携の状況</t>
    <rPh sb="0" eb="2">
      <t>シカ</t>
    </rPh>
    <rPh sb="2" eb="4">
      <t>イリョウ</t>
    </rPh>
    <rPh sb="4" eb="6">
      <t>キカン</t>
    </rPh>
    <rPh sb="8" eb="10">
      <t>レンケイ</t>
    </rPh>
    <rPh sb="11" eb="13">
      <t>ジョウキョウ</t>
    </rPh>
    <phoneticPr fontId="2"/>
  </si>
  <si>
    <t>6　定期巡回・随時対応型訪問介護看護事業所</t>
    <rPh sb="2" eb="4">
      <t>テイキ</t>
    </rPh>
    <rPh sb="4" eb="6">
      <t>ジュンカイ</t>
    </rPh>
    <rPh sb="7" eb="9">
      <t>ズイジ</t>
    </rPh>
    <rPh sb="9" eb="12">
      <t>タイオウガタ</t>
    </rPh>
    <rPh sb="12" eb="14">
      <t>ホウモン</t>
    </rPh>
    <rPh sb="14" eb="16">
      <t>カイゴ</t>
    </rPh>
    <rPh sb="16" eb="18">
      <t>カンゴ</t>
    </rPh>
    <rPh sb="18" eb="21">
      <t>ジギョウショ</t>
    </rPh>
    <phoneticPr fontId="2"/>
  </si>
  <si>
    <t>5　(介護予防）短期入所療養介護事業所</t>
    <rPh sb="3" eb="5">
      <t>カイゴ</t>
    </rPh>
    <rPh sb="5" eb="7">
      <t>ヨボウ</t>
    </rPh>
    <rPh sb="8" eb="10">
      <t>タンキ</t>
    </rPh>
    <rPh sb="10" eb="12">
      <t>ニュウショ</t>
    </rPh>
    <rPh sb="12" eb="14">
      <t>リョウヨウ</t>
    </rPh>
    <rPh sb="14" eb="16">
      <t>カイゴ</t>
    </rPh>
    <rPh sb="16" eb="19">
      <t>ジギョウショ</t>
    </rPh>
    <phoneticPr fontId="2"/>
  </si>
  <si>
    <t>4　(介護予防）短期入所生活介護事業所</t>
    <rPh sb="3" eb="5">
      <t>カイゴ</t>
    </rPh>
    <rPh sb="5" eb="7">
      <t>ヨボウ</t>
    </rPh>
    <rPh sb="8" eb="10">
      <t>タンキ</t>
    </rPh>
    <rPh sb="10" eb="12">
      <t>ニュウショ</t>
    </rPh>
    <rPh sb="12" eb="14">
      <t>セイカツ</t>
    </rPh>
    <rPh sb="14" eb="16">
      <t>カイゴ</t>
    </rPh>
    <rPh sb="16" eb="19">
      <t>ジギョウショ</t>
    </rPh>
    <phoneticPr fontId="2"/>
  </si>
  <si>
    <t>3　(介護予防）訪問リハビリテーション事業所</t>
    <rPh sb="3" eb="5">
      <t>カイゴ</t>
    </rPh>
    <rPh sb="5" eb="7">
      <t>ヨボウ</t>
    </rPh>
    <rPh sb="8" eb="10">
      <t>ホウモン</t>
    </rPh>
    <rPh sb="19" eb="22">
      <t>ジギョウショ</t>
    </rPh>
    <phoneticPr fontId="2"/>
  </si>
  <si>
    <t>2　(介護予防）訪問看護事業所（訪問看護ステーション）</t>
    <rPh sb="3" eb="5">
      <t>カイゴ</t>
    </rPh>
    <rPh sb="5" eb="7">
      <t>ヨボウ</t>
    </rPh>
    <rPh sb="8" eb="10">
      <t>ホウモン</t>
    </rPh>
    <rPh sb="10" eb="12">
      <t>カンゴ</t>
    </rPh>
    <rPh sb="12" eb="14">
      <t>ジギョウ</t>
    </rPh>
    <rPh sb="14" eb="15">
      <t>ショ</t>
    </rPh>
    <rPh sb="16" eb="18">
      <t>ホウモン</t>
    </rPh>
    <rPh sb="18" eb="20">
      <t>カンゴ</t>
    </rPh>
    <phoneticPr fontId="2"/>
  </si>
  <si>
    <t>1　訪問介護事業所</t>
    <rPh sb="2" eb="4">
      <t>ホウモン</t>
    </rPh>
    <rPh sb="4" eb="6">
      <t>カイゴ</t>
    </rPh>
    <rPh sb="6" eb="9">
      <t>ジギョウショ</t>
    </rPh>
    <phoneticPr fontId="2"/>
  </si>
  <si>
    <t>施設種別</t>
    <rPh sb="0" eb="2">
      <t>シセツ</t>
    </rPh>
    <rPh sb="2" eb="4">
      <t>シュベツ</t>
    </rPh>
    <phoneticPr fontId="2"/>
  </si>
  <si>
    <t>異動区分</t>
    <rPh sb="0" eb="2">
      <t>イドウ</t>
    </rPh>
    <rPh sb="2" eb="4">
      <t>クブン</t>
    </rPh>
    <phoneticPr fontId="2"/>
  </si>
  <si>
    <t>口腔連携強化加算に関する届出書</t>
    <rPh sb="0" eb="2">
      <t>コウクウ</t>
    </rPh>
    <rPh sb="2" eb="4">
      <t>レンケイ</t>
    </rPh>
    <rPh sb="4" eb="6">
      <t>キョウカ</t>
    </rPh>
    <rPh sb="6" eb="8">
      <t>カサン</t>
    </rPh>
    <rPh sb="9" eb="10">
      <t>カン</t>
    </rPh>
    <rPh sb="12" eb="15">
      <t>トドケデショ</t>
    </rPh>
    <phoneticPr fontId="2"/>
  </si>
  <si>
    <t>（別紙11）</t>
    <rPh sb="1" eb="3">
      <t>ベッシ</t>
    </rPh>
    <phoneticPr fontId="2"/>
  </si>
  <si>
    <t>とになる。</t>
    <phoneticPr fontId="2"/>
  </si>
  <si>
    <t>護に係る専門的な研修」及び「認知症介護の指導に係る専門的な研修」の修了者をそれぞれ１名配置したこ</t>
    <phoneticPr fontId="2"/>
  </si>
  <si>
    <t>研修の両方を修了した者、又は認知症看護に係る適切な研修を修了した者を１名配置する場合、「認知症介</t>
    <rPh sb="22" eb="24">
      <t>テキセツ</t>
    </rPh>
    <rPh sb="25" eb="27">
      <t>ケンシュウ</t>
    </rPh>
    <rPh sb="28" eb="30">
      <t>シュウリョウ</t>
    </rPh>
    <rPh sb="32" eb="33">
      <t>モノ</t>
    </rPh>
    <rPh sb="35" eb="36">
      <t>メイ</t>
    </rPh>
    <rPh sb="36" eb="38">
      <t>ハイチ</t>
    </rPh>
    <rPh sb="40" eb="42">
      <t>バアイ</t>
    </rPh>
    <rPh sb="44" eb="47">
      <t>ニンチショウ</t>
    </rPh>
    <phoneticPr fontId="2"/>
  </si>
  <si>
    <t>備考３　認知症専門ケア加算（Ⅱ）の算定にあっては、認知症介護実践リーダー研修と認知症介護指導者養成</t>
    <rPh sb="0" eb="2">
      <t>ビコウ</t>
    </rPh>
    <rPh sb="4" eb="7">
      <t>ニンチショウ</t>
    </rPh>
    <rPh sb="7" eb="9">
      <t>センモン</t>
    </rPh>
    <rPh sb="11" eb="13">
      <t>カサン</t>
    </rPh>
    <rPh sb="17" eb="19">
      <t>サンテイ</t>
    </rPh>
    <rPh sb="25" eb="28">
      <t>ニンチショウ</t>
    </rPh>
    <rPh sb="28" eb="30">
      <t>カイゴ</t>
    </rPh>
    <rPh sb="30" eb="32">
      <t>ジッセン</t>
    </rPh>
    <rPh sb="36" eb="38">
      <t>ケンシュウ</t>
    </rPh>
    <rPh sb="39" eb="42">
      <t>ニンチショウ</t>
    </rPh>
    <rPh sb="42" eb="44">
      <t>カイゴ</t>
    </rPh>
    <rPh sb="44" eb="47">
      <t>シドウシャ</t>
    </rPh>
    <rPh sb="47" eb="48">
      <t>ヨウ</t>
    </rPh>
    <phoneticPr fontId="2"/>
  </si>
  <si>
    <t>　（認定証が発行されている者に限る）</t>
    <phoneticPr fontId="2"/>
  </si>
  <si>
    <t>③日本精神科看護協会が認定している「精神科認定看護師」</t>
    <rPh sb="1" eb="3">
      <t>ニホン</t>
    </rPh>
    <rPh sb="3" eb="6">
      <t>セイシンカ</t>
    </rPh>
    <rPh sb="6" eb="8">
      <t>カンゴ</t>
    </rPh>
    <rPh sb="8" eb="10">
      <t>キョウカイ</t>
    </rPh>
    <rPh sb="11" eb="13">
      <t>ニンテイ</t>
    </rPh>
    <rPh sb="18" eb="20">
      <t>セイシン</t>
    </rPh>
    <rPh sb="20" eb="21">
      <t>カ</t>
    </rPh>
    <rPh sb="21" eb="23">
      <t>ニンテイ</t>
    </rPh>
    <rPh sb="23" eb="26">
      <t>カンゴシ</t>
    </rPh>
    <phoneticPr fontId="2"/>
  </si>
  <si>
    <t>　「精神看護」の専門看護師教育課程</t>
    <phoneticPr fontId="2"/>
  </si>
  <si>
    <t>②日本看護協会が認定している看護系大学院の「老人看護」及び</t>
    <rPh sb="1" eb="3">
      <t>ニホン</t>
    </rPh>
    <rPh sb="3" eb="5">
      <t>カンゴ</t>
    </rPh>
    <rPh sb="5" eb="7">
      <t>キョウカイ</t>
    </rPh>
    <rPh sb="8" eb="10">
      <t>ニンテイ</t>
    </rPh>
    <rPh sb="14" eb="16">
      <t>カンゴ</t>
    </rPh>
    <rPh sb="16" eb="17">
      <t>ケイ</t>
    </rPh>
    <rPh sb="17" eb="20">
      <t>ダイガクイン</t>
    </rPh>
    <rPh sb="22" eb="24">
      <t>ロウジン</t>
    </rPh>
    <rPh sb="24" eb="26">
      <t>カンゴ</t>
    </rPh>
    <rPh sb="27" eb="28">
      <t>オヨ</t>
    </rPh>
    <phoneticPr fontId="2"/>
  </si>
  <si>
    <t>①日本看護協会認定看護師教育課程「認知症看護」の研修</t>
  </si>
  <si>
    <t>※認知症看護に係る適切な研修：</t>
    <rPh sb="1" eb="4">
      <t>ニンチショウ</t>
    </rPh>
    <rPh sb="4" eb="6">
      <t>カンゴ</t>
    </rPh>
    <rPh sb="7" eb="8">
      <t>カカ</t>
    </rPh>
    <rPh sb="9" eb="11">
      <t>テキセツ</t>
    </rPh>
    <rPh sb="12" eb="14">
      <t>ケンシュウ</t>
    </rPh>
    <phoneticPr fontId="2"/>
  </si>
  <si>
    <t>適切な研修を指す。</t>
    <phoneticPr fontId="2"/>
  </si>
  <si>
    <t>研修を、「認知症介護の指導に係る専門的な研修」とは、認知症介護指導者養成研修及び認知症看護に係る</t>
    <phoneticPr fontId="2"/>
  </si>
  <si>
    <t>備考２　「認知症介護に係る専門的な研修」とは、認知症介護実践リーダー研修及び認知症看護に係る適切な</t>
    <rPh sb="0" eb="2">
      <t>ビコウ</t>
    </rPh>
    <phoneticPr fontId="2"/>
  </si>
  <si>
    <t>すること。</t>
  </si>
  <si>
    <t>備考１　要件を満たすことが分かる根拠書類を準備し、指定権者からの求めがあった場合には、速やかに提出</t>
    <rPh sb="0" eb="2">
      <t>ビコウ</t>
    </rPh>
    <rPh sb="4" eb="6">
      <t>ヨウケン</t>
    </rPh>
    <rPh sb="7" eb="8">
      <t>ミ</t>
    </rPh>
    <rPh sb="13" eb="14">
      <t>ワ</t>
    </rPh>
    <rPh sb="16" eb="18">
      <t>コンキョ</t>
    </rPh>
    <rPh sb="18" eb="20">
      <t>ショルイ</t>
    </rPh>
    <phoneticPr fontId="2"/>
  </si>
  <si>
    <t>作成し、当該計画に従い、研修を実施又は実施を予定している</t>
    <phoneticPr fontId="2"/>
  </si>
  <si>
    <t>事業所において介護職員、看護職員ごとの認知症ケアに関する研修計画を</t>
    <phoneticPr fontId="2"/>
  </si>
  <si>
    <t>(4)</t>
    <phoneticPr fontId="2"/>
  </si>
  <si>
    <t>事業所全体の認知症ケアの指導等を実施している</t>
    <rPh sb="0" eb="3">
      <t>ジギョウショ</t>
    </rPh>
    <phoneticPr fontId="2"/>
  </si>
  <si>
    <t>認知症介護の指導に係る専門的な研修を修了している者を１名以上配置し、</t>
    <phoneticPr fontId="2"/>
  </si>
  <si>
    <t>(3)</t>
    <phoneticPr fontId="2"/>
  </si>
  <si>
    <t>注　届出日の属する月の前３月間の利用実人員数又は利用延べ人数の平均で算定。</t>
    <rPh sb="14" eb="15">
      <t>カン</t>
    </rPh>
    <phoneticPr fontId="2"/>
  </si>
  <si>
    <t>③　②÷①×100</t>
    <phoneticPr fontId="2"/>
  </si>
  <si>
    <t>人</t>
    <rPh sb="0" eb="1">
      <t>ヒト</t>
    </rPh>
    <phoneticPr fontId="2"/>
  </si>
  <si>
    <t>②　日常生活自立度のランクⅢ、Ⅳ又はＭに該当する者の数　注</t>
    <rPh sb="2" eb="4">
      <t>ニチジョウ</t>
    </rPh>
    <rPh sb="4" eb="6">
      <t>セイカツ</t>
    </rPh>
    <rPh sb="6" eb="9">
      <t>ジリツド</t>
    </rPh>
    <rPh sb="16" eb="17">
      <t>マタ</t>
    </rPh>
    <rPh sb="20" eb="22">
      <t>ガイトウ</t>
    </rPh>
    <rPh sb="24" eb="25">
      <t>モノ</t>
    </rPh>
    <rPh sb="26" eb="27">
      <t>スウ</t>
    </rPh>
    <rPh sb="28" eb="29">
      <t>チュウ</t>
    </rPh>
    <phoneticPr fontId="2"/>
  </si>
  <si>
    <t>①　利用者の総数　注</t>
    <rPh sb="2" eb="5">
      <t>リヨウシャ</t>
    </rPh>
    <rPh sb="6" eb="8">
      <t>ソウスウ</t>
    </rPh>
    <rPh sb="7" eb="8">
      <t>スウ</t>
    </rPh>
    <rPh sb="9" eb="10">
      <t>チュウ</t>
    </rPh>
    <phoneticPr fontId="2"/>
  </si>
  <si>
    <t>の割合が20％以上である</t>
    <phoneticPr fontId="2"/>
  </si>
  <si>
    <t>利用者の総数のうち、日常生活自立度のランクⅢ、Ⅳ又はＭに該当する者</t>
    <rPh sb="14" eb="17">
      <t>ジリツド</t>
    </rPh>
    <rPh sb="24" eb="25">
      <t>マタ</t>
    </rPh>
    <rPh sb="28" eb="30">
      <t>ガイトウ</t>
    </rPh>
    <rPh sb="32" eb="33">
      <t>シャ</t>
    </rPh>
    <phoneticPr fontId="2"/>
  </si>
  <si>
    <t>(2)</t>
    <phoneticPr fontId="2"/>
  </si>
  <si>
    <t>※認知症専門ケア加算（Ⅰ）に係る届出内容(2)～(3)も記入すること。</t>
    <rPh sb="14" eb="15">
      <t>カカ</t>
    </rPh>
    <rPh sb="16" eb="18">
      <t>トドケデ</t>
    </rPh>
    <rPh sb="18" eb="20">
      <t>ナイヨウ</t>
    </rPh>
    <rPh sb="28" eb="30">
      <t>キニュウ</t>
    </rPh>
    <phoneticPr fontId="2"/>
  </si>
  <si>
    <t>認知症専門ケア加算（Ⅰ）の(2)・(3)の基準のいずれにも該当している</t>
    <phoneticPr fontId="2"/>
  </si>
  <si>
    <t>(1)</t>
    <phoneticPr fontId="2"/>
  </si>
  <si>
    <t>２．認知症専門ケア加算（Ⅱ）に係る届出内容</t>
    <rPh sb="15" eb="16">
      <t>カカ</t>
    </rPh>
    <rPh sb="17" eb="18">
      <t>トド</t>
    </rPh>
    <rPh sb="18" eb="19">
      <t>デ</t>
    </rPh>
    <rPh sb="19" eb="21">
      <t>ナイヨウ</t>
    </rPh>
    <phoneticPr fontId="2"/>
  </si>
  <si>
    <t>定期的に開催している</t>
    <phoneticPr fontId="2"/>
  </si>
  <si>
    <t>従業者に対して、認知症ケアに関する留意事項の伝達又は技術的指導に係る会議を</t>
    <phoneticPr fontId="2"/>
  </si>
  <si>
    <t>～</t>
    <phoneticPr fontId="2"/>
  </si>
  <si>
    <t>６以上</t>
    <rPh sb="1" eb="3">
      <t>イジョウ</t>
    </rPh>
    <phoneticPr fontId="2"/>
  </si>
  <si>
    <t>60以上70未満</t>
    <rPh sb="2" eb="4">
      <t>イジョウ</t>
    </rPh>
    <rPh sb="6" eb="8">
      <t>ミマン</t>
    </rPh>
    <phoneticPr fontId="2"/>
  </si>
  <si>
    <t>５以上</t>
    <rPh sb="1" eb="3">
      <t>イジョウ</t>
    </rPh>
    <phoneticPr fontId="2"/>
  </si>
  <si>
    <t>50以上60未満</t>
    <rPh sb="2" eb="4">
      <t>イジョウ</t>
    </rPh>
    <rPh sb="6" eb="8">
      <t>ミマン</t>
    </rPh>
    <phoneticPr fontId="2"/>
  </si>
  <si>
    <t>４以上</t>
    <rPh sb="1" eb="3">
      <t>イジョウ</t>
    </rPh>
    <phoneticPr fontId="2"/>
  </si>
  <si>
    <t>40以上50未満</t>
    <rPh sb="2" eb="4">
      <t>イジョウ</t>
    </rPh>
    <rPh sb="6" eb="8">
      <t>ミマン</t>
    </rPh>
    <phoneticPr fontId="2"/>
  </si>
  <si>
    <t>３以上</t>
    <rPh sb="1" eb="3">
      <t>イジョウ</t>
    </rPh>
    <phoneticPr fontId="2"/>
  </si>
  <si>
    <t>30以上40未満</t>
    <rPh sb="2" eb="4">
      <t>イジョウ</t>
    </rPh>
    <rPh sb="6" eb="8">
      <t>ミマン</t>
    </rPh>
    <phoneticPr fontId="2"/>
  </si>
  <si>
    <t>２以上</t>
    <rPh sb="1" eb="3">
      <t>イジョウ</t>
    </rPh>
    <phoneticPr fontId="2"/>
  </si>
  <si>
    <t>20以上30未満</t>
    <rPh sb="2" eb="4">
      <t>イジョウ</t>
    </rPh>
    <rPh sb="6" eb="8">
      <t>ミマン</t>
    </rPh>
    <phoneticPr fontId="2"/>
  </si>
  <si>
    <t>１以上</t>
    <rPh sb="1" eb="3">
      <t>イジョウ</t>
    </rPh>
    <phoneticPr fontId="2"/>
  </si>
  <si>
    <t>20人未満</t>
    <rPh sb="2" eb="3">
      <t>ニン</t>
    </rPh>
    <rPh sb="3" eb="5">
      <t>ミマン</t>
    </rPh>
    <phoneticPr fontId="2"/>
  </si>
  <si>
    <t>研修修了者の必要数</t>
    <rPh sb="0" eb="2">
      <t>ケンシュウ</t>
    </rPh>
    <rPh sb="2" eb="5">
      <t>シュウリョウシャ</t>
    </rPh>
    <rPh sb="6" eb="9">
      <t>ヒツヨウスウ</t>
    </rPh>
    <phoneticPr fontId="2"/>
  </si>
  <si>
    <t>日常生活自立度のランクⅡ、Ⅲ、Ⅳ又はＭに該当する者の数</t>
    <rPh sb="0" eb="2">
      <t>ニチジョウ</t>
    </rPh>
    <rPh sb="2" eb="4">
      <t>セイカツ</t>
    </rPh>
    <rPh sb="4" eb="7">
      <t>ジリツド</t>
    </rPh>
    <rPh sb="16" eb="17">
      <t>マタ</t>
    </rPh>
    <rPh sb="20" eb="22">
      <t>ガイトウ</t>
    </rPh>
    <rPh sb="24" eb="25">
      <t>モノ</t>
    </rPh>
    <rPh sb="26" eb="27">
      <t>カズ</t>
    </rPh>
    <phoneticPr fontId="2"/>
  </si>
  <si>
    <t>【参考】</t>
    <rPh sb="1" eb="3">
      <t>サンコウ</t>
    </rPh>
    <phoneticPr fontId="2"/>
  </si>
  <si>
    <t>認知症介護に係る専門的な研修を修了している者の数</t>
    <rPh sb="0" eb="3">
      <t>ニンチショウ</t>
    </rPh>
    <rPh sb="3" eb="5">
      <t>カイゴ</t>
    </rPh>
    <rPh sb="6" eb="7">
      <t>カカ</t>
    </rPh>
    <rPh sb="8" eb="11">
      <t>センモンテキ</t>
    </rPh>
    <rPh sb="12" eb="14">
      <t>ケンシュウ</t>
    </rPh>
    <rPh sb="15" eb="17">
      <t>シュウリョウ</t>
    </rPh>
    <rPh sb="21" eb="22">
      <t>シャ</t>
    </rPh>
    <rPh sb="23" eb="24">
      <t>カズ</t>
    </rPh>
    <phoneticPr fontId="2"/>
  </si>
  <si>
    <t>認知症ケアを実施している</t>
    <rPh sb="0" eb="3">
      <t>ニンチショウ</t>
    </rPh>
    <rPh sb="6" eb="8">
      <t>ジッシ</t>
    </rPh>
    <phoneticPr fontId="2"/>
  </si>
  <si>
    <t>Ⅳ又はMに該当する者の数に応じて必要数以上配置し、チームとして専門的な</t>
    <phoneticPr fontId="2"/>
  </si>
  <si>
    <t>認知症介護に係る専門的な研修を修了している者を、日常生活自立度のランクⅡ、Ⅲ、</t>
    <phoneticPr fontId="2"/>
  </si>
  <si>
    <t>②　日常生活自立度のランクⅡ、Ⅲ、Ⅳ又はＭに該当する者の数　注</t>
    <rPh sb="2" eb="4">
      <t>ニチジョウ</t>
    </rPh>
    <rPh sb="4" eb="6">
      <t>セイカツ</t>
    </rPh>
    <rPh sb="6" eb="9">
      <t>ジリツド</t>
    </rPh>
    <rPh sb="18" eb="19">
      <t>マタ</t>
    </rPh>
    <rPh sb="22" eb="24">
      <t>ガイトウ</t>
    </rPh>
    <rPh sb="26" eb="27">
      <t>モノ</t>
    </rPh>
    <rPh sb="28" eb="29">
      <t>スウ</t>
    </rPh>
    <rPh sb="30" eb="31">
      <t>チュウ</t>
    </rPh>
    <phoneticPr fontId="2"/>
  </si>
  <si>
    <t>の割合が50％以上である</t>
  </si>
  <si>
    <t>利用者の総数のうち、日常生活自立度のランクⅡ、Ⅲ、Ⅳ又はＭに該当する者</t>
    <rPh sb="14" eb="17">
      <t>ジリツド</t>
    </rPh>
    <rPh sb="26" eb="27">
      <t>マタ</t>
    </rPh>
    <rPh sb="30" eb="32">
      <t>ガイトウ</t>
    </rPh>
    <rPh sb="34" eb="35">
      <t>シャ</t>
    </rPh>
    <phoneticPr fontId="2"/>
  </si>
  <si>
    <t>１．認知症専門ケア加算（Ⅰ）に係る届出内容</t>
    <rPh sb="15" eb="16">
      <t>カカ</t>
    </rPh>
    <rPh sb="17" eb="18">
      <t>トド</t>
    </rPh>
    <rPh sb="18" eb="19">
      <t>デ</t>
    </rPh>
    <rPh sb="19" eb="21">
      <t>ナイヨウ</t>
    </rPh>
    <phoneticPr fontId="2"/>
  </si>
  <si>
    <t>２　認知症専門ケア加算（Ⅱ）</t>
  </si>
  <si>
    <t>１　認知症専門ケア加算（Ⅰ）　　　</t>
    <phoneticPr fontId="2"/>
  </si>
  <si>
    <t>４　夜間対応型訪問介護　</t>
    <phoneticPr fontId="2"/>
  </si>
  <si>
    <t>３　定期巡回・随時対応型訪問介護看護</t>
    <phoneticPr fontId="2"/>
  </si>
  <si>
    <t>２（介護予防）訪問入浴介護　</t>
  </si>
  <si>
    <t>１　訪問介護</t>
    <phoneticPr fontId="2"/>
  </si>
  <si>
    <t>施 設 種 別</t>
    <rPh sb="0" eb="1">
      <t>セ</t>
    </rPh>
    <rPh sb="2" eb="3">
      <t>セツ</t>
    </rPh>
    <rPh sb="4" eb="5">
      <t>シュ</t>
    </rPh>
    <rPh sb="6" eb="7">
      <t>ベツ</t>
    </rPh>
    <phoneticPr fontId="2"/>
  </si>
  <si>
    <t>３　終了</t>
    <phoneticPr fontId="2"/>
  </si>
  <si>
    <t>２　変更</t>
    <phoneticPr fontId="2"/>
  </si>
  <si>
    <t>１　新規</t>
    <phoneticPr fontId="2"/>
  </si>
  <si>
    <t>異動等区分</t>
    <phoneticPr fontId="2"/>
  </si>
  <si>
    <t>（訪問介護、（介護予防）訪問入浴介護、定期巡回・随時対応型訪問介護看護、夜間対応型訪問介護）</t>
    <rPh sb="1" eb="3">
      <t>ホウモン</t>
    </rPh>
    <rPh sb="3" eb="5">
      <t>カイゴ</t>
    </rPh>
    <rPh sb="7" eb="9">
      <t>カイゴ</t>
    </rPh>
    <rPh sb="9" eb="11">
      <t>ヨボウ</t>
    </rPh>
    <rPh sb="12" eb="14">
      <t>ホウモン</t>
    </rPh>
    <rPh sb="14" eb="16">
      <t>ニュウヨク</t>
    </rPh>
    <rPh sb="16" eb="18">
      <t>カイゴ</t>
    </rPh>
    <rPh sb="19" eb="21">
      <t>テイキ</t>
    </rPh>
    <rPh sb="21" eb="23">
      <t>ジュンカイ</t>
    </rPh>
    <rPh sb="24" eb="26">
      <t>ズイジ</t>
    </rPh>
    <rPh sb="26" eb="29">
      <t>タイオウガタ</t>
    </rPh>
    <rPh sb="29" eb="31">
      <t>ホウモン</t>
    </rPh>
    <rPh sb="31" eb="33">
      <t>カイゴ</t>
    </rPh>
    <rPh sb="33" eb="35">
      <t>カンゴ</t>
    </rPh>
    <rPh sb="36" eb="38">
      <t>ヤカン</t>
    </rPh>
    <rPh sb="38" eb="41">
      <t>タイオウガタ</t>
    </rPh>
    <rPh sb="41" eb="43">
      <t>ホウモン</t>
    </rPh>
    <rPh sb="43" eb="45">
      <t>カイゴ</t>
    </rPh>
    <phoneticPr fontId="2"/>
  </si>
  <si>
    <t>認知症専門ケア加算に係る届出書</t>
    <rPh sb="0" eb="3">
      <t>ニンチショウ</t>
    </rPh>
    <rPh sb="3" eb="5">
      <t>センモン</t>
    </rPh>
    <rPh sb="7" eb="9">
      <t>カサン</t>
    </rPh>
    <rPh sb="10" eb="11">
      <t>カカ</t>
    </rPh>
    <rPh sb="12" eb="15">
      <t>トドケデショ</t>
    </rPh>
    <phoneticPr fontId="2"/>
  </si>
  <si>
    <t>（別紙12）</t>
    <phoneticPr fontId="2"/>
  </si>
  <si>
    <t>事業所又は施設において介護職員、看護職員ごとの認知症ケアに関する研修計画を</t>
    <rPh sb="3" eb="4">
      <t>マタ</t>
    </rPh>
    <rPh sb="5" eb="7">
      <t>シセツ</t>
    </rPh>
    <phoneticPr fontId="2"/>
  </si>
  <si>
    <t>事業所又は施設全体の認知症ケアの指導等を実施している</t>
    <rPh sb="0" eb="3">
      <t>ジギョウショ</t>
    </rPh>
    <rPh sb="3" eb="4">
      <t>マタ</t>
    </rPh>
    <phoneticPr fontId="2"/>
  </si>
  <si>
    <t>※認知症専門ケア加算（Ⅰ）に係る届出内容(1)～(3)も記入すること。</t>
    <rPh sb="14" eb="15">
      <t>カカ</t>
    </rPh>
    <rPh sb="16" eb="18">
      <t>トドケデ</t>
    </rPh>
    <rPh sb="18" eb="20">
      <t>ナイヨウ</t>
    </rPh>
    <rPh sb="28" eb="30">
      <t>キニュウ</t>
    </rPh>
    <phoneticPr fontId="2"/>
  </si>
  <si>
    <t>認知症専門ケア加算（Ⅰ）の基準のいずれにも該当している</t>
    <phoneticPr fontId="2"/>
  </si>
  <si>
    <t>日常生活自立度のランクⅢ、Ⅳ又はＭに該当する者の数</t>
    <rPh sb="0" eb="2">
      <t>ニチジョウ</t>
    </rPh>
    <rPh sb="2" eb="4">
      <t>セイカツ</t>
    </rPh>
    <rPh sb="4" eb="7">
      <t>ジリツド</t>
    </rPh>
    <rPh sb="14" eb="15">
      <t>マタ</t>
    </rPh>
    <rPh sb="18" eb="20">
      <t>ガイトウ</t>
    </rPh>
    <rPh sb="22" eb="23">
      <t>モノ</t>
    </rPh>
    <rPh sb="24" eb="25">
      <t>カズ</t>
    </rPh>
    <phoneticPr fontId="2"/>
  </si>
  <si>
    <t>認知症介護に係る専門的な研修を修了している者を、日常生活自立度のランクⅢ、</t>
    <phoneticPr fontId="2"/>
  </si>
  <si>
    <t>前３月間の利用実人員数又は利用延べ人数）の平均で算定。</t>
    <phoneticPr fontId="2"/>
  </si>
  <si>
    <t>注　届出日の属する月の前３月の各月末時点の利用者又は入所者の数（訪問サービスでは</t>
    <rPh sb="24" eb="25">
      <t>マタ</t>
    </rPh>
    <rPh sb="26" eb="29">
      <t>ニュウショシャ</t>
    </rPh>
    <rPh sb="32" eb="34">
      <t>ホウモン</t>
    </rPh>
    <phoneticPr fontId="2"/>
  </si>
  <si>
    <t>①　利用者又は入所者の総数　注</t>
    <rPh sb="2" eb="5">
      <t>リヨウシャ</t>
    </rPh>
    <rPh sb="5" eb="6">
      <t>マタ</t>
    </rPh>
    <rPh sb="7" eb="10">
      <t>ニュウショシャ</t>
    </rPh>
    <rPh sb="11" eb="13">
      <t>ソウスウ</t>
    </rPh>
    <rPh sb="12" eb="13">
      <t>スウ</t>
    </rPh>
    <rPh sb="14" eb="15">
      <t>チュウ</t>
    </rPh>
    <phoneticPr fontId="2"/>
  </si>
  <si>
    <t>利用者又は入所者の総数のうち、日常生活自立度のランクⅢ、Ⅳ又はＭに該当する者</t>
    <rPh sb="3" eb="4">
      <t>マタ</t>
    </rPh>
    <rPh sb="5" eb="8">
      <t>ニュウショシャ</t>
    </rPh>
    <rPh sb="19" eb="22">
      <t>ジリツド</t>
    </rPh>
    <rPh sb="29" eb="30">
      <t>マタ</t>
    </rPh>
    <rPh sb="33" eb="35">
      <t>ガイトウ</t>
    </rPh>
    <rPh sb="37" eb="38">
      <t>シャ</t>
    </rPh>
    <phoneticPr fontId="2"/>
  </si>
  <si>
    <t>９　介護医療院</t>
    <phoneticPr fontId="2"/>
  </si>
  <si>
    <t>８　介護老人保健施設</t>
    <phoneticPr fontId="2"/>
  </si>
  <si>
    <t>７　介護老人福祉施設</t>
    <phoneticPr fontId="2"/>
  </si>
  <si>
    <t>６　地域密着型介護老人福祉施設入所者生活介護　</t>
    <phoneticPr fontId="2"/>
  </si>
  <si>
    <t>５　地域密着型特定施設入居者生活介護　</t>
    <phoneticPr fontId="2"/>
  </si>
  <si>
    <t>４（介護予防）認知症対応型共同生活介護</t>
    <phoneticPr fontId="2"/>
  </si>
  <si>
    <t>３（介護予防）特定施設入居者生活介護　</t>
    <rPh sb="2" eb="4">
      <t>カイゴ</t>
    </rPh>
    <rPh sb="4" eb="6">
      <t>ヨボウ</t>
    </rPh>
    <phoneticPr fontId="2"/>
  </si>
  <si>
    <t>２（介護予防）短期入所療養介護</t>
    <phoneticPr fontId="2"/>
  </si>
  <si>
    <t>１（介護予防）短期入所生活介護　</t>
    <rPh sb="2" eb="4">
      <t>カイゴ</t>
    </rPh>
    <rPh sb="4" eb="6">
      <t>ヨボウ</t>
    </rPh>
    <phoneticPr fontId="2"/>
  </si>
  <si>
    <t>（介護予防）短期入所生活介護、（介護予防）短期入所療養介護
（介護予防）特定施設入居者生活介護、（介護予防）認知症対応型共同生活介護
地域密着型特定施設入居者生活介護、地域密着型介護老人福祉施設入所者生活介護
介護老人福祉施設、介護老人保健施設、介護療養型医療施設、介護医療院</t>
    <phoneticPr fontId="2"/>
  </si>
  <si>
    <t>（別紙12-２）</t>
    <phoneticPr fontId="2"/>
  </si>
  <si>
    <t>　　速やかに提出すること。</t>
    <rPh sb="2" eb="3">
      <t>スミ</t>
    </rPh>
    <rPh sb="6" eb="8">
      <t>テイシュツ</t>
    </rPh>
    <phoneticPr fontId="2"/>
  </si>
  <si>
    <t>備考　要件を満たすことが分かる根拠書類を準備し、指定権者からの求めがあった場合には、</t>
    <phoneticPr fontId="2"/>
  </si>
  <si>
    <t>「人生の最終段階における医療・ケアの決定プロセスに関するガイドライン」等の内容に沿った取組を行っている。</t>
    <phoneticPr fontId="2"/>
  </si>
  <si>
    <t>⑥</t>
    <phoneticPr fontId="2"/>
  </si>
  <si>
    <t>宿泊室等において看取りを行う場合に、プライバシーの確保及び家族へ配慮をすることについて十分留意している。</t>
  </si>
  <si>
    <t>⑤</t>
    <phoneticPr fontId="2"/>
  </si>
  <si>
    <t>ケアカンファレンスや対応の実践を振り返る等により、看取り期における対応方針の内容その他看取り期におけるサービス体制について、適宜見直しを行っている。</t>
    <rPh sb="10" eb="12">
      <t>タイオウ</t>
    </rPh>
    <rPh sb="13" eb="15">
      <t>ジッセン</t>
    </rPh>
    <rPh sb="16" eb="17">
      <t>フ</t>
    </rPh>
    <rPh sb="18" eb="19">
      <t>カエ</t>
    </rPh>
    <rPh sb="20" eb="21">
      <t>トウ</t>
    </rPh>
    <rPh sb="25" eb="27">
      <t>ミト</t>
    </rPh>
    <rPh sb="28" eb="29">
      <t>キ</t>
    </rPh>
    <rPh sb="33" eb="35">
      <t>タイオウ</t>
    </rPh>
    <rPh sb="35" eb="37">
      <t>ホウシン</t>
    </rPh>
    <rPh sb="38" eb="40">
      <t>ナイヨウ</t>
    </rPh>
    <rPh sb="42" eb="43">
      <t>ホカ</t>
    </rPh>
    <rPh sb="43" eb="45">
      <t>ミト</t>
    </rPh>
    <rPh sb="46" eb="47">
      <t>キ</t>
    </rPh>
    <rPh sb="55" eb="57">
      <t>タイセイ</t>
    </rPh>
    <rPh sb="62" eb="64">
      <t>テキギ</t>
    </rPh>
    <rPh sb="64" eb="66">
      <t>ミナオ</t>
    </rPh>
    <rPh sb="68" eb="69">
      <t>オコナ</t>
    </rPh>
    <phoneticPr fontId="2"/>
  </si>
  <si>
    <t>④</t>
    <phoneticPr fontId="2"/>
  </si>
  <si>
    <t>看取り期における対応方針を定め、利用開始の際に、登録者又はその家族等に当該方針の内容を説明し、同意を得ている。</t>
    <phoneticPr fontId="2"/>
  </si>
  <si>
    <t>看護師により24時間連絡できる体制を確保している。</t>
    <phoneticPr fontId="2"/>
  </si>
  <si>
    <t>看護職員配置加算（Ⅰ）を算定している。</t>
    <phoneticPr fontId="2"/>
  </si>
  <si>
    <t>小規模多機能型居宅介護</t>
    <rPh sb="0" eb="11">
      <t>ショウキボタキノウガタキョタクカイゴ</t>
    </rPh>
    <phoneticPr fontId="2"/>
  </si>
  <si>
    <t>短期入所生活介護事業所において看取りを行う際には、個室又は静養室を利用するなど、プライバシーの確保及び家族へ配慮をすることについて十分留意している。</t>
    <rPh sb="0" eb="11">
      <t>タンキニュウショセイカツカイゴジギョウショ</t>
    </rPh>
    <rPh sb="15" eb="17">
      <t>ミト</t>
    </rPh>
    <rPh sb="19" eb="20">
      <t>オコナ</t>
    </rPh>
    <rPh sb="21" eb="22">
      <t>サイ</t>
    </rPh>
    <rPh sb="25" eb="27">
      <t>コシツ</t>
    </rPh>
    <rPh sb="27" eb="28">
      <t>マタ</t>
    </rPh>
    <rPh sb="29" eb="31">
      <t>セイヨウ</t>
    </rPh>
    <rPh sb="31" eb="32">
      <t>シツ</t>
    </rPh>
    <rPh sb="33" eb="35">
      <t>リヨウ</t>
    </rPh>
    <phoneticPr fontId="2"/>
  </si>
  <si>
    <t>看護体制加算（Ⅰ）又は（Ⅲ）イ若しくはロを算定している。かつ、短期入所生活介護事業所の看護職員により、又は病院、診療所、訪問看護ステーション若しくは本体施設の看護職員との連携により24時間連絡でき
る体制を確保している。</t>
    <rPh sb="2" eb="4">
      <t>タイセイ</t>
    </rPh>
    <rPh sb="9" eb="10">
      <t>マタ</t>
    </rPh>
    <rPh sb="15" eb="16">
      <t>モ</t>
    </rPh>
    <phoneticPr fontId="2"/>
  </si>
  <si>
    <t>看護体制加算（Ⅱ）又は（Ⅳ）イ若しくはロを算定している。</t>
    <rPh sb="2" eb="4">
      <t>タイセイ</t>
    </rPh>
    <rPh sb="9" eb="10">
      <t>マタ</t>
    </rPh>
    <rPh sb="15" eb="16">
      <t>モ</t>
    </rPh>
    <phoneticPr fontId="2"/>
  </si>
  <si>
    <t>短期入所
生活介護</t>
    <rPh sb="0" eb="2">
      <t>タンキ</t>
    </rPh>
    <rPh sb="2" eb="4">
      <t>ニュウショ</t>
    </rPh>
    <rPh sb="5" eb="7">
      <t>セイカツ</t>
    </rPh>
    <rPh sb="7" eb="9">
      <t>カイゴ</t>
    </rPh>
    <phoneticPr fontId="2"/>
  </si>
  <si>
    <t>看取りに関する職員研修を行っている。</t>
    <rPh sb="0" eb="2">
      <t>ミト</t>
    </rPh>
    <rPh sb="4" eb="5">
      <t>カン</t>
    </rPh>
    <rPh sb="7" eb="9">
      <t>ショクイン</t>
    </rPh>
    <rPh sb="9" eb="11">
      <t>ケンシュウ</t>
    </rPh>
    <rPh sb="12" eb="13">
      <t>オコナ</t>
    </rPh>
    <phoneticPr fontId="2"/>
  </si>
  <si>
    <t>看取り期における対応方針を定め、利用開始の際に、利用者又はその家族等に対して、当該対応方針の内容を説明し、同意を得ている。</t>
    <phoneticPr fontId="2"/>
  </si>
  <si>
    <t>訪問看護ステーション等との連携により、利用者の状態等に応じた対応ができる連絡体制を確保し、かつ、必要に応じて当該訪問看護ステーション等により訪問看護等が提供されるよう訪問入浴介護を行う日時を当該訪問看護ステーション等と調整している。</t>
    <phoneticPr fontId="2"/>
  </si>
  <si>
    <t>訪問入浴
介護</t>
    <rPh sb="0" eb="2">
      <t>ホウモン</t>
    </rPh>
    <rPh sb="2" eb="4">
      <t>ニュウヨク</t>
    </rPh>
    <rPh sb="5" eb="7">
      <t>カイゴ</t>
    </rPh>
    <phoneticPr fontId="2"/>
  </si>
  <si>
    <t>看取り連携体制加算に係る届出内容</t>
    <rPh sb="0" eb="2">
      <t>ミト</t>
    </rPh>
    <rPh sb="3" eb="5">
      <t>レンケイ</t>
    </rPh>
    <rPh sb="5" eb="7">
      <t>タイセイ</t>
    </rPh>
    <rPh sb="7" eb="9">
      <t>カサン</t>
    </rPh>
    <rPh sb="10" eb="11">
      <t>カカワ</t>
    </rPh>
    <rPh sb="12" eb="14">
      <t>トドケデ</t>
    </rPh>
    <rPh sb="14" eb="16">
      <t>ナイヨウ</t>
    </rPh>
    <phoneticPr fontId="2"/>
  </si>
  <si>
    <t>3　小規模多機能型居宅介護事業所</t>
    <rPh sb="2" eb="5">
      <t>ショウキボ</t>
    </rPh>
    <rPh sb="5" eb="9">
      <t>タキノウガタ</t>
    </rPh>
    <rPh sb="9" eb="11">
      <t>キョタク</t>
    </rPh>
    <rPh sb="11" eb="13">
      <t>カイゴ</t>
    </rPh>
    <rPh sb="13" eb="16">
      <t>ジギョウショ</t>
    </rPh>
    <phoneticPr fontId="2"/>
  </si>
  <si>
    <t>2　短期入所生活介護事業所</t>
    <rPh sb="2" eb="13">
      <t>タンキニュウショセイカツカイゴジギョウショ</t>
    </rPh>
    <phoneticPr fontId="2"/>
  </si>
  <si>
    <t>1　訪問入浴介護事業所</t>
    <rPh sb="2" eb="11">
      <t>ホウモンニュウヨクカイゴジギョウショ</t>
    </rPh>
    <phoneticPr fontId="2"/>
  </si>
  <si>
    <t>事業所等の区分</t>
    <rPh sb="0" eb="3">
      <t>ジギョウショ</t>
    </rPh>
    <phoneticPr fontId="2"/>
  </si>
  <si>
    <t>事 業 所 名</t>
  </si>
  <si>
    <t>（訪問入浴介護事業所、短期入所生活介護事業所、小規模多機能型居宅介護事業所）</t>
    <rPh sb="1" eb="3">
      <t>ホウモン</t>
    </rPh>
    <rPh sb="3" eb="5">
      <t>ニュウヨク</t>
    </rPh>
    <rPh sb="5" eb="7">
      <t>カイゴ</t>
    </rPh>
    <rPh sb="7" eb="10">
      <t>ジギョウショ</t>
    </rPh>
    <rPh sb="11" eb="19">
      <t>タンキニュウショセイカツカイゴ</t>
    </rPh>
    <rPh sb="19" eb="22">
      <t>ジギョウショ</t>
    </rPh>
    <phoneticPr fontId="2"/>
  </si>
  <si>
    <t>看取り連携体制加算に係る届出書</t>
    <rPh sb="0" eb="2">
      <t>ミト</t>
    </rPh>
    <rPh sb="3" eb="5">
      <t>レンケイ</t>
    </rPh>
    <rPh sb="5" eb="7">
      <t>タイセイ</t>
    </rPh>
    <rPh sb="7" eb="9">
      <t>カサン</t>
    </rPh>
    <rPh sb="10" eb="11">
      <t>カカ</t>
    </rPh>
    <rPh sb="12" eb="15">
      <t>トドケデショ</t>
    </rPh>
    <phoneticPr fontId="2"/>
  </si>
  <si>
    <t>（別紙13）</t>
    <phoneticPr fontId="2"/>
  </si>
  <si>
    <t>従業者とは、訪問入浴介護における訪問入浴介護従業者、定期巡回・随時対応型訪問介護看護における定期巡回・随時対応型訪問介護看護従業者、夜間対応型訪問介護における夜間対応型訪問介護従業者をいう。</t>
    <rPh sb="0" eb="3">
      <t>ジュウギョウシャ</t>
    </rPh>
    <rPh sb="6" eb="8">
      <t>ホウモン</t>
    </rPh>
    <rPh sb="8" eb="10">
      <t>ニュウヨク</t>
    </rPh>
    <rPh sb="10" eb="12">
      <t>カイゴ</t>
    </rPh>
    <rPh sb="16" eb="18">
      <t>ホウモン</t>
    </rPh>
    <rPh sb="18" eb="20">
      <t>ニュウヨク</t>
    </rPh>
    <rPh sb="20" eb="22">
      <t>カイゴ</t>
    </rPh>
    <rPh sb="22" eb="25">
      <t>ジュウギョウシャ</t>
    </rPh>
    <rPh sb="26" eb="30">
      <t>テイキジュンカイ</t>
    </rPh>
    <rPh sb="31" eb="42">
      <t>ズイジタイオウガタホウモンカイゴカンゴ</t>
    </rPh>
    <rPh sb="46" eb="50">
      <t>テイキジュンカイ</t>
    </rPh>
    <rPh sb="51" eb="62">
      <t>ズイジタイオウガタホウモンカイゴカンゴ</t>
    </rPh>
    <rPh sb="62" eb="65">
      <t>ジュウギョウシャ</t>
    </rPh>
    <rPh sb="66" eb="68">
      <t>ヤカン</t>
    </rPh>
    <rPh sb="68" eb="71">
      <t>タイオウガタ</t>
    </rPh>
    <rPh sb="71" eb="73">
      <t>ホウモン</t>
    </rPh>
    <rPh sb="73" eb="75">
      <t>カイゴ</t>
    </rPh>
    <rPh sb="79" eb="81">
      <t>ヤカン</t>
    </rPh>
    <rPh sb="81" eb="84">
      <t>タイオウガタ</t>
    </rPh>
    <rPh sb="84" eb="86">
      <t>ホウモン</t>
    </rPh>
    <rPh sb="86" eb="88">
      <t>カイゴ</t>
    </rPh>
    <rPh sb="88" eb="91">
      <t>ジュウギョウシャ</t>
    </rPh>
    <phoneticPr fontId="2"/>
  </si>
  <si>
    <t>備考３</t>
    <phoneticPr fontId="2"/>
  </si>
  <si>
    <t>「実務者研修修了者等」には「旧介護職員基礎研修課程修了者」を含む。</t>
    <rPh sb="1" eb="4">
      <t>ジツムシャ</t>
    </rPh>
    <rPh sb="4" eb="6">
      <t>ケンシュウ</t>
    </rPh>
    <rPh sb="6" eb="9">
      <t>シュウリョウシャ</t>
    </rPh>
    <rPh sb="9" eb="10">
      <t>トウ</t>
    </rPh>
    <rPh sb="30" eb="31">
      <t>フク</t>
    </rPh>
    <phoneticPr fontId="2"/>
  </si>
  <si>
    <t>備考２</t>
    <phoneticPr fontId="2"/>
  </si>
  <si>
    <t>要件を満たすことが分かる根拠書類を準備し、指定権者からの求めがあった場合には、速やかに提出すること。</t>
    <rPh sb="17" eb="19">
      <t>ジュンビ</t>
    </rPh>
    <rPh sb="21" eb="23">
      <t>シテイ</t>
    </rPh>
    <rPh sb="23" eb="24">
      <t>ケン</t>
    </rPh>
    <rPh sb="24" eb="25">
      <t>シャ</t>
    </rPh>
    <rPh sb="28" eb="29">
      <t>モト</t>
    </rPh>
    <rPh sb="34" eb="36">
      <t>バアイ</t>
    </rPh>
    <rPh sb="39" eb="40">
      <t>スミ</t>
    </rPh>
    <rPh sb="43" eb="45">
      <t>テイシュツ</t>
    </rPh>
    <phoneticPr fontId="2"/>
  </si>
  <si>
    <t>備考１</t>
    <rPh sb="0" eb="2">
      <t>ビコウ</t>
    </rPh>
    <phoneticPr fontId="2"/>
  </si>
  <si>
    <t>①のうち勤続年数７年以上の者の総数
　（常勤換算）</t>
    <phoneticPr fontId="2"/>
  </si>
  <si>
    <t>従業者の総数（常勤換算）</t>
    <rPh sb="0" eb="3">
      <t>ジュウギョウシャ</t>
    </rPh>
    <rPh sb="4" eb="6">
      <t>ソウスウ</t>
    </rPh>
    <rPh sb="7" eb="9">
      <t>ジョウキン</t>
    </rPh>
    <rPh sb="9" eb="11">
      <t>カンサン</t>
    </rPh>
    <phoneticPr fontId="2"/>
  </si>
  <si>
    <t>①に占める②の割合が30％以上</t>
    <rPh sb="2" eb="3">
      <t>シ</t>
    </rPh>
    <rPh sb="7" eb="9">
      <t>ワリアイ</t>
    </rPh>
    <rPh sb="13" eb="15">
      <t>イジョウ</t>
    </rPh>
    <phoneticPr fontId="2"/>
  </si>
  <si>
    <t>勤続年数の状況</t>
    <rPh sb="0" eb="2">
      <t>キンゾク</t>
    </rPh>
    <rPh sb="2" eb="4">
      <t>ネンスウ</t>
    </rPh>
    <rPh sb="5" eb="7">
      <t>ジョウキョウ</t>
    </rPh>
    <phoneticPr fontId="2"/>
  </si>
  <si>
    <t>①のうち常勤の者の総数（常勤換算）</t>
    <rPh sb="4" eb="6">
      <t>ジョウキン</t>
    </rPh>
    <phoneticPr fontId="2"/>
  </si>
  <si>
    <t>①に占める②の割合が60％以上</t>
    <rPh sb="2" eb="3">
      <t>シ</t>
    </rPh>
    <rPh sb="7" eb="9">
      <t>ワリアイ</t>
    </rPh>
    <rPh sb="13" eb="15">
      <t>イジョウ</t>
    </rPh>
    <phoneticPr fontId="2"/>
  </si>
  <si>
    <r>
      <t xml:space="preserve">常勤職員の
状況
</t>
    </r>
    <r>
      <rPr>
        <sz val="9"/>
        <rFont val="HGSｺﾞｼｯｸM"/>
        <family val="3"/>
        <charset val="128"/>
      </rPr>
      <t>（定期巡回のみ）</t>
    </r>
    <rPh sb="0" eb="2">
      <t>ジョウキン</t>
    </rPh>
    <rPh sb="2" eb="4">
      <t>ショクイン</t>
    </rPh>
    <rPh sb="6" eb="8">
      <t>ジョウキョウ</t>
    </rPh>
    <rPh sb="10" eb="12">
      <t>テイキ</t>
    </rPh>
    <rPh sb="12" eb="14">
      <t>ジュンカイ</t>
    </rPh>
    <phoneticPr fontId="2"/>
  </si>
  <si>
    <t>①のうち介護福祉士、実務者研修修了者等の総数（常勤換算）</t>
    <rPh sb="18" eb="19">
      <t>トウ</t>
    </rPh>
    <phoneticPr fontId="2"/>
  </si>
  <si>
    <t>①に占める③の割合が50％以上</t>
    <rPh sb="2" eb="3">
      <t>シ</t>
    </rPh>
    <rPh sb="7" eb="9">
      <t>ワリアイ</t>
    </rPh>
    <rPh sb="13" eb="15">
      <t>イジョウ</t>
    </rPh>
    <phoneticPr fontId="2"/>
  </si>
  <si>
    <t>又は</t>
    <rPh sb="0" eb="1">
      <t>マタ</t>
    </rPh>
    <phoneticPr fontId="2"/>
  </si>
  <si>
    <t>①のうち介護福祉士の総数（常勤換算）</t>
    <rPh sb="4" eb="6">
      <t>カイゴ</t>
    </rPh>
    <rPh sb="6" eb="9">
      <t>フクシシ</t>
    </rPh>
    <rPh sb="10" eb="12">
      <t>ソウスウ</t>
    </rPh>
    <rPh sb="13" eb="15">
      <t>ジョウキン</t>
    </rPh>
    <rPh sb="15" eb="17">
      <t>カンサン</t>
    </rPh>
    <phoneticPr fontId="2"/>
  </si>
  <si>
    <t>介護職員の総数（常勤換算）</t>
    <rPh sb="0" eb="2">
      <t>カイゴ</t>
    </rPh>
    <rPh sb="2" eb="4">
      <t>ショクイン</t>
    </rPh>
    <rPh sb="5" eb="7">
      <t>ソウスウ</t>
    </rPh>
    <rPh sb="8" eb="10">
      <t>ジョウキン</t>
    </rPh>
    <rPh sb="10" eb="12">
      <t>カンサン</t>
    </rPh>
    <phoneticPr fontId="2"/>
  </si>
  <si>
    <t>介護福祉士等の
状況</t>
    <rPh sb="0" eb="2">
      <t>カイゴ</t>
    </rPh>
    <rPh sb="2" eb="5">
      <t>フクシシ</t>
    </rPh>
    <rPh sb="5" eb="6">
      <t>トウ</t>
    </rPh>
    <rPh sb="8" eb="10">
      <t>ジョウキョウ</t>
    </rPh>
    <phoneticPr fontId="2"/>
  </si>
  <si>
    <t>　　※介護福祉士等の状況、常勤職員の状況、勤続年数の状況のうち、いずれか１つを満たすこと。</t>
    <phoneticPr fontId="2"/>
  </si>
  <si>
    <r>
      <t>（３）サービス提供体制強化加算（Ⅲ）</t>
    </r>
    <r>
      <rPr>
        <u/>
        <sz val="8"/>
        <color indexed="10"/>
        <rFont val="HGSｺﾞｼｯｸM"/>
        <family val="3"/>
        <charset val="128"/>
      </rPr>
      <t/>
    </r>
    <rPh sb="7" eb="9">
      <t>テイキョウ</t>
    </rPh>
    <rPh sb="9" eb="11">
      <t>タイセイ</t>
    </rPh>
    <rPh sb="11" eb="13">
      <t>キョウカ</t>
    </rPh>
    <rPh sb="13" eb="15">
      <t>カサン</t>
    </rPh>
    <phoneticPr fontId="2"/>
  </si>
  <si>
    <t>①に占める③の割合が60％以上</t>
    <rPh sb="2" eb="3">
      <t>シ</t>
    </rPh>
    <rPh sb="7" eb="9">
      <t>ワリアイ</t>
    </rPh>
    <rPh sb="13" eb="15">
      <t>イジョウ</t>
    </rPh>
    <phoneticPr fontId="2"/>
  </si>
  <si>
    <t>①に占める②の割合が40％以上</t>
    <rPh sb="2" eb="3">
      <t>シ</t>
    </rPh>
    <rPh sb="7" eb="9">
      <t>ワリアイ</t>
    </rPh>
    <rPh sb="13" eb="15">
      <t>イジョウ</t>
    </rPh>
    <phoneticPr fontId="2"/>
  </si>
  <si>
    <t>（２）サービス提供体制強化加算（Ⅱ）</t>
    <rPh sb="7" eb="9">
      <t>テイキョウ</t>
    </rPh>
    <rPh sb="9" eb="11">
      <t>タイセイ</t>
    </rPh>
    <rPh sb="11" eb="13">
      <t>キョウカ</t>
    </rPh>
    <rPh sb="13" eb="15">
      <t>カサン</t>
    </rPh>
    <phoneticPr fontId="2"/>
  </si>
  <si>
    <t>①のうち勤続年数10年以上の介護福祉士の総数（常勤換算）</t>
    <rPh sb="4" eb="6">
      <t>キンゾク</t>
    </rPh>
    <rPh sb="6" eb="8">
      <t>ネンスウ</t>
    </rPh>
    <rPh sb="10" eb="13">
      <t>ネンイジョウ</t>
    </rPh>
    <rPh sb="14" eb="16">
      <t>カイゴ</t>
    </rPh>
    <rPh sb="16" eb="19">
      <t>フクシシ</t>
    </rPh>
    <phoneticPr fontId="2"/>
  </si>
  <si>
    <t>①に占める③の割合が25％以上</t>
    <rPh sb="2" eb="3">
      <t>シ</t>
    </rPh>
    <rPh sb="7" eb="9">
      <t>ワリアイ</t>
    </rPh>
    <rPh sb="13" eb="15">
      <t>イジョウ</t>
    </rPh>
    <phoneticPr fontId="2"/>
  </si>
  <si>
    <t>（１）サービス提供体制強化加算（Ⅰ）</t>
    <rPh sb="7" eb="9">
      <t>テイキョウ</t>
    </rPh>
    <rPh sb="9" eb="11">
      <t>タイセイ</t>
    </rPh>
    <rPh sb="11" eb="13">
      <t>キョウカ</t>
    </rPh>
    <rPh sb="13" eb="15">
      <t>カサン</t>
    </rPh>
    <phoneticPr fontId="2"/>
  </si>
  <si>
    <t>6　介護職員等の状況</t>
    <rPh sb="2" eb="4">
      <t>カイゴ</t>
    </rPh>
    <rPh sb="4" eb="6">
      <t>ショクイン</t>
    </rPh>
    <rPh sb="6" eb="7">
      <t>トウ</t>
    </rPh>
    <rPh sb="8" eb="10">
      <t>ジョウキョウ</t>
    </rPh>
    <phoneticPr fontId="2"/>
  </si>
  <si>
    <t>③　健康診断等を定期的に実施すること。</t>
    <rPh sb="2" eb="4">
      <t>ケンコウ</t>
    </rPh>
    <rPh sb="4" eb="6">
      <t>シンダン</t>
    </rPh>
    <rPh sb="6" eb="7">
      <t>トウ</t>
    </rPh>
    <rPh sb="8" eb="11">
      <t>テイキテキ</t>
    </rPh>
    <rPh sb="12" eb="14">
      <t>ジッシ</t>
    </rPh>
    <phoneticPr fontId="2"/>
  </si>
  <si>
    <t>②　利用者に関する情報若しくはサービス提供にあたっての留意事項
　の伝達又は技術指導を目的とした会議を定期的に開催すること。</t>
    <rPh sb="2" eb="5">
      <t>リヨウシャ</t>
    </rPh>
    <rPh sb="6" eb="7">
      <t>カン</t>
    </rPh>
    <rPh sb="9" eb="11">
      <t>ジョウホウ</t>
    </rPh>
    <rPh sb="11" eb="12">
      <t>モ</t>
    </rPh>
    <rPh sb="19" eb="21">
      <t>テイキョウ</t>
    </rPh>
    <rPh sb="27" eb="29">
      <t>リュウイ</t>
    </rPh>
    <rPh sb="29" eb="31">
      <t>ジコウ</t>
    </rPh>
    <rPh sb="34" eb="36">
      <t>デンタツ</t>
    </rPh>
    <rPh sb="36" eb="37">
      <t>マタ</t>
    </rPh>
    <rPh sb="38" eb="40">
      <t>ギジュツ</t>
    </rPh>
    <rPh sb="40" eb="42">
      <t>シドウ</t>
    </rPh>
    <rPh sb="43" eb="45">
      <t>モクテキ</t>
    </rPh>
    <rPh sb="48" eb="50">
      <t>カイギ</t>
    </rPh>
    <rPh sb="51" eb="54">
      <t>テイキテキ</t>
    </rPh>
    <rPh sb="55" eb="57">
      <t>カイサイ</t>
    </rPh>
    <phoneticPr fontId="2"/>
  </si>
  <si>
    <t>①　研修計画を作成し、当該計画に従い、研修（外部における研修を
　含む）を実施又は実施を予定していること。</t>
    <phoneticPr fontId="2"/>
  </si>
  <si>
    <t>5　研修等に
     関する状況</t>
    <rPh sb="2" eb="5">
      <t>ケンシュウトウ</t>
    </rPh>
    <rPh sb="12" eb="13">
      <t>カン</t>
    </rPh>
    <rPh sb="15" eb="17">
      <t>ジョウキョウ</t>
    </rPh>
    <phoneticPr fontId="2"/>
  </si>
  <si>
    <t>3 サービス提供体制強化加算（Ⅲ）</t>
    <rPh sb="6" eb="8">
      <t>テイキョウ</t>
    </rPh>
    <rPh sb="8" eb="10">
      <t>タイセイ</t>
    </rPh>
    <rPh sb="10" eb="12">
      <t>キョウカ</t>
    </rPh>
    <rPh sb="12" eb="14">
      <t>カサン</t>
    </rPh>
    <phoneticPr fontId="2"/>
  </si>
  <si>
    <t>2 サービス提供体制強化加算（Ⅱ）</t>
    <rPh sb="6" eb="8">
      <t>テイキョウ</t>
    </rPh>
    <rPh sb="8" eb="10">
      <t>タイセイ</t>
    </rPh>
    <rPh sb="10" eb="12">
      <t>キョウカ</t>
    </rPh>
    <rPh sb="12" eb="14">
      <t>カサン</t>
    </rPh>
    <phoneticPr fontId="2"/>
  </si>
  <si>
    <t>1 サービス提供体制強化加算（Ⅰ）</t>
    <rPh sb="6" eb="8">
      <t>テイキョウ</t>
    </rPh>
    <rPh sb="8" eb="10">
      <t>タイセイ</t>
    </rPh>
    <rPh sb="10" eb="12">
      <t>キョウカ</t>
    </rPh>
    <rPh sb="12" eb="14">
      <t>カサン</t>
    </rPh>
    <phoneticPr fontId="2"/>
  </si>
  <si>
    <t>4　届 出 項 目</t>
    <rPh sb="2" eb="3">
      <t>トド</t>
    </rPh>
    <rPh sb="4" eb="5">
      <t>デ</t>
    </rPh>
    <rPh sb="6" eb="7">
      <t>コウ</t>
    </rPh>
    <rPh sb="8" eb="9">
      <t>メ</t>
    </rPh>
    <phoneticPr fontId="2"/>
  </si>
  <si>
    <t>3　夜間対応型訪問介護</t>
    <rPh sb="2" eb="4">
      <t>ヤカン</t>
    </rPh>
    <rPh sb="4" eb="7">
      <t>タイオウガタ</t>
    </rPh>
    <rPh sb="7" eb="9">
      <t>ホウモン</t>
    </rPh>
    <rPh sb="9" eb="11">
      <t>カイゴ</t>
    </rPh>
    <phoneticPr fontId="2"/>
  </si>
  <si>
    <t>2　定期巡回・随時対応型訪問介護看護</t>
    <rPh sb="2" eb="4">
      <t>テイキ</t>
    </rPh>
    <rPh sb="4" eb="6">
      <t>ジュンカイ</t>
    </rPh>
    <rPh sb="7" eb="9">
      <t>ズイジ</t>
    </rPh>
    <rPh sb="9" eb="12">
      <t>タイオウガタ</t>
    </rPh>
    <rPh sb="12" eb="14">
      <t>ホウモン</t>
    </rPh>
    <rPh sb="14" eb="16">
      <t>カイゴ</t>
    </rPh>
    <rPh sb="16" eb="18">
      <t>カンゴ</t>
    </rPh>
    <phoneticPr fontId="2"/>
  </si>
  <si>
    <t>1　（介護予防）訪問入浴介護</t>
    <rPh sb="3" eb="5">
      <t>カイゴ</t>
    </rPh>
    <rPh sb="5" eb="7">
      <t>ヨボウ</t>
    </rPh>
    <rPh sb="8" eb="10">
      <t>ホウモン</t>
    </rPh>
    <rPh sb="10" eb="12">
      <t>ニュウヨク</t>
    </rPh>
    <rPh sb="12" eb="14">
      <t>カイゴ</t>
    </rPh>
    <phoneticPr fontId="2"/>
  </si>
  <si>
    <t>3　施 設 種 別</t>
    <rPh sb="2" eb="3">
      <t>シ</t>
    </rPh>
    <rPh sb="4" eb="5">
      <t>セツ</t>
    </rPh>
    <rPh sb="6" eb="7">
      <t>シュ</t>
    </rPh>
    <rPh sb="8" eb="9">
      <t>ベツ</t>
    </rPh>
    <phoneticPr fontId="2"/>
  </si>
  <si>
    <t>2　異 動 区 分</t>
    <rPh sb="2" eb="3">
      <t>イ</t>
    </rPh>
    <rPh sb="4" eb="5">
      <t>ドウ</t>
    </rPh>
    <rPh sb="6" eb="7">
      <t>ク</t>
    </rPh>
    <rPh sb="8" eb="9">
      <t>ブン</t>
    </rPh>
    <phoneticPr fontId="2"/>
  </si>
  <si>
    <t>1　事 業 所 名</t>
    <phoneticPr fontId="2"/>
  </si>
  <si>
    <t>（（介護予防）訪問入浴介護、定期巡回・随時対応型訪問介護看護、夜間対応型訪問介護）</t>
    <rPh sb="2" eb="4">
      <t>カイゴ</t>
    </rPh>
    <rPh sb="4" eb="6">
      <t>ヨボウ</t>
    </rPh>
    <rPh sb="7" eb="9">
      <t>ホウモン</t>
    </rPh>
    <rPh sb="9" eb="11">
      <t>ニュウヨク</t>
    </rPh>
    <rPh sb="11" eb="13">
      <t>カイゴ</t>
    </rPh>
    <rPh sb="14" eb="16">
      <t>テイキ</t>
    </rPh>
    <rPh sb="16" eb="18">
      <t>ジュンカイ</t>
    </rPh>
    <rPh sb="19" eb="21">
      <t>ズイジ</t>
    </rPh>
    <rPh sb="21" eb="24">
      <t>タイオウガタ</t>
    </rPh>
    <rPh sb="24" eb="26">
      <t>ホウモン</t>
    </rPh>
    <rPh sb="26" eb="28">
      <t>カイゴ</t>
    </rPh>
    <rPh sb="28" eb="30">
      <t>カンゴ</t>
    </rPh>
    <rPh sb="31" eb="33">
      <t>ヤカン</t>
    </rPh>
    <rPh sb="33" eb="36">
      <t>タイオウガタ</t>
    </rPh>
    <rPh sb="36" eb="38">
      <t>ホウモン</t>
    </rPh>
    <rPh sb="38" eb="40">
      <t>カイゴ</t>
    </rPh>
    <phoneticPr fontId="2"/>
  </si>
  <si>
    <t>サービス提供体制強化加算に関する届出書</t>
    <rPh sb="4" eb="6">
      <t>テイキョウ</t>
    </rPh>
    <rPh sb="6" eb="8">
      <t>タイセイ</t>
    </rPh>
    <rPh sb="8" eb="10">
      <t>キョウカ</t>
    </rPh>
    <rPh sb="10" eb="12">
      <t>カサン</t>
    </rPh>
    <rPh sb="13" eb="14">
      <t>カン</t>
    </rPh>
    <rPh sb="16" eb="19">
      <t>トドケデショ</t>
    </rPh>
    <phoneticPr fontId="2"/>
  </si>
  <si>
    <t>（別紙14）</t>
    <phoneticPr fontId="2"/>
  </si>
  <si>
    <t xml:space="preserve">備考
</t>
    <rPh sb="0" eb="2">
      <t>ビコウ</t>
    </rPh>
    <phoneticPr fontId="2"/>
  </si>
  <si>
    <t>①のうち勤続年数３年以上の者の総数（常勤換算）</t>
    <rPh sb="4" eb="6">
      <t>キンゾク</t>
    </rPh>
    <rPh sb="6" eb="8">
      <t>ネンスウ</t>
    </rPh>
    <rPh sb="9" eb="12">
      <t>ネンイジョウ</t>
    </rPh>
    <rPh sb="13" eb="14">
      <t>モノ</t>
    </rPh>
    <rPh sb="15" eb="17">
      <t>ソウスウ</t>
    </rPh>
    <rPh sb="18" eb="20">
      <t>ジョウキン</t>
    </rPh>
    <rPh sb="20" eb="22">
      <t>カンサン</t>
    </rPh>
    <phoneticPr fontId="2"/>
  </si>
  <si>
    <r>
      <t>サービスを直接提供する職員の総数（常勤換算）</t>
    </r>
    <r>
      <rPr>
        <sz val="8"/>
        <rFont val="HGSｺﾞｼｯｸM"/>
        <family val="3"/>
        <charset val="128"/>
      </rPr>
      <t/>
    </r>
    <rPh sb="5" eb="7">
      <t>チョクセツ</t>
    </rPh>
    <rPh sb="7" eb="9">
      <t>テイキョウ</t>
    </rPh>
    <rPh sb="11" eb="13">
      <t>ショクイン</t>
    </rPh>
    <rPh sb="14" eb="16">
      <t>ソウスウ</t>
    </rPh>
    <rPh sb="17" eb="19">
      <t>ジョウキン</t>
    </rPh>
    <rPh sb="19" eb="21">
      <t>カンサン</t>
    </rPh>
    <phoneticPr fontId="2"/>
  </si>
  <si>
    <t>療養通所
介護</t>
    <rPh sb="0" eb="2">
      <t>リョウヨウ</t>
    </rPh>
    <rPh sb="2" eb="4">
      <t>ツウショ</t>
    </rPh>
    <rPh sb="5" eb="7">
      <t>カイゴ</t>
    </rPh>
    <phoneticPr fontId="2"/>
  </si>
  <si>
    <t>①のうち勤続年数３年以上の者の総数</t>
    <rPh sb="4" eb="6">
      <t>キンゾク</t>
    </rPh>
    <rPh sb="6" eb="8">
      <t>ネンスウ</t>
    </rPh>
    <rPh sb="9" eb="12">
      <t>ネンイジョウ</t>
    </rPh>
    <rPh sb="13" eb="14">
      <t>モノ</t>
    </rPh>
    <rPh sb="15" eb="17">
      <t>ソウスウ</t>
    </rPh>
    <phoneticPr fontId="2"/>
  </si>
  <si>
    <t>サービスを直接提供する理学療法士、作業療法士又は言語聴覚士の総数</t>
    <rPh sb="5" eb="7">
      <t>チョクセツ</t>
    </rPh>
    <rPh sb="7" eb="9">
      <t>テイキョウ</t>
    </rPh>
    <rPh sb="11" eb="13">
      <t>リガク</t>
    </rPh>
    <rPh sb="13" eb="16">
      <t>リョウホウシ</t>
    </rPh>
    <rPh sb="17" eb="19">
      <t>サギョウ</t>
    </rPh>
    <rPh sb="19" eb="22">
      <t>リョウホウシ</t>
    </rPh>
    <rPh sb="22" eb="23">
      <t>マタ</t>
    </rPh>
    <rPh sb="24" eb="26">
      <t>ゲンゴ</t>
    </rPh>
    <rPh sb="26" eb="29">
      <t>チョウカクシ</t>
    </rPh>
    <rPh sb="30" eb="32">
      <t>ソウスウ</t>
    </rPh>
    <phoneticPr fontId="2"/>
  </si>
  <si>
    <t>①に占める②の者が１名以上</t>
    <rPh sb="2" eb="3">
      <t>シ</t>
    </rPh>
    <rPh sb="7" eb="8">
      <t>モノ</t>
    </rPh>
    <rPh sb="10" eb="11">
      <t>メイ</t>
    </rPh>
    <rPh sb="11" eb="13">
      <t>イジョウ</t>
    </rPh>
    <phoneticPr fontId="2"/>
  </si>
  <si>
    <t>訪問リハ</t>
    <rPh sb="0" eb="2">
      <t>ホウモン</t>
    </rPh>
    <phoneticPr fontId="2"/>
  </si>
  <si>
    <r>
      <t>看護師等の総数（常勤換算）</t>
    </r>
    <r>
      <rPr>
        <sz val="8"/>
        <rFont val="HGSｺﾞｼｯｸM"/>
        <family val="3"/>
        <charset val="128"/>
      </rPr>
      <t/>
    </r>
    <rPh sb="0" eb="3">
      <t>カンゴシ</t>
    </rPh>
    <rPh sb="3" eb="4">
      <t>トウ</t>
    </rPh>
    <rPh sb="5" eb="7">
      <t>ソウスウ</t>
    </rPh>
    <rPh sb="8" eb="10">
      <t>ジョウキン</t>
    </rPh>
    <rPh sb="10" eb="12">
      <t>カンサン</t>
    </rPh>
    <phoneticPr fontId="2"/>
  </si>
  <si>
    <t>訪問看護</t>
    <rPh sb="0" eb="2">
      <t>ホウモン</t>
    </rPh>
    <rPh sb="2" eb="4">
      <t>カンゴ</t>
    </rPh>
    <phoneticPr fontId="2"/>
  </si>
  <si>
    <t>①のうち勤続年数７年以上の者の総数（常勤換算）</t>
    <rPh sb="4" eb="6">
      <t>キンゾク</t>
    </rPh>
    <rPh sb="6" eb="8">
      <t>ネンスウ</t>
    </rPh>
    <rPh sb="9" eb="12">
      <t>ネンイジョウ</t>
    </rPh>
    <rPh sb="13" eb="14">
      <t>モノ</t>
    </rPh>
    <rPh sb="15" eb="17">
      <t>ソウスウ</t>
    </rPh>
    <rPh sb="18" eb="20">
      <t>ジョウキン</t>
    </rPh>
    <rPh sb="20" eb="22">
      <t>カンサン</t>
    </rPh>
    <phoneticPr fontId="2"/>
  </si>
  <si>
    <t>①のうち勤続年数７年以上の者の総数</t>
    <rPh sb="4" eb="6">
      <t>キンゾク</t>
    </rPh>
    <rPh sb="6" eb="8">
      <t>ネンスウ</t>
    </rPh>
    <rPh sb="9" eb="12">
      <t>ネンイジョウ</t>
    </rPh>
    <rPh sb="13" eb="14">
      <t>モノ</t>
    </rPh>
    <rPh sb="15" eb="17">
      <t>ソウスウ</t>
    </rPh>
    <phoneticPr fontId="2"/>
  </si>
  <si>
    <t>6　勤続年数の状況</t>
    <rPh sb="2" eb="4">
      <t>キンゾク</t>
    </rPh>
    <rPh sb="4" eb="6">
      <t>ネンスウ</t>
    </rPh>
    <rPh sb="7" eb="9">
      <t>ジョウキョウ</t>
    </rPh>
    <phoneticPr fontId="2"/>
  </si>
  <si>
    <r>
      <t xml:space="preserve">5　研修等に
     関する状況
     </t>
    </r>
    <r>
      <rPr>
        <sz val="8"/>
        <rFont val="HGSｺﾞｼｯｸM"/>
        <family val="3"/>
        <charset val="128"/>
      </rPr>
      <t>(訪問看護のみ）</t>
    </r>
    <rPh sb="2" eb="5">
      <t>ケンシュウトウ</t>
    </rPh>
    <rPh sb="12" eb="13">
      <t>カン</t>
    </rPh>
    <rPh sb="15" eb="17">
      <t>ジョウキョウ</t>
    </rPh>
    <rPh sb="24" eb="26">
      <t>ホウモン</t>
    </rPh>
    <rPh sb="26" eb="28">
      <t>カンゴ</t>
    </rPh>
    <phoneticPr fontId="2"/>
  </si>
  <si>
    <t>4 サービス提供体制強化加算（Ⅲ）ロ</t>
    <rPh sb="6" eb="8">
      <t>テイキョウ</t>
    </rPh>
    <rPh sb="8" eb="10">
      <t>タイセイ</t>
    </rPh>
    <rPh sb="10" eb="12">
      <t>キョウカ</t>
    </rPh>
    <rPh sb="12" eb="14">
      <t>カサン</t>
    </rPh>
    <phoneticPr fontId="2"/>
  </si>
  <si>
    <t>（療養通所介護）</t>
  </si>
  <si>
    <t>（訪問看護、訪問リハビリテーション）</t>
  </si>
  <si>
    <t>3　療養通所介護</t>
    <rPh sb="2" eb="4">
      <t>リョウヨウ</t>
    </rPh>
    <rPh sb="4" eb="6">
      <t>ツウショ</t>
    </rPh>
    <rPh sb="6" eb="8">
      <t>カイゴ</t>
    </rPh>
    <phoneticPr fontId="2"/>
  </si>
  <si>
    <t>2　（介護予防）訪問リハビリテーション</t>
    <rPh sb="3" eb="5">
      <t>カイゴ</t>
    </rPh>
    <rPh sb="5" eb="7">
      <t>ヨボウ</t>
    </rPh>
    <rPh sb="8" eb="10">
      <t>ホウモン</t>
    </rPh>
    <phoneticPr fontId="2"/>
  </si>
  <si>
    <t>1　（介護予防）訪問看護</t>
    <rPh sb="3" eb="5">
      <t>カイゴ</t>
    </rPh>
    <rPh sb="5" eb="7">
      <t>ヨボウ</t>
    </rPh>
    <rPh sb="8" eb="10">
      <t>ホウモン</t>
    </rPh>
    <rPh sb="10" eb="12">
      <t>カンゴ</t>
    </rPh>
    <phoneticPr fontId="2"/>
  </si>
  <si>
    <t>（（介護予防）訪問看護、（介護予防）訪問リハビリテーション、療養通所介護）</t>
    <rPh sb="2" eb="4">
      <t>カイゴ</t>
    </rPh>
    <rPh sb="4" eb="6">
      <t>ヨボウ</t>
    </rPh>
    <rPh sb="7" eb="9">
      <t>ホウモン</t>
    </rPh>
    <rPh sb="9" eb="11">
      <t>カンゴ</t>
    </rPh>
    <rPh sb="13" eb="15">
      <t>カイゴ</t>
    </rPh>
    <rPh sb="15" eb="17">
      <t>ヨボウ</t>
    </rPh>
    <rPh sb="18" eb="20">
      <t>ホウモン</t>
    </rPh>
    <rPh sb="30" eb="32">
      <t>リョウヨウ</t>
    </rPh>
    <rPh sb="32" eb="34">
      <t>ツウショ</t>
    </rPh>
    <rPh sb="34" eb="36">
      <t>カイゴ</t>
    </rPh>
    <phoneticPr fontId="2"/>
  </si>
  <si>
    <t>（別紙１4－2）</t>
    <phoneticPr fontId="2"/>
  </si>
  <si>
    <t>要件を満たすことが分かる根拠書類を準備し、指定権者からの求めがあった場合には、速やかに提出すること。</t>
    <phoneticPr fontId="2"/>
  </si>
  <si>
    <t>①のうち勤続年数７年以上の者の総数（常勤換算）</t>
    <phoneticPr fontId="2"/>
  </si>
  <si>
    <t>サービスを直接提供する者の総数
（常勤換算）</t>
    <rPh sb="5" eb="7">
      <t>チョクセツ</t>
    </rPh>
    <rPh sb="7" eb="9">
      <t>テイキョウ</t>
    </rPh>
    <rPh sb="11" eb="12">
      <t>モノ</t>
    </rPh>
    <rPh sb="13" eb="15">
      <t>ソウスウ</t>
    </rPh>
    <rPh sb="17" eb="19">
      <t>ジョウキン</t>
    </rPh>
    <rPh sb="19" eb="21">
      <t>カンサン</t>
    </rPh>
    <phoneticPr fontId="2"/>
  </si>
  <si>
    <r>
      <t>（３）サービス提供体制強化加算（Ⅲ）</t>
    </r>
    <r>
      <rPr>
        <sz val="8"/>
        <rFont val="HGSｺﾞｼｯｸM"/>
        <family val="3"/>
        <charset val="128"/>
      </rPr>
      <t xml:space="preserve"> </t>
    </r>
    <r>
      <rPr>
        <sz val="7"/>
        <rFont val="HGSｺﾞｼｯｸM"/>
        <family val="3"/>
        <charset val="128"/>
      </rPr>
      <t>※介護福祉士等の状況、勤続年数の状況のうち、いずれか１つを満たすこと。</t>
    </r>
    <rPh sb="7" eb="9">
      <t>テイキョウ</t>
    </rPh>
    <rPh sb="9" eb="11">
      <t>タイセイ</t>
    </rPh>
    <rPh sb="11" eb="13">
      <t>キョウカ</t>
    </rPh>
    <rPh sb="13" eb="15">
      <t>カサン</t>
    </rPh>
    <rPh sb="20" eb="22">
      <t>カイゴ</t>
    </rPh>
    <rPh sb="22" eb="25">
      <t>フクシシ</t>
    </rPh>
    <rPh sb="25" eb="26">
      <t>トウ</t>
    </rPh>
    <rPh sb="27" eb="29">
      <t>ジョウキョウ</t>
    </rPh>
    <rPh sb="30" eb="32">
      <t>キンゾク</t>
    </rPh>
    <rPh sb="32" eb="34">
      <t>ネンスウ</t>
    </rPh>
    <rPh sb="35" eb="37">
      <t>ジョウキョウ</t>
    </rPh>
    <rPh sb="48" eb="49">
      <t>ミ</t>
    </rPh>
    <phoneticPr fontId="2"/>
  </si>
  <si>
    <t>①に占める②の割合が50％以上</t>
    <rPh sb="2" eb="3">
      <t>シ</t>
    </rPh>
    <rPh sb="7" eb="9">
      <t>ワリアイ</t>
    </rPh>
    <rPh sb="13" eb="15">
      <t>イジョウ</t>
    </rPh>
    <phoneticPr fontId="2"/>
  </si>
  <si>
    <t>①に占める②の割合が70％以上</t>
    <rPh sb="2" eb="3">
      <t>シ</t>
    </rPh>
    <rPh sb="7" eb="9">
      <t>ワリアイ</t>
    </rPh>
    <rPh sb="13" eb="15">
      <t>イジョウ</t>
    </rPh>
    <phoneticPr fontId="2"/>
  </si>
  <si>
    <t>5　介護職員等の状況</t>
    <rPh sb="2" eb="4">
      <t>カイゴ</t>
    </rPh>
    <rPh sb="4" eb="6">
      <t>ショクイン</t>
    </rPh>
    <rPh sb="6" eb="7">
      <t>トウ</t>
    </rPh>
    <rPh sb="8" eb="10">
      <t>ジョウキョウ</t>
    </rPh>
    <phoneticPr fontId="2"/>
  </si>
  <si>
    <t>3　（介護予防）認知症対応型通所介護</t>
    <rPh sb="3" eb="5">
      <t>カイゴ</t>
    </rPh>
    <rPh sb="5" eb="7">
      <t>ヨボウ</t>
    </rPh>
    <rPh sb="8" eb="11">
      <t>ニンチショウ</t>
    </rPh>
    <rPh sb="11" eb="14">
      <t>タイオウガタ</t>
    </rPh>
    <rPh sb="14" eb="16">
      <t>ツウショ</t>
    </rPh>
    <rPh sb="16" eb="18">
      <t>カイゴ</t>
    </rPh>
    <phoneticPr fontId="2"/>
  </si>
  <si>
    <t>3　地域密着型通所介護</t>
    <rPh sb="2" eb="4">
      <t>チイキ</t>
    </rPh>
    <rPh sb="4" eb="7">
      <t>ミッチャクガタ</t>
    </rPh>
    <rPh sb="7" eb="9">
      <t>ツウショ</t>
    </rPh>
    <rPh sb="9" eb="11">
      <t>カイゴ</t>
    </rPh>
    <phoneticPr fontId="2"/>
  </si>
  <si>
    <t>2　（介護予防）通所リハビリテーション</t>
    <rPh sb="3" eb="5">
      <t>カイゴ</t>
    </rPh>
    <rPh sb="5" eb="7">
      <t>ヨボウ</t>
    </rPh>
    <rPh sb="8" eb="10">
      <t>ツウショ</t>
    </rPh>
    <phoneticPr fontId="2"/>
  </si>
  <si>
    <t>1　通所介護</t>
    <rPh sb="2" eb="4">
      <t>ツウショ</t>
    </rPh>
    <rPh sb="4" eb="6">
      <t>カイゴ</t>
    </rPh>
    <phoneticPr fontId="2"/>
  </si>
  <si>
    <t>通所介護、（介護予防）通所リハビリテーション、
地域密着型通所介護、（介護予防）認知症対応型通所介護</t>
    <rPh sb="0" eb="2">
      <t>ツウショ</t>
    </rPh>
    <rPh sb="2" eb="4">
      <t>カイゴ</t>
    </rPh>
    <rPh sb="6" eb="8">
      <t>カイゴ</t>
    </rPh>
    <rPh sb="8" eb="10">
      <t>ヨボウ</t>
    </rPh>
    <rPh sb="11" eb="13">
      <t>ツウショ</t>
    </rPh>
    <rPh sb="24" eb="29">
      <t>チイキミッチャクガタ</t>
    </rPh>
    <rPh sb="29" eb="31">
      <t>ツウショ</t>
    </rPh>
    <rPh sb="31" eb="33">
      <t>カイゴ</t>
    </rPh>
    <rPh sb="35" eb="37">
      <t>カイゴ</t>
    </rPh>
    <rPh sb="37" eb="39">
      <t>ヨボウ</t>
    </rPh>
    <rPh sb="40" eb="43">
      <t>ニンチショウ</t>
    </rPh>
    <rPh sb="43" eb="46">
      <t>タイオウガタ</t>
    </rPh>
    <rPh sb="46" eb="48">
      <t>ツウショ</t>
    </rPh>
    <rPh sb="48" eb="50">
      <t>カイゴ</t>
    </rPh>
    <phoneticPr fontId="2"/>
  </si>
  <si>
    <t>（別紙１4－３）</t>
    <phoneticPr fontId="2"/>
  </si>
  <si>
    <t>介護老人福祉施設又は地域密着型介護老人福祉施設と（介護予防）短期入所生活介護において、別の加算を取得する場合は、別に本届出書を提出すること。空床利用型の（介護予防）短期入所生活介護について届け出る場合は、本体施設である介護老人福祉施設又は地域密着型介護老人福祉施設における状況を記載すること。</t>
    <rPh sb="0" eb="2">
      <t>カイゴ</t>
    </rPh>
    <rPh sb="2" eb="4">
      <t>ロウジン</t>
    </rPh>
    <rPh sb="4" eb="6">
      <t>フクシ</t>
    </rPh>
    <rPh sb="6" eb="8">
      <t>シセツ</t>
    </rPh>
    <rPh sb="8" eb="9">
      <t>マタ</t>
    </rPh>
    <rPh sb="10" eb="23">
      <t>チイキミッチャクガタカイゴロウジンフクシシセツ</t>
    </rPh>
    <rPh sb="25" eb="27">
      <t>カイゴ</t>
    </rPh>
    <rPh sb="27" eb="29">
      <t>ヨボウ</t>
    </rPh>
    <rPh sb="30" eb="32">
      <t>タンキ</t>
    </rPh>
    <rPh sb="32" eb="34">
      <t>ニュウショ</t>
    </rPh>
    <rPh sb="34" eb="36">
      <t>セイカツ</t>
    </rPh>
    <rPh sb="36" eb="38">
      <t>カイゴ</t>
    </rPh>
    <rPh sb="43" eb="44">
      <t>ベツ</t>
    </rPh>
    <rPh sb="45" eb="47">
      <t>カサン</t>
    </rPh>
    <rPh sb="48" eb="50">
      <t>シュトク</t>
    </rPh>
    <rPh sb="52" eb="54">
      <t>バアイ</t>
    </rPh>
    <rPh sb="56" eb="57">
      <t>ベツ</t>
    </rPh>
    <rPh sb="58" eb="59">
      <t>ホン</t>
    </rPh>
    <rPh sb="59" eb="62">
      <t>トドケデショ</t>
    </rPh>
    <rPh sb="63" eb="65">
      <t>テイシュツ</t>
    </rPh>
    <rPh sb="70" eb="72">
      <t>クウショウ</t>
    </rPh>
    <rPh sb="72" eb="74">
      <t>リヨウ</t>
    </rPh>
    <rPh sb="74" eb="75">
      <t>ガタ</t>
    </rPh>
    <rPh sb="77" eb="79">
      <t>カイゴ</t>
    </rPh>
    <rPh sb="79" eb="81">
      <t>ヨボウ</t>
    </rPh>
    <rPh sb="82" eb="90">
      <t>タンキニュウショセイカツカイゴ</t>
    </rPh>
    <rPh sb="94" eb="95">
      <t>トド</t>
    </rPh>
    <rPh sb="96" eb="97">
      <t>デ</t>
    </rPh>
    <rPh sb="98" eb="100">
      <t>バアイ</t>
    </rPh>
    <rPh sb="102" eb="104">
      <t>ホンタイ</t>
    </rPh>
    <rPh sb="104" eb="106">
      <t>シセツ</t>
    </rPh>
    <rPh sb="109" eb="111">
      <t>カイゴ</t>
    </rPh>
    <rPh sb="111" eb="113">
      <t>ロウジン</t>
    </rPh>
    <rPh sb="113" eb="115">
      <t>フクシ</t>
    </rPh>
    <rPh sb="115" eb="117">
      <t>シセツ</t>
    </rPh>
    <rPh sb="117" eb="118">
      <t>マタ</t>
    </rPh>
    <rPh sb="119" eb="132">
      <t>チイキミッチャクガタカイゴロウジンフクシシセツ</t>
    </rPh>
    <rPh sb="136" eb="138">
      <t>ジョウキョウ</t>
    </rPh>
    <rPh sb="139" eb="141">
      <t>キサイ</t>
    </rPh>
    <phoneticPr fontId="2"/>
  </si>
  <si>
    <t>備考２</t>
    <rPh sb="0" eb="2">
      <t>ビコウ</t>
    </rPh>
    <phoneticPr fontId="2"/>
  </si>
  <si>
    <t>サービスを直接提供する者の総数（常勤換算）</t>
    <rPh sb="5" eb="7">
      <t>チョクセツ</t>
    </rPh>
    <rPh sb="7" eb="9">
      <t>テイキョウ</t>
    </rPh>
    <rPh sb="11" eb="12">
      <t>モノ</t>
    </rPh>
    <rPh sb="13" eb="15">
      <t>ソウスウ</t>
    </rPh>
    <rPh sb="16" eb="18">
      <t>ジョウキン</t>
    </rPh>
    <rPh sb="18" eb="20">
      <t>カンサン</t>
    </rPh>
    <phoneticPr fontId="2"/>
  </si>
  <si>
    <t>看護・介護職員の総数（常勤換算）</t>
    <rPh sb="0" eb="2">
      <t>カンゴ</t>
    </rPh>
    <rPh sb="3" eb="5">
      <t>カイゴ</t>
    </rPh>
    <rPh sb="5" eb="7">
      <t>ショクイン</t>
    </rPh>
    <rPh sb="8" eb="10">
      <t>ソウスウ</t>
    </rPh>
    <rPh sb="11" eb="13">
      <t>ジョウキン</t>
    </rPh>
    <rPh sb="13" eb="15">
      <t>カンサン</t>
    </rPh>
    <phoneticPr fontId="2"/>
  </si>
  <si>
    <t>①に占める②の割合が75％以上</t>
    <rPh sb="2" eb="3">
      <t>シ</t>
    </rPh>
    <rPh sb="7" eb="9">
      <t>ワリアイ</t>
    </rPh>
    <rPh sb="13" eb="15">
      <t>イジョウ</t>
    </rPh>
    <phoneticPr fontId="2"/>
  </si>
  <si>
    <t>常勤職員の
状況</t>
    <rPh sb="0" eb="2">
      <t>ジョウキン</t>
    </rPh>
    <rPh sb="2" eb="4">
      <t>ショクイン</t>
    </rPh>
    <rPh sb="6" eb="8">
      <t>ジョウキョウ</t>
    </rPh>
    <phoneticPr fontId="2"/>
  </si>
  <si>
    <t>　　　 ※介護福祉士等の状況、常勤職員の状況、勤続年数の状況のうち、いずれか１つを満たすこと。</t>
    <phoneticPr fontId="2"/>
  </si>
  <si>
    <t>　※（地域密着型）介護老人福祉施設、介護老人保健施設、介護医療院は記載</t>
    <rPh sb="33" eb="35">
      <t>キサイ</t>
    </rPh>
    <phoneticPr fontId="2"/>
  </si>
  <si>
    <t>サービスの質の向上に資する
取組の状況</t>
    <rPh sb="5" eb="6">
      <t>シツ</t>
    </rPh>
    <rPh sb="7" eb="9">
      <t>コウジョウ</t>
    </rPh>
    <rPh sb="10" eb="11">
      <t>シ</t>
    </rPh>
    <rPh sb="14" eb="15">
      <t>ト</t>
    </rPh>
    <rPh sb="15" eb="16">
      <t>ク</t>
    </rPh>
    <rPh sb="17" eb="19">
      <t>ジョウキョウ</t>
    </rPh>
    <phoneticPr fontId="2"/>
  </si>
  <si>
    <t>①に占める③の割合が35％以上</t>
    <rPh sb="2" eb="3">
      <t>シ</t>
    </rPh>
    <rPh sb="7" eb="9">
      <t>ワリアイ</t>
    </rPh>
    <rPh sb="13" eb="15">
      <t>イジョウ</t>
    </rPh>
    <phoneticPr fontId="2"/>
  </si>
  <si>
    <t>①に占める②の割合が80％以上</t>
    <rPh sb="2" eb="3">
      <t>シ</t>
    </rPh>
    <rPh sb="7" eb="9">
      <t>ワリアイ</t>
    </rPh>
    <rPh sb="13" eb="15">
      <t>イジョウ</t>
    </rPh>
    <phoneticPr fontId="2"/>
  </si>
  <si>
    <t>6　介護医療院</t>
    <rPh sb="2" eb="4">
      <t>カイゴ</t>
    </rPh>
    <rPh sb="4" eb="6">
      <t>イリョウ</t>
    </rPh>
    <rPh sb="6" eb="7">
      <t>イン</t>
    </rPh>
    <phoneticPr fontId="2"/>
  </si>
  <si>
    <t>5　介護老人保健施設</t>
    <rPh sb="2" eb="4">
      <t>カイゴ</t>
    </rPh>
    <rPh sb="4" eb="6">
      <t>ロウジン</t>
    </rPh>
    <rPh sb="6" eb="8">
      <t>ホケン</t>
    </rPh>
    <rPh sb="8" eb="10">
      <t>シセツ</t>
    </rPh>
    <phoneticPr fontId="2"/>
  </si>
  <si>
    <t>4　地域密着型介護老人福祉施設</t>
    <rPh sb="2" eb="4">
      <t>チイキ</t>
    </rPh>
    <rPh sb="4" eb="7">
      <t>ミッチャクガタ</t>
    </rPh>
    <rPh sb="7" eb="9">
      <t>カイゴ</t>
    </rPh>
    <rPh sb="9" eb="11">
      <t>ロウジン</t>
    </rPh>
    <rPh sb="11" eb="13">
      <t>フクシ</t>
    </rPh>
    <rPh sb="13" eb="15">
      <t>シセツ</t>
    </rPh>
    <phoneticPr fontId="2"/>
  </si>
  <si>
    <t>3　介護老人福祉施設</t>
    <rPh sb="2" eb="4">
      <t>カイゴ</t>
    </rPh>
    <rPh sb="4" eb="6">
      <t>ロウジン</t>
    </rPh>
    <rPh sb="6" eb="8">
      <t>フクシ</t>
    </rPh>
    <rPh sb="8" eb="10">
      <t>シセツ</t>
    </rPh>
    <phoneticPr fontId="2"/>
  </si>
  <si>
    <t>2（介護予防）短期入所療養介護</t>
    <rPh sb="2" eb="4">
      <t>カイゴ</t>
    </rPh>
    <rPh sb="4" eb="6">
      <t>ヨボウ</t>
    </rPh>
    <rPh sb="7" eb="9">
      <t>タンキ</t>
    </rPh>
    <rPh sb="9" eb="11">
      <t>ニュウショ</t>
    </rPh>
    <rPh sb="11" eb="13">
      <t>リョウヨウ</t>
    </rPh>
    <rPh sb="13" eb="15">
      <t>カイゴ</t>
    </rPh>
    <phoneticPr fontId="2"/>
  </si>
  <si>
    <t>ウ 空床利用型）</t>
    <rPh sb="2" eb="4">
      <t>クウショウ</t>
    </rPh>
    <rPh sb="4" eb="6">
      <t>リヨウ</t>
    </rPh>
    <rPh sb="6" eb="7">
      <t>ガタ</t>
    </rPh>
    <phoneticPr fontId="2"/>
  </si>
  <si>
    <t>イ 併設型</t>
    <rPh sb="2" eb="4">
      <t>ヘイセツ</t>
    </rPh>
    <rPh sb="4" eb="5">
      <t>ガタ</t>
    </rPh>
    <phoneticPr fontId="2"/>
  </si>
  <si>
    <t>ア 単独型</t>
    <rPh sb="2" eb="5">
      <t>タンドクガタ</t>
    </rPh>
    <phoneticPr fontId="2"/>
  </si>
  <si>
    <t>1（介護予防）短期入所生活介護（</t>
    <rPh sb="2" eb="4">
      <t>カイゴ</t>
    </rPh>
    <rPh sb="4" eb="6">
      <t>ヨボウ</t>
    </rPh>
    <rPh sb="7" eb="9">
      <t>タンキ</t>
    </rPh>
    <rPh sb="9" eb="11">
      <t>ニュウショ</t>
    </rPh>
    <rPh sb="11" eb="13">
      <t>セイカツ</t>
    </rPh>
    <rPh sb="13" eb="15">
      <t>カイゴ</t>
    </rPh>
    <phoneticPr fontId="2"/>
  </si>
  <si>
    <t>（介護予防）短期入所生活介護、（介護予防）短期入所療養介護、介護老人福祉施設、
地域密着型介護老人福祉施設、介護老人保健施設、介護医療院</t>
    <rPh sb="1" eb="3">
      <t>カイゴ</t>
    </rPh>
    <rPh sb="3" eb="5">
      <t>ヨボウ</t>
    </rPh>
    <rPh sb="6" eb="8">
      <t>タンキ</t>
    </rPh>
    <rPh sb="8" eb="10">
      <t>ニュウショ</t>
    </rPh>
    <rPh sb="10" eb="12">
      <t>セイカツ</t>
    </rPh>
    <rPh sb="12" eb="14">
      <t>カイゴ</t>
    </rPh>
    <rPh sb="16" eb="18">
      <t>カイゴ</t>
    </rPh>
    <rPh sb="18" eb="20">
      <t>ヨボウ</t>
    </rPh>
    <rPh sb="21" eb="23">
      <t>タンキ</t>
    </rPh>
    <rPh sb="23" eb="25">
      <t>ニュウショ</t>
    </rPh>
    <rPh sb="25" eb="27">
      <t>リョウヨウ</t>
    </rPh>
    <rPh sb="27" eb="29">
      <t>カイゴ</t>
    </rPh>
    <rPh sb="30" eb="32">
      <t>カイゴ</t>
    </rPh>
    <rPh sb="32" eb="34">
      <t>ロウジン</t>
    </rPh>
    <rPh sb="34" eb="36">
      <t>フクシ</t>
    </rPh>
    <rPh sb="36" eb="38">
      <t>シセツ</t>
    </rPh>
    <rPh sb="40" eb="42">
      <t>チイキ</t>
    </rPh>
    <rPh sb="42" eb="45">
      <t>ミッチャクガタ</t>
    </rPh>
    <rPh sb="45" eb="47">
      <t>カイゴ</t>
    </rPh>
    <rPh sb="47" eb="49">
      <t>ロウジン</t>
    </rPh>
    <rPh sb="49" eb="51">
      <t>フクシ</t>
    </rPh>
    <rPh sb="51" eb="53">
      <t>シセツ</t>
    </rPh>
    <rPh sb="54" eb="56">
      <t>カイゴ</t>
    </rPh>
    <rPh sb="56" eb="58">
      <t>ロウジン</t>
    </rPh>
    <rPh sb="58" eb="60">
      <t>ホケン</t>
    </rPh>
    <rPh sb="60" eb="62">
      <t>シセツ</t>
    </rPh>
    <rPh sb="63" eb="65">
      <t>カイゴ</t>
    </rPh>
    <rPh sb="65" eb="68">
      <t>イリョウイン</t>
    </rPh>
    <phoneticPr fontId="2"/>
  </si>
  <si>
    <t>（別紙１4－４）</t>
    <phoneticPr fontId="2"/>
  </si>
  <si>
    <t>従業者とは、小規模多機能型居宅介護における小規模多機能型居宅介護従業者、看護小規模多機能型居宅介護における看護小規模多機能型居宅介護従業者をいう。</t>
    <rPh sb="0" eb="3">
      <t>ジュウギョウシャ</t>
    </rPh>
    <rPh sb="6" eb="17">
      <t>ショウキボタキノウガタキョタクカイゴ</t>
    </rPh>
    <rPh sb="21" eb="24">
      <t>ショウキボ</t>
    </rPh>
    <rPh sb="24" eb="28">
      <t>タキノウガタ</t>
    </rPh>
    <rPh sb="28" eb="30">
      <t>キョタク</t>
    </rPh>
    <rPh sb="30" eb="32">
      <t>カイゴ</t>
    </rPh>
    <rPh sb="32" eb="35">
      <t>ジュウギョウシャ</t>
    </rPh>
    <rPh sb="36" eb="38">
      <t>カンゴ</t>
    </rPh>
    <rPh sb="38" eb="41">
      <t>ショウキボ</t>
    </rPh>
    <rPh sb="41" eb="45">
      <t>タキノウガタ</t>
    </rPh>
    <rPh sb="45" eb="47">
      <t>キョタク</t>
    </rPh>
    <rPh sb="47" eb="49">
      <t>カイゴ</t>
    </rPh>
    <rPh sb="53" eb="55">
      <t>カンゴ</t>
    </rPh>
    <rPh sb="55" eb="58">
      <t>ショウキボ</t>
    </rPh>
    <rPh sb="58" eb="62">
      <t>タキノウガタ</t>
    </rPh>
    <rPh sb="62" eb="64">
      <t>キョタク</t>
    </rPh>
    <rPh sb="64" eb="66">
      <t>カイゴ</t>
    </rPh>
    <rPh sb="66" eb="69">
      <t>ジュウギョウシャ</t>
    </rPh>
    <phoneticPr fontId="2"/>
  </si>
  <si>
    <t>従業者の総数（常勤換算）</t>
    <rPh sb="0" eb="3">
      <t>ジュウギョウシャ</t>
    </rPh>
    <rPh sb="2" eb="3">
      <t>モノ</t>
    </rPh>
    <rPh sb="4" eb="6">
      <t>ソウスウ</t>
    </rPh>
    <rPh sb="7" eb="9">
      <t>ジョウキン</t>
    </rPh>
    <rPh sb="9" eb="11">
      <t>カンサン</t>
    </rPh>
    <phoneticPr fontId="2"/>
  </si>
  <si>
    <t>※看護小規模多機能型居宅介護にあっては、「保健師、看護師又は
　准看護師である者を除く。」と読み替えるものとする。</t>
    <rPh sb="1" eb="14">
      <t>カンゴショウキボタキノウガタキョタクカイゴ</t>
    </rPh>
    <rPh sb="21" eb="24">
      <t>ホケンシ</t>
    </rPh>
    <rPh sb="25" eb="28">
      <t>カンゴシ</t>
    </rPh>
    <rPh sb="28" eb="29">
      <t>マタ</t>
    </rPh>
    <rPh sb="32" eb="36">
      <t>ジュンカンゴシ</t>
    </rPh>
    <rPh sb="39" eb="40">
      <t>モノ</t>
    </rPh>
    <rPh sb="41" eb="42">
      <t>ノゾ</t>
    </rPh>
    <rPh sb="46" eb="47">
      <t>ヨ</t>
    </rPh>
    <rPh sb="48" eb="49">
      <t>カ</t>
    </rPh>
    <phoneticPr fontId="2"/>
  </si>
  <si>
    <t>従業者（看護師又は准看護師である者を除く（※））の総数（常勤換算）</t>
    <rPh sb="0" eb="3">
      <t>ジュウギョウシャ</t>
    </rPh>
    <rPh sb="4" eb="7">
      <t>カンゴシ</t>
    </rPh>
    <rPh sb="7" eb="8">
      <t>マタ</t>
    </rPh>
    <rPh sb="9" eb="13">
      <t>ジュンカンゴシ</t>
    </rPh>
    <rPh sb="16" eb="17">
      <t>モノ</t>
    </rPh>
    <rPh sb="18" eb="19">
      <t>ノゾ</t>
    </rPh>
    <rPh sb="25" eb="27">
      <t>ソウスウ</t>
    </rPh>
    <rPh sb="28" eb="30">
      <t>ジョウキン</t>
    </rPh>
    <rPh sb="30" eb="32">
      <t>カンサン</t>
    </rPh>
    <phoneticPr fontId="2"/>
  </si>
  <si>
    <r>
      <t>（３）サービス提供体制強化加算（Ⅲ）</t>
    </r>
    <r>
      <rPr>
        <sz val="8"/>
        <rFont val="HGSｺﾞｼｯｸM"/>
        <family val="3"/>
        <charset val="128"/>
      </rPr>
      <t xml:space="preserve"> </t>
    </r>
    <rPh sb="7" eb="9">
      <t>テイキョウ</t>
    </rPh>
    <rPh sb="9" eb="11">
      <t>タイセイ</t>
    </rPh>
    <rPh sb="11" eb="13">
      <t>キョウカ</t>
    </rPh>
    <rPh sb="13" eb="15">
      <t>カサン</t>
    </rPh>
    <phoneticPr fontId="2"/>
  </si>
  <si>
    <t>2　看護小規模多機能型居宅介護</t>
    <rPh sb="2" eb="4">
      <t>カンゴ</t>
    </rPh>
    <rPh sb="4" eb="7">
      <t>ショウキボ</t>
    </rPh>
    <rPh sb="7" eb="10">
      <t>タキノウ</t>
    </rPh>
    <rPh sb="10" eb="11">
      <t>ガタ</t>
    </rPh>
    <rPh sb="11" eb="13">
      <t>キョタク</t>
    </rPh>
    <rPh sb="13" eb="15">
      <t>カイゴ</t>
    </rPh>
    <phoneticPr fontId="2"/>
  </si>
  <si>
    <t>1（介護予防）小規模多機能型居宅介護</t>
    <rPh sb="2" eb="4">
      <t>カイゴ</t>
    </rPh>
    <rPh sb="4" eb="6">
      <t>ヨボウ</t>
    </rPh>
    <rPh sb="7" eb="10">
      <t>ショウキボ</t>
    </rPh>
    <rPh sb="10" eb="14">
      <t>タキノウガタ</t>
    </rPh>
    <rPh sb="14" eb="16">
      <t>キョタク</t>
    </rPh>
    <rPh sb="16" eb="18">
      <t>カイゴ</t>
    </rPh>
    <phoneticPr fontId="2"/>
  </si>
  <si>
    <t>（（介護予防）小規模多機能型居宅介護、看護小規模多機能型居宅介護）</t>
    <rPh sb="2" eb="4">
      <t>カイゴ</t>
    </rPh>
    <rPh sb="4" eb="6">
      <t>ヨボウ</t>
    </rPh>
    <rPh sb="7" eb="10">
      <t>ショウキボ</t>
    </rPh>
    <rPh sb="10" eb="14">
      <t>タキノウガタ</t>
    </rPh>
    <rPh sb="14" eb="16">
      <t>キョタク</t>
    </rPh>
    <rPh sb="16" eb="18">
      <t>カイゴ</t>
    </rPh>
    <rPh sb="19" eb="32">
      <t>カンゴショウキボタキノウガタキョタクカイゴ</t>
    </rPh>
    <phoneticPr fontId="2"/>
  </si>
  <si>
    <t>（別紙14－5）</t>
    <phoneticPr fontId="2"/>
  </si>
  <si>
    <t>①のうち勤続年数７年以上の者の総数
（常勤換算）</t>
    <phoneticPr fontId="2"/>
  </si>
  <si>
    <t xml:space="preserve"> 　　※介護福祉士等の状況、常勤職員の状況、勤続年数の状況のうち、いずれか１つを満たすこと。</t>
    <phoneticPr fontId="2"/>
  </si>
  <si>
    <t>　※（介護予防）特定施設入居者生活介護、地域密着型特定施設入居者生活介護は記載</t>
    <rPh sb="37" eb="39">
      <t>キサイ</t>
    </rPh>
    <phoneticPr fontId="2"/>
  </si>
  <si>
    <t>3　（介護予防）認知症対応型共同生活介護</t>
    <rPh sb="3" eb="5">
      <t>カイゴ</t>
    </rPh>
    <rPh sb="5" eb="7">
      <t>ヨボウ</t>
    </rPh>
    <rPh sb="8" eb="11">
      <t>ニンチショウ</t>
    </rPh>
    <rPh sb="11" eb="14">
      <t>タイオウガタ</t>
    </rPh>
    <rPh sb="14" eb="16">
      <t>キョウドウ</t>
    </rPh>
    <rPh sb="16" eb="18">
      <t>セイカツ</t>
    </rPh>
    <rPh sb="18" eb="20">
      <t>カイゴ</t>
    </rPh>
    <phoneticPr fontId="2"/>
  </si>
  <si>
    <t>2　地域密着型特定施設入居者生活介護</t>
    <rPh sb="2" eb="4">
      <t>チイキ</t>
    </rPh>
    <rPh sb="4" eb="7">
      <t>ミッチャクガタ</t>
    </rPh>
    <rPh sb="7" eb="9">
      <t>トクテイ</t>
    </rPh>
    <rPh sb="9" eb="11">
      <t>シセツ</t>
    </rPh>
    <rPh sb="11" eb="14">
      <t>ニュウキョシャ</t>
    </rPh>
    <rPh sb="14" eb="16">
      <t>セイカツ</t>
    </rPh>
    <rPh sb="16" eb="18">
      <t>カイゴ</t>
    </rPh>
    <phoneticPr fontId="2"/>
  </si>
  <si>
    <t>1　（介護予防）特定施設入居者生活介護</t>
    <phoneticPr fontId="2"/>
  </si>
  <si>
    <t>（介護予防）特定施設入居者生活介護、地域密着型特定施設入居者生活介護、
（介護予防）認知症対応型共同生活介護</t>
    <rPh sb="1" eb="3">
      <t>カイゴ</t>
    </rPh>
    <rPh sb="3" eb="5">
      <t>ヨボウ</t>
    </rPh>
    <rPh sb="6" eb="8">
      <t>トクテイ</t>
    </rPh>
    <rPh sb="8" eb="10">
      <t>シセツ</t>
    </rPh>
    <rPh sb="10" eb="13">
      <t>ニュウキョシャ</t>
    </rPh>
    <rPh sb="13" eb="15">
      <t>セイカツ</t>
    </rPh>
    <rPh sb="15" eb="17">
      <t>カイゴ</t>
    </rPh>
    <rPh sb="18" eb="20">
      <t>チイキ</t>
    </rPh>
    <rPh sb="20" eb="23">
      <t>ミッチャクガタ</t>
    </rPh>
    <rPh sb="23" eb="25">
      <t>トクテイ</t>
    </rPh>
    <rPh sb="25" eb="27">
      <t>シセツ</t>
    </rPh>
    <rPh sb="27" eb="30">
      <t>ニュウキョシャ</t>
    </rPh>
    <rPh sb="30" eb="32">
      <t>セイカツ</t>
    </rPh>
    <rPh sb="32" eb="34">
      <t>カイゴ</t>
    </rPh>
    <rPh sb="37" eb="39">
      <t>カイゴ</t>
    </rPh>
    <rPh sb="39" eb="41">
      <t>ヨボウ</t>
    </rPh>
    <rPh sb="42" eb="45">
      <t>ニンチショウ</t>
    </rPh>
    <rPh sb="45" eb="48">
      <t>タイオウガタ</t>
    </rPh>
    <rPh sb="48" eb="50">
      <t>キョウドウ</t>
    </rPh>
    <rPh sb="50" eb="52">
      <t>セイカツ</t>
    </rPh>
    <rPh sb="52" eb="54">
      <t>カイゴ</t>
    </rPh>
    <phoneticPr fontId="2"/>
  </si>
  <si>
    <t>（別紙14－6）</t>
    <phoneticPr fontId="2"/>
  </si>
  <si>
    <t>要件を満たすことが分かる根拠書類を準備し、保険者の定めに基づき、提出又は事業所に保管すること。</t>
    <rPh sb="17" eb="19">
      <t>ジュンビ</t>
    </rPh>
    <rPh sb="21" eb="24">
      <t>ホケンシャ</t>
    </rPh>
    <rPh sb="25" eb="26">
      <t>サダ</t>
    </rPh>
    <rPh sb="28" eb="29">
      <t>モト</t>
    </rPh>
    <rPh sb="32" eb="34">
      <t>テイシュツ</t>
    </rPh>
    <rPh sb="34" eb="35">
      <t>マタ</t>
    </rPh>
    <rPh sb="36" eb="39">
      <t>ジギョウショ</t>
    </rPh>
    <rPh sb="40" eb="42">
      <t>ホカン</t>
    </rPh>
    <phoneticPr fontId="2"/>
  </si>
  <si>
    <t>３　サービス提供体制強化加算（Ⅲ）</t>
    <phoneticPr fontId="2"/>
  </si>
  <si>
    <t>２　サービス提供体制強化加算（Ⅱ）</t>
    <phoneticPr fontId="2"/>
  </si>
  <si>
    <t>１　サービス提供体制強化加算（Ⅰ）</t>
    <phoneticPr fontId="2"/>
  </si>
  <si>
    <t>3　届 出 項 目</t>
    <rPh sb="2" eb="3">
      <t>トド</t>
    </rPh>
    <rPh sb="4" eb="5">
      <t>デ</t>
    </rPh>
    <rPh sb="6" eb="7">
      <t>コウ</t>
    </rPh>
    <rPh sb="8" eb="9">
      <t>メ</t>
    </rPh>
    <phoneticPr fontId="2"/>
  </si>
  <si>
    <t>サービス提供体制強化加算に関する届出書
（通所型サービス）</t>
    <rPh sb="4" eb="6">
      <t>テイキョウ</t>
    </rPh>
    <rPh sb="6" eb="8">
      <t>タイセイ</t>
    </rPh>
    <rPh sb="8" eb="10">
      <t>キョウカ</t>
    </rPh>
    <rPh sb="10" eb="12">
      <t>カサン</t>
    </rPh>
    <rPh sb="13" eb="14">
      <t>カン</t>
    </rPh>
    <rPh sb="16" eb="19">
      <t>トドケデショ</t>
    </rPh>
    <rPh sb="21" eb="23">
      <t>ツウショ</t>
    </rPh>
    <rPh sb="23" eb="24">
      <t>ガタ</t>
    </rPh>
    <phoneticPr fontId="2"/>
  </si>
  <si>
    <t>（別紙14－7）</t>
    <phoneticPr fontId="2"/>
  </si>
  <si>
    <t>連携する定期巡回・随時対応型訪問介護看護事業所</t>
    <rPh sb="0" eb="2">
      <t>レンケイ</t>
    </rPh>
    <rPh sb="4" eb="6">
      <t>テイキ</t>
    </rPh>
    <rPh sb="6" eb="8">
      <t>ジュンカイ</t>
    </rPh>
    <rPh sb="9" eb="11">
      <t>ズイジ</t>
    </rPh>
    <rPh sb="11" eb="14">
      <t>タイオウガタ</t>
    </rPh>
    <rPh sb="14" eb="16">
      <t>ホウモン</t>
    </rPh>
    <rPh sb="16" eb="18">
      <t>カイゴ</t>
    </rPh>
    <rPh sb="18" eb="20">
      <t>カンゴ</t>
    </rPh>
    <rPh sb="20" eb="23">
      <t>ジギョウショ</t>
    </rPh>
    <phoneticPr fontId="2"/>
  </si>
  <si>
    <t>2　訪問看護事業所（病院又は診療所）</t>
  </si>
  <si>
    <t>1　訪問看護事業所（訪問看護ステーション）</t>
    <phoneticPr fontId="2"/>
  </si>
  <si>
    <t xml:space="preserve">   3　施設等の区分</t>
    <phoneticPr fontId="2"/>
  </si>
  <si>
    <t>訪問看護事業所における定期巡回・随時対応型訪問介護看護連携に係る届出書</t>
    <rPh sb="11" eb="13">
      <t>テイキ</t>
    </rPh>
    <rPh sb="13" eb="15">
      <t>ジュンカイ</t>
    </rPh>
    <rPh sb="16" eb="18">
      <t>ズイジ</t>
    </rPh>
    <rPh sb="18" eb="21">
      <t>タイオウガタ</t>
    </rPh>
    <rPh sb="21" eb="23">
      <t>ホウモン</t>
    </rPh>
    <rPh sb="23" eb="25">
      <t>カイゴ</t>
    </rPh>
    <rPh sb="25" eb="27">
      <t>カンゴ</t>
    </rPh>
    <rPh sb="27" eb="29">
      <t>レンケイ</t>
    </rPh>
    <rPh sb="30" eb="31">
      <t>カカ</t>
    </rPh>
    <rPh sb="32" eb="35">
      <t>トドケデショ</t>
    </rPh>
    <phoneticPr fontId="2"/>
  </si>
  <si>
    <t>（別紙15）</t>
    <phoneticPr fontId="2"/>
  </si>
  <si>
    <t>　対する看護の内容等必要な事項が適切に記録される体制を整備している。</t>
    <rPh sb="4" eb="6">
      <t>カンゴ</t>
    </rPh>
    <rPh sb="7" eb="9">
      <t>ナイヨウ</t>
    </rPh>
    <rPh sb="9" eb="10">
      <t>トウ</t>
    </rPh>
    <rPh sb="10" eb="12">
      <t>ヒツヨウ</t>
    </rPh>
    <rPh sb="13" eb="15">
      <t>ジコウ</t>
    </rPh>
    <rPh sb="16" eb="18">
      <t>テキセツ</t>
    </rPh>
    <rPh sb="19" eb="21">
      <t>キロク</t>
    </rPh>
    <rPh sb="24" eb="26">
      <t>タイセイ</t>
    </rPh>
    <rPh sb="27" eb="29">
      <t>セイビ</t>
    </rPh>
    <phoneticPr fontId="2"/>
  </si>
  <si>
    <t>②　ターミナルケアの提供過程における利用者の心身状況の変化及びこれに</t>
    <rPh sb="10" eb="12">
      <t>テイキョウ</t>
    </rPh>
    <rPh sb="12" eb="14">
      <t>カテイ</t>
    </rPh>
    <rPh sb="18" eb="21">
      <t>リヨウシャ</t>
    </rPh>
    <rPh sb="22" eb="24">
      <t>シンシン</t>
    </rPh>
    <rPh sb="24" eb="26">
      <t>ジョウキョウ</t>
    </rPh>
    <rPh sb="27" eb="29">
      <t>ヘンカ</t>
    </rPh>
    <rPh sb="29" eb="30">
      <t>オヨ</t>
    </rPh>
    <phoneticPr fontId="2"/>
  </si>
  <si>
    <t>①　24時間常時連絡できる体制を整備している。</t>
    <phoneticPr fontId="2"/>
  </si>
  <si>
    <t xml:space="preserve"> 5　ターミナルケア体制に係る届出内容</t>
    <rPh sb="10" eb="12">
      <t>タイセイ</t>
    </rPh>
    <rPh sb="15" eb="17">
      <t>トドケデ</t>
    </rPh>
    <phoneticPr fontId="2"/>
  </si>
  <si>
    <t>　連携体制を整備している。</t>
    <phoneticPr fontId="2"/>
  </si>
  <si>
    <t>③　病状の変化、医療器具に係る取扱い等において医療機関等との密接な</t>
    <phoneticPr fontId="2"/>
  </si>
  <si>
    <t>②　当該加算に対応可能な職員体制・勤務体制を整備している。</t>
    <phoneticPr fontId="2"/>
  </si>
  <si>
    <t>4　特別管理加算に係る体制の届出内容</t>
    <rPh sb="11" eb="13">
      <t>タイセイ</t>
    </rPh>
    <rPh sb="14" eb="16">
      <t>トドケデ</t>
    </rPh>
    <phoneticPr fontId="2"/>
  </si>
  <si>
    <t>3　定期巡回・随時対応型訪問介護看護事業所</t>
    <phoneticPr fontId="2"/>
  </si>
  <si>
    <t>2　(介護予防）訪問看護事業所（病院又は診療所）</t>
    <phoneticPr fontId="2"/>
  </si>
  <si>
    <t>1　(介護予防）訪問看護事業所（訪問看護ステーション）</t>
    <phoneticPr fontId="2"/>
  </si>
  <si>
    <t>施設等の区分</t>
    <phoneticPr fontId="2"/>
  </si>
  <si>
    <t>緊急時（介護予防）訪問看護加算・特別管理体制・ターミナルケア体制に係る届出書</t>
    <rPh sb="4" eb="6">
      <t>カイゴ</t>
    </rPh>
    <rPh sb="6" eb="8">
      <t>ヨボウ</t>
    </rPh>
    <rPh sb="30" eb="32">
      <t>タイセイ</t>
    </rPh>
    <rPh sb="33" eb="34">
      <t>カカ</t>
    </rPh>
    <rPh sb="35" eb="38">
      <t>トドケデショ</t>
    </rPh>
    <phoneticPr fontId="2"/>
  </si>
  <si>
    <t>（別紙16）</t>
    <phoneticPr fontId="2"/>
  </si>
  <si>
    <t>　　場合には、２の①の「マニュアル」も添付してください。</t>
    <rPh sb="2" eb="4">
      <t>バアイ</t>
    </rPh>
    <rPh sb="19" eb="21">
      <t>テンプ</t>
    </rPh>
    <phoneticPr fontId="2"/>
  </si>
  <si>
    <t>　　敷いている場合について提出してください。２の看護師等以外の職員が電話連絡の対応を行う</t>
    <rPh sb="24" eb="27">
      <t>カンゴシ</t>
    </rPh>
    <rPh sb="27" eb="28">
      <t>トウ</t>
    </rPh>
    <rPh sb="28" eb="30">
      <t>イガイ</t>
    </rPh>
    <rPh sb="31" eb="33">
      <t>ショクイン</t>
    </rPh>
    <rPh sb="34" eb="36">
      <t>デンワ</t>
    </rPh>
    <rPh sb="36" eb="38">
      <t>レンラク</t>
    </rPh>
    <rPh sb="39" eb="41">
      <t>タイオウ</t>
    </rPh>
    <rPh sb="42" eb="43">
      <t>オコナ</t>
    </rPh>
    <phoneticPr fontId="2"/>
  </si>
  <si>
    <t>備考　緊急時の（介護予防）訪問看護、特別管理、ターミナルケアのそれぞれについて、体制を</t>
    <rPh sb="8" eb="10">
      <t>カイゴ</t>
    </rPh>
    <rPh sb="10" eb="12">
      <t>ヨボウ</t>
    </rPh>
    <phoneticPr fontId="2"/>
  </si>
  <si>
    <t>⑥　電話等による連絡及び相談を担当する者に対する支援体制の確保</t>
    <phoneticPr fontId="2"/>
  </si>
  <si>
    <t>⑤　ICT、AI、IoT等の活用による業務負担軽減</t>
    <rPh sb="12" eb="13">
      <t>トウ</t>
    </rPh>
    <phoneticPr fontId="2"/>
  </si>
  <si>
    <t>④　夜間勤務のニーズを踏まえた勤務体制の工夫</t>
    <phoneticPr fontId="2"/>
  </si>
  <si>
    <t>③　夜間対応後の暦日の休日確保</t>
    <phoneticPr fontId="2"/>
  </si>
  <si>
    <t>②　夜間対応に係る勤務の連続回数が２連続（２回）まで</t>
    <rPh sb="9" eb="11">
      <t>キンム</t>
    </rPh>
    <rPh sb="14" eb="16">
      <t>カイスウ</t>
    </rPh>
    <rPh sb="18" eb="20">
      <t>レンゾク</t>
    </rPh>
    <phoneticPr fontId="2"/>
  </si>
  <si>
    <t>①　夜間対応した翌日の勤務間隔の確保</t>
    <phoneticPr fontId="2"/>
  </si>
  <si>
    <t>※　(介護予防）訪問看護事業所、定期巡回・随時対応型訪問介護看護のみ</t>
    <rPh sb="16" eb="18">
      <t>テイキ</t>
    </rPh>
    <rPh sb="18" eb="20">
      <t>ジュンカイ</t>
    </rPh>
    <rPh sb="21" eb="23">
      <t>ズイジ</t>
    </rPh>
    <rPh sb="23" eb="26">
      <t>タイオウガタ</t>
    </rPh>
    <rPh sb="26" eb="28">
      <t>ホウモン</t>
    </rPh>
    <rPh sb="28" eb="30">
      <t>カイゴ</t>
    </rPh>
    <rPh sb="30" eb="32">
      <t>カンゴ</t>
    </rPh>
    <phoneticPr fontId="2"/>
  </si>
  <si>
    <t>3　緊急時（介護予防）訪問看護加算（Ⅰ）に係る届出内容（①又は②は必須項目）</t>
    <rPh sb="29" eb="30">
      <t>マタ</t>
    </rPh>
    <rPh sb="33" eb="35">
      <t>ヒッス</t>
    </rPh>
    <rPh sb="35" eb="37">
      <t>コウモク</t>
    </rPh>
    <phoneticPr fontId="2"/>
  </si>
  <si>
    <t>⑤　①から④について、利用者及び家族等に説明し、同意を得ること。</t>
    <phoneticPr fontId="2"/>
  </si>
  <si>
    <t xml:space="preserve">    内容等を訪問看護記録書に記録すること。</t>
    <phoneticPr fontId="2"/>
  </si>
  <si>
    <t xml:space="preserve">    又は看護師へ報告すること。報告を受けた保健師又は看護師は、当該報告</t>
    <phoneticPr fontId="2"/>
  </si>
  <si>
    <t>④　看護師等以外の職員は、電話等により連絡及び相談を受けた際に、保
健師</t>
    <phoneticPr fontId="2"/>
  </si>
  <si>
    <t xml:space="preserve">    職員の勤務体制及び勤務状況を明らかにすること。</t>
    <phoneticPr fontId="2"/>
  </si>
  <si>
    <t>③　当該訪問看護ステーションの管理者は、連絡相談を担当する看護師
等以外の</t>
    <phoneticPr fontId="2"/>
  </si>
  <si>
    <t xml:space="preserve">    体制及び緊急の訪問看護が可能な体制が整備されているこ
と。</t>
    <phoneticPr fontId="2"/>
  </si>
  <si>
    <t>②　緊急の訪問看護の必要性の判断を保健師又は看護師が速やかに行え
る連絡</t>
    <phoneticPr fontId="2"/>
  </si>
  <si>
    <t>　 相談に対応する際のマニュアルが整備されていること。</t>
    <phoneticPr fontId="2"/>
  </si>
  <si>
    <t>マニュアル添付</t>
    <rPh sb="5" eb="7">
      <t>テンプ</t>
    </rPh>
    <phoneticPr fontId="2"/>
  </si>
  <si>
    <t>①　看護師等以外の職員が利用者又はその家族等からの電話等による連絡及び</t>
    <phoneticPr fontId="2"/>
  </si>
  <si>
    <t>体制　※ (介護予防）訪問看護事業所のみ</t>
    <rPh sb="0" eb="2">
      <t>タイセイ</t>
    </rPh>
    <phoneticPr fontId="2"/>
  </si>
  <si>
    <t xml:space="preserve"> 2　看護師等以外の職員が利用者又は家族等からの電話連絡を受ける場合に必要な</t>
    <rPh sb="29" eb="30">
      <t>ウ</t>
    </rPh>
    <rPh sb="32" eb="34">
      <t>バアイ</t>
    </rPh>
    <rPh sb="35" eb="37">
      <t>ヒツヨウ</t>
    </rPh>
    <phoneticPr fontId="2"/>
  </si>
  <si>
    <t>（</t>
    <phoneticPr fontId="2"/>
  </si>
  <si>
    <t>③　連絡先電話番号</t>
    <phoneticPr fontId="2"/>
  </si>
  <si>
    <t>②　連絡方法</t>
    <phoneticPr fontId="2"/>
  </si>
  <si>
    <t>人</t>
  </si>
  <si>
    <t>非常勤</t>
  </si>
  <si>
    <t>常勤</t>
  </si>
  <si>
    <t>その他</t>
    <rPh sb="2" eb="3">
      <t>タ</t>
    </rPh>
    <phoneticPr fontId="2"/>
  </si>
  <si>
    <t>事務職員</t>
    <rPh sb="0" eb="2">
      <t>ジム</t>
    </rPh>
    <rPh sb="2" eb="4">
      <t>ショクイン</t>
    </rPh>
    <phoneticPr fontId="2"/>
  </si>
  <si>
    <t>言語聴覚士</t>
    <rPh sb="0" eb="2">
      <t>ゲンゴ</t>
    </rPh>
    <rPh sb="2" eb="5">
      <t>チョウカクシ</t>
    </rPh>
    <phoneticPr fontId="2"/>
  </si>
  <si>
    <t>作業療法士</t>
    <rPh sb="0" eb="2">
      <t>サギョウ</t>
    </rPh>
    <rPh sb="2" eb="5">
      <t>リョウホウシ</t>
    </rPh>
    <phoneticPr fontId="2"/>
  </si>
  <si>
    <t>理学療法士</t>
    <rPh sb="0" eb="2">
      <t>リガク</t>
    </rPh>
    <rPh sb="2" eb="5">
      <t>リョウホウシ</t>
    </rPh>
    <phoneticPr fontId="2"/>
  </si>
  <si>
    <t>　保健師、看護師以外の職員</t>
    <rPh sb="1" eb="4">
      <t>ホケンシ</t>
    </rPh>
    <rPh sb="5" eb="8">
      <t>カンゴシ</t>
    </rPh>
    <rPh sb="8" eb="10">
      <t>イガイ</t>
    </rPh>
    <rPh sb="11" eb="13">
      <t>ショクイン</t>
    </rPh>
    <phoneticPr fontId="2"/>
  </si>
  <si>
    <t>・</t>
  </si>
  <si>
    <t>保健師、看護師以外の職員が利用者又はその家族等からの電話等に対応する体制となっているか。「有」にチェックを入れた場合、下記の欄に保健師、看護師以外の職員について記載すること。　※緊急時（介護予防）訪問看護加算のみ　</t>
    <rPh sb="22" eb="23">
      <t>ナド</t>
    </rPh>
    <rPh sb="28" eb="29">
      <t>ナド</t>
    </rPh>
    <rPh sb="34" eb="36">
      <t>タイセイ</t>
    </rPh>
    <rPh sb="64" eb="66">
      <t>ホケン</t>
    </rPh>
    <rPh sb="66" eb="67">
      <t>シ</t>
    </rPh>
    <rPh sb="68" eb="71">
      <t>カンゴシ</t>
    </rPh>
    <rPh sb="71" eb="73">
      <t>イガイ</t>
    </rPh>
    <rPh sb="74" eb="76">
      <t>ショクイン</t>
    </rPh>
    <rPh sb="80" eb="82">
      <t>キサイ</t>
    </rPh>
    <phoneticPr fontId="2"/>
  </si>
  <si>
    <t>看護師</t>
  </si>
  <si>
    <t>保健師</t>
  </si>
  <si>
    <t>　）人</t>
    <rPh sb="2" eb="3">
      <t>ニン</t>
    </rPh>
    <phoneticPr fontId="2"/>
  </si>
  <si>
    <t>①　連絡相談を担当する職員 （</t>
    <phoneticPr fontId="2"/>
  </si>
  <si>
    <t xml:space="preserve"> 1　緊急時（介護予防）訪問看護加算又は緊急時対応加算に係る届出内容</t>
    <rPh sb="18" eb="19">
      <t>マタ</t>
    </rPh>
    <rPh sb="20" eb="23">
      <t>キンキュウジ</t>
    </rPh>
    <rPh sb="23" eb="25">
      <t>タイオウ</t>
    </rPh>
    <rPh sb="25" eb="27">
      <t>カサン</t>
    </rPh>
    <phoneticPr fontId="2"/>
  </si>
  <si>
    <t>4　ターミナルケア体制</t>
    <phoneticPr fontId="2"/>
  </si>
  <si>
    <t>3　特別管理加算に係る体制</t>
    <phoneticPr fontId="2"/>
  </si>
  <si>
    <t>2　緊急時対応加算</t>
    <rPh sb="2" eb="5">
      <t>キンキュウジ</t>
    </rPh>
    <rPh sb="5" eb="7">
      <t>タイオウ</t>
    </rPh>
    <rPh sb="7" eb="9">
      <t>カサン</t>
    </rPh>
    <phoneticPr fontId="2"/>
  </si>
  <si>
    <t>1　緊急時（介護予防）訪問看護加算</t>
    <phoneticPr fontId="2"/>
  </si>
  <si>
    <t>4　看護小規模多機能型居宅介護事業所</t>
    <phoneticPr fontId="2"/>
  </si>
  <si>
    <t>緊急時（介護予防）訪問看護加算・緊急時対応加算・特別管理体制・ターミナルケア体制に係る届出書</t>
    <rPh sb="4" eb="6">
      <t>カイゴ</t>
    </rPh>
    <rPh sb="6" eb="8">
      <t>ヨボウ</t>
    </rPh>
    <rPh sb="16" eb="19">
      <t>キンキュウジ</t>
    </rPh>
    <rPh sb="19" eb="21">
      <t>タイオウ</t>
    </rPh>
    <rPh sb="21" eb="23">
      <t>カサン</t>
    </rPh>
    <rPh sb="38" eb="40">
      <t>タイセイ</t>
    </rPh>
    <rPh sb="41" eb="42">
      <t>カカ</t>
    </rPh>
    <rPh sb="43" eb="46">
      <t>トドケデショ</t>
    </rPh>
    <phoneticPr fontId="2"/>
  </si>
  <si>
    <t>実施主体、修了日及び修了者の氏名等を記載した一覧でも可）を添付すること。</t>
    <rPh sb="10" eb="12">
      <t>シュウリョウ</t>
    </rPh>
    <rPh sb="12" eb="13">
      <t>ヒ</t>
    </rPh>
    <rPh sb="13" eb="14">
      <t>オヨ</t>
    </rPh>
    <rPh sb="15" eb="18">
      <t>シュウリョウシャ</t>
    </rPh>
    <rPh sb="19" eb="21">
      <t>シメイ</t>
    </rPh>
    <rPh sb="21" eb="22">
      <t>トウ</t>
    </rPh>
    <rPh sb="23" eb="25">
      <t>キサイ</t>
    </rPh>
    <rPh sb="27" eb="29">
      <t>イチラン</t>
    </rPh>
    <rPh sb="31" eb="32">
      <t>カ</t>
    </rPh>
    <rPh sb="34" eb="36">
      <t>テンプ</t>
    </rPh>
    <phoneticPr fontId="2"/>
  </si>
  <si>
    <t>　　敷いている場合について提出してください。</t>
    <phoneticPr fontId="2"/>
  </si>
  <si>
    <t>備考　１、２、３又は４の専門の研修を修了したことが確認できる文書（当該研修の名称、</t>
    <phoneticPr fontId="2"/>
  </si>
  <si>
    <t>氏名</t>
    <rPh sb="0" eb="2">
      <t>シメイ</t>
    </rPh>
    <phoneticPr fontId="2"/>
  </si>
  <si>
    <t>4　特定行為研修</t>
    <rPh sb="2" eb="4">
      <t>トクテイ</t>
    </rPh>
    <rPh sb="4" eb="6">
      <t>コウイ</t>
    </rPh>
    <rPh sb="6" eb="8">
      <t>ケンシュウ</t>
    </rPh>
    <phoneticPr fontId="2"/>
  </si>
  <si>
    <t>3　人工肛門ケア及び人工膀胱ケアに関する専門研修</t>
    <rPh sb="2" eb="4">
      <t>ジンコウ</t>
    </rPh>
    <rPh sb="4" eb="6">
      <t>コウモン</t>
    </rPh>
    <rPh sb="8" eb="9">
      <t>オヨ</t>
    </rPh>
    <rPh sb="10" eb="12">
      <t>ジンコウ</t>
    </rPh>
    <rPh sb="12" eb="14">
      <t>ボウコウ</t>
    </rPh>
    <rPh sb="17" eb="18">
      <t>カン</t>
    </rPh>
    <rPh sb="20" eb="22">
      <t>センモン</t>
    </rPh>
    <rPh sb="22" eb="24">
      <t>ケンシュウ</t>
    </rPh>
    <phoneticPr fontId="2"/>
  </si>
  <si>
    <t>2　褥瘡ケアに関する専門研修</t>
    <rPh sb="2" eb="4">
      <t>ジョクソウ</t>
    </rPh>
    <rPh sb="7" eb="8">
      <t>カン</t>
    </rPh>
    <rPh sb="10" eb="12">
      <t>センモン</t>
    </rPh>
    <rPh sb="12" eb="14">
      <t>ケンシュウ</t>
    </rPh>
    <phoneticPr fontId="2"/>
  </si>
  <si>
    <t>1　緩和ケアに関する専門研修</t>
    <rPh sb="2" eb="4">
      <t>カンワ</t>
    </rPh>
    <rPh sb="7" eb="8">
      <t>カン</t>
    </rPh>
    <rPh sb="10" eb="12">
      <t>センモン</t>
    </rPh>
    <rPh sb="12" eb="14">
      <t>ケンシュウ</t>
    </rPh>
    <phoneticPr fontId="2"/>
  </si>
  <si>
    <t>専門管理加算に係る届出内容</t>
    <rPh sb="0" eb="2">
      <t>センモン</t>
    </rPh>
    <rPh sb="2" eb="4">
      <t>カンリ</t>
    </rPh>
    <rPh sb="4" eb="6">
      <t>カサン</t>
    </rPh>
    <phoneticPr fontId="2"/>
  </si>
  <si>
    <t>4　特定行為</t>
    <rPh sb="2" eb="4">
      <t>トクテイ</t>
    </rPh>
    <rPh sb="4" eb="6">
      <t>コウイ</t>
    </rPh>
    <phoneticPr fontId="2"/>
  </si>
  <si>
    <t>3　人工肛門ケア及び人工膀胱ケア</t>
    <rPh sb="2" eb="4">
      <t>ジンコウ</t>
    </rPh>
    <rPh sb="4" eb="6">
      <t>コウモン</t>
    </rPh>
    <rPh sb="8" eb="9">
      <t>オヨ</t>
    </rPh>
    <rPh sb="10" eb="12">
      <t>ジンコウ</t>
    </rPh>
    <rPh sb="12" eb="14">
      <t>ボウコウ</t>
    </rPh>
    <phoneticPr fontId="2"/>
  </si>
  <si>
    <t>2　褥瘡ケア</t>
    <rPh sb="2" eb="4">
      <t>ジョクソウ</t>
    </rPh>
    <phoneticPr fontId="2"/>
  </si>
  <si>
    <t>1　緩和ケア</t>
    <rPh sb="2" eb="4">
      <t>カンワ</t>
    </rPh>
    <phoneticPr fontId="2"/>
  </si>
  <si>
    <t>届 出 事 項</t>
    <rPh sb="4" eb="5">
      <t>コト</t>
    </rPh>
    <rPh sb="6" eb="7">
      <t>コウ</t>
    </rPh>
    <phoneticPr fontId="2"/>
  </si>
  <si>
    <t>3　看護小規模多機能型居宅介護事業所</t>
    <phoneticPr fontId="2"/>
  </si>
  <si>
    <t>専門管理加算に係る届出書</t>
    <rPh sb="0" eb="2">
      <t>センモン</t>
    </rPh>
    <rPh sb="2" eb="4">
      <t>カンリ</t>
    </rPh>
    <rPh sb="4" eb="6">
      <t>カサン</t>
    </rPh>
    <rPh sb="7" eb="8">
      <t>カカ</t>
    </rPh>
    <rPh sb="9" eb="12">
      <t>トドケデショ</t>
    </rPh>
    <phoneticPr fontId="2"/>
  </si>
  <si>
    <t>（別紙17）</t>
    <phoneticPr fontId="2"/>
  </si>
  <si>
    <t>氏名等を記載した一覧でも可）を添付すること。</t>
    <rPh sb="4" eb="6">
      <t>キサイ</t>
    </rPh>
    <rPh sb="8" eb="10">
      <t>イチラン</t>
    </rPh>
    <rPh sb="12" eb="13">
      <t>カ</t>
    </rPh>
    <rPh sb="15" eb="17">
      <t>テンプ</t>
    </rPh>
    <phoneticPr fontId="2"/>
  </si>
  <si>
    <t>備考　研修を修了したことが確認できる文書（当該研修の名称、実施主体、修了日及び修了者の</t>
    <phoneticPr fontId="2"/>
  </si>
  <si>
    <t>情報通信機器を用いた在宅での看取りに係る研修を受けた看護師</t>
    <rPh sb="0" eb="2">
      <t>ジョウホウ</t>
    </rPh>
    <rPh sb="2" eb="4">
      <t>ツウシン</t>
    </rPh>
    <rPh sb="4" eb="6">
      <t>キキ</t>
    </rPh>
    <rPh sb="7" eb="8">
      <t>モチ</t>
    </rPh>
    <rPh sb="10" eb="12">
      <t>ザイタク</t>
    </rPh>
    <rPh sb="14" eb="16">
      <t>ミト</t>
    </rPh>
    <rPh sb="18" eb="19">
      <t>カカ</t>
    </rPh>
    <rPh sb="20" eb="22">
      <t>ケンシュウ</t>
    </rPh>
    <rPh sb="23" eb="24">
      <t>ウ</t>
    </rPh>
    <rPh sb="26" eb="29">
      <t>カンゴシ</t>
    </rPh>
    <phoneticPr fontId="2"/>
  </si>
  <si>
    <t>遠隔死亡診断補助加算に係る届出内容</t>
    <rPh sb="0" eb="2">
      <t>エンカク</t>
    </rPh>
    <rPh sb="2" eb="4">
      <t>シボウ</t>
    </rPh>
    <rPh sb="4" eb="6">
      <t>シンダン</t>
    </rPh>
    <rPh sb="6" eb="8">
      <t>ホジョ</t>
    </rPh>
    <rPh sb="8" eb="10">
      <t>カサン</t>
    </rPh>
    <phoneticPr fontId="2"/>
  </si>
  <si>
    <t>遠隔死亡診断補助加算</t>
    <rPh sb="0" eb="2">
      <t>エンカク</t>
    </rPh>
    <rPh sb="2" eb="4">
      <t>シボウ</t>
    </rPh>
    <rPh sb="4" eb="6">
      <t>シンダン</t>
    </rPh>
    <rPh sb="6" eb="8">
      <t>ホジョ</t>
    </rPh>
    <rPh sb="8" eb="10">
      <t>カサン</t>
    </rPh>
    <phoneticPr fontId="2"/>
  </si>
  <si>
    <t>届 出 項 目</t>
    <rPh sb="0" eb="1">
      <t>トドケ</t>
    </rPh>
    <rPh sb="2" eb="3">
      <t>デ</t>
    </rPh>
    <rPh sb="4" eb="5">
      <t>コウ</t>
    </rPh>
    <rPh sb="6" eb="7">
      <t>メ</t>
    </rPh>
    <phoneticPr fontId="2"/>
  </si>
  <si>
    <t>遠隔死亡診断補助加算に係る届出書</t>
    <rPh sb="0" eb="2">
      <t>エンカク</t>
    </rPh>
    <rPh sb="2" eb="4">
      <t>シボウ</t>
    </rPh>
    <rPh sb="4" eb="6">
      <t>シンダン</t>
    </rPh>
    <rPh sb="6" eb="8">
      <t>ホジョ</t>
    </rPh>
    <rPh sb="8" eb="10">
      <t>カサン</t>
    </rPh>
    <rPh sb="11" eb="12">
      <t>カカ</t>
    </rPh>
    <rPh sb="13" eb="16">
      <t>トドケデショ</t>
    </rPh>
    <phoneticPr fontId="2"/>
  </si>
  <si>
    <t>（別紙18）</t>
    <phoneticPr fontId="2"/>
  </si>
  <si>
    <t>備考　看護体制強化加算に係る体制を敷いている場合について提出してください。</t>
    <phoneticPr fontId="2"/>
  </si>
  <si>
    <t>①に占める②の割合が
６０％以上</t>
    <rPh sb="2" eb="3">
      <t>シ</t>
    </rPh>
    <rPh sb="7" eb="8">
      <t>ワリ</t>
    </rPh>
    <rPh sb="8" eb="9">
      <t>ゴウ</t>
    </rPh>
    <rPh sb="14" eb="16">
      <t>イジョウ</t>
    </rPh>
    <phoneticPr fontId="2"/>
  </si>
  <si>
    <t>①のうち看護職員の人数
（常勤換算法）</t>
    <rPh sb="4" eb="6">
      <t>カンゴ</t>
    </rPh>
    <rPh sb="6" eb="8">
      <t>ショクイン</t>
    </rPh>
    <rPh sb="9" eb="10">
      <t>ニン</t>
    </rPh>
    <rPh sb="10" eb="11">
      <t>スウ</t>
    </rPh>
    <rPh sb="13" eb="15">
      <t>ジョウキン</t>
    </rPh>
    <rPh sb="15" eb="17">
      <t>カンサン</t>
    </rPh>
    <rPh sb="17" eb="18">
      <t>ホウ</t>
    </rPh>
    <phoneticPr fontId="2"/>
  </si>
  <si>
    <t>指定訪問看護を提供する従業員数
（常勤換算法）</t>
    <rPh sb="0" eb="2">
      <t>シテイ</t>
    </rPh>
    <rPh sb="2" eb="4">
      <t>ホウモン</t>
    </rPh>
    <rPh sb="4" eb="6">
      <t>カンゴ</t>
    </rPh>
    <rPh sb="7" eb="9">
      <t>テイキョウ</t>
    </rPh>
    <rPh sb="11" eb="14">
      <t>ジュウギョウイン</t>
    </rPh>
    <rPh sb="14" eb="15">
      <t>スウ</t>
    </rPh>
    <rPh sb="17" eb="19">
      <t>ジョウキン</t>
    </rPh>
    <rPh sb="19" eb="21">
      <t>カンサン</t>
    </rPh>
    <rPh sb="21" eb="22">
      <t>ホウ</t>
    </rPh>
    <phoneticPr fontId="2"/>
  </si>
  <si>
    <t>３　看護職員の
      割合</t>
    <rPh sb="2" eb="4">
      <t>カンゴ</t>
    </rPh>
    <rPh sb="4" eb="6">
      <t>ショクイン</t>
    </rPh>
    <rPh sb="14" eb="16">
      <t>ワリアイ</t>
    </rPh>
    <phoneticPr fontId="2"/>
  </si>
  <si>
    <t>①に占める②の割合が
２０％以上</t>
    <rPh sb="2" eb="3">
      <t>シ</t>
    </rPh>
    <rPh sb="7" eb="8">
      <t>ワリ</t>
    </rPh>
    <rPh sb="8" eb="9">
      <t>ゴウ</t>
    </rPh>
    <rPh sb="14" eb="16">
      <t>イジョウ</t>
    </rPh>
    <phoneticPr fontId="2"/>
  </si>
  <si>
    <t>①のうち特別管理加算(Ⅰ)又は(Ⅱ)を算定した実利用者数</t>
    <phoneticPr fontId="2"/>
  </si>
  <si>
    <t>前６か月間の実利用者の総数</t>
    <phoneticPr fontId="2"/>
  </si>
  <si>
    <t>２　特別管理
      加算の
      算定状況</t>
    <rPh sb="2" eb="4">
      <t>トクベツ</t>
    </rPh>
    <rPh sb="4" eb="6">
      <t>カンリ</t>
    </rPh>
    <rPh sb="13" eb="14">
      <t>カ</t>
    </rPh>
    <rPh sb="14" eb="15">
      <t>サン</t>
    </rPh>
    <rPh sb="23" eb="25">
      <t>サンテイ</t>
    </rPh>
    <rPh sb="25" eb="27">
      <t>ジョウキョウ</t>
    </rPh>
    <phoneticPr fontId="2"/>
  </si>
  <si>
    <t>①に占める②の割合が
５０％以上</t>
    <rPh sb="2" eb="3">
      <t>シ</t>
    </rPh>
    <rPh sb="7" eb="8">
      <t>ワリ</t>
    </rPh>
    <rPh sb="8" eb="9">
      <t>ゴウ</t>
    </rPh>
    <rPh sb="14" eb="16">
      <t>イジョウ</t>
    </rPh>
    <phoneticPr fontId="2"/>
  </si>
  <si>
    <t>①のうち緊急時介護予防訪問看護加算を算定した実利用者数</t>
    <phoneticPr fontId="2"/>
  </si>
  <si>
    <t>１　緊急時介護
      予防訪問
      看護加算の
      算定状況</t>
    <rPh sb="2" eb="5">
      <t>キンキュウジ</t>
    </rPh>
    <rPh sb="5" eb="7">
      <t>カイゴ</t>
    </rPh>
    <rPh sb="14" eb="16">
      <t>ヨボウ</t>
    </rPh>
    <rPh sb="16" eb="18">
      <t>ホウモン</t>
    </rPh>
    <rPh sb="25" eb="27">
      <t>カンゴ</t>
    </rPh>
    <rPh sb="27" eb="29">
      <t>カサン</t>
    </rPh>
    <rPh sb="37" eb="39">
      <t>サンテイ</t>
    </rPh>
    <rPh sb="39" eb="41">
      <t>ジョウキョウ</t>
    </rPh>
    <phoneticPr fontId="2"/>
  </si>
  <si>
    <t>１  看護体制強化加算</t>
    <phoneticPr fontId="2"/>
  </si>
  <si>
    <t>○　介護予防訪問看護事業所</t>
    <phoneticPr fontId="2"/>
  </si>
  <si>
    <t>４　看護職員の
      割合</t>
    <rPh sb="2" eb="4">
      <t>カンゴ</t>
    </rPh>
    <rPh sb="4" eb="6">
      <t>ショクイン</t>
    </rPh>
    <rPh sb="14" eb="16">
      <t>ワリアイ</t>
    </rPh>
    <phoneticPr fontId="2"/>
  </si>
  <si>
    <t>5人以上</t>
    <rPh sb="1" eb="4">
      <t>ニンイジョウ</t>
    </rPh>
    <phoneticPr fontId="2"/>
  </si>
  <si>
    <t>1人以上</t>
    <rPh sb="1" eb="4">
      <t>ニンイジョウ</t>
    </rPh>
    <phoneticPr fontId="2"/>
  </si>
  <si>
    <t>前１２か月間のターミナルケア加算の算定人数</t>
    <phoneticPr fontId="2"/>
  </si>
  <si>
    <t>３　ターミナル
      ケア加算の
      算定状況</t>
    <rPh sb="16" eb="18">
      <t>カサン</t>
    </rPh>
    <rPh sb="26" eb="28">
      <t>サンテイ</t>
    </rPh>
    <rPh sb="28" eb="30">
      <t>ジョウキョウ</t>
    </rPh>
    <phoneticPr fontId="2"/>
  </si>
  <si>
    <t>２　特別管理
      加算の算定
      状況</t>
    <phoneticPr fontId="2"/>
  </si>
  <si>
    <t>①のうち緊急時訪問看護加算を算定した実利用者数</t>
    <phoneticPr fontId="2"/>
  </si>
  <si>
    <t>１　緊急時訪問
      看護加算の
      算定状況</t>
    <rPh sb="2" eb="5">
      <t>キンキュウジ</t>
    </rPh>
    <rPh sb="5" eb="7">
      <t>ホウモン</t>
    </rPh>
    <rPh sb="14" eb="16">
      <t>カンゴ</t>
    </rPh>
    <rPh sb="16" eb="18">
      <t>カサン</t>
    </rPh>
    <rPh sb="26" eb="28">
      <t>サンテイ</t>
    </rPh>
    <rPh sb="28" eb="30">
      <t>ジョウキョウ</t>
    </rPh>
    <phoneticPr fontId="2"/>
  </si>
  <si>
    <t>２  看護体制強化加算（Ⅱ）　</t>
    <phoneticPr fontId="2"/>
  </si>
  <si>
    <t>１  看護体制強化加算（Ⅰ）</t>
    <phoneticPr fontId="2"/>
  </si>
  <si>
    <t>○　訪問看護事業所</t>
    <phoneticPr fontId="2"/>
  </si>
  <si>
    <t>看護体制強化加算に係る届出書（(介護予防)訪問看護事業所）</t>
    <rPh sb="16" eb="18">
      <t>カイゴ</t>
    </rPh>
    <rPh sb="18" eb="20">
      <t>ヨボウ</t>
    </rPh>
    <phoneticPr fontId="2"/>
  </si>
  <si>
    <t>（別紙19）</t>
    <phoneticPr fontId="2"/>
  </si>
  <si>
    <t>　※　各要件を満たす場合については、それぞれ根拠となる（要件を満たすことがわかる）書類も提出してく
　   ださい。</t>
    <phoneticPr fontId="2"/>
  </si>
  <si>
    <t>評価対象期間に当該事業所の提供する指定訪問リハビリテーションの利用を終了した者の数（入院、入所、死亡を含む。）</t>
    <rPh sb="0" eb="2">
      <t>ヒョウカ</t>
    </rPh>
    <rPh sb="2" eb="4">
      <t>タイショウ</t>
    </rPh>
    <rPh sb="4" eb="6">
      <t>キカン</t>
    </rPh>
    <rPh sb="7" eb="9">
      <t>トウガイ</t>
    </rPh>
    <rPh sb="9" eb="12">
      <t>ジギョウショ</t>
    </rPh>
    <rPh sb="13" eb="15">
      <t>テイキョウ</t>
    </rPh>
    <rPh sb="17" eb="19">
      <t>シテイ</t>
    </rPh>
    <rPh sb="19" eb="21">
      <t>ホウモン</t>
    </rPh>
    <rPh sb="31" eb="33">
      <t>リヨウ</t>
    </rPh>
    <rPh sb="34" eb="36">
      <t>シュウリョウ</t>
    </rPh>
    <rPh sb="38" eb="39">
      <t>モノ</t>
    </rPh>
    <rPh sb="40" eb="41">
      <t>カズ</t>
    </rPh>
    <rPh sb="42" eb="44">
      <t>ニュウイン</t>
    </rPh>
    <phoneticPr fontId="2"/>
  </si>
  <si>
    <t>注２：</t>
    <phoneticPr fontId="2"/>
  </si>
  <si>
    <t>「指定通所介護等を実施」とは、指定通所介護、指定（介護予防）通所リハビリテーション、指定地域密着型通所介護、指定（介護予防）認知症対応型通所介護、指定（介護予防）小規模多機能型居宅介護、指定看護小規模多機能型居宅介護、第１号通所事業の利用、その他社会参加に資する取組、及び自宅において役割を持って生活している場合を含み、サービス提供の終了の事由が医療機関への入院、介護保険施設への入所、指定訪問リハビリテーション、指定認知症対応型共同生活介護等への移行である場合を含めない。</t>
    <rPh sb="1" eb="3">
      <t>シテイ</t>
    </rPh>
    <rPh sb="3" eb="5">
      <t>ツウショ</t>
    </rPh>
    <rPh sb="5" eb="8">
      <t>カイゴナド</t>
    </rPh>
    <rPh sb="9" eb="11">
      <t>ジッシ</t>
    </rPh>
    <rPh sb="25" eb="27">
      <t>カイゴ</t>
    </rPh>
    <rPh sb="27" eb="29">
      <t>ヨボウ</t>
    </rPh>
    <rPh sb="42" eb="44">
      <t>シテイ</t>
    </rPh>
    <rPh sb="44" eb="46">
      <t>チイキ</t>
    </rPh>
    <rPh sb="46" eb="48">
      <t>ミッチャク</t>
    </rPh>
    <rPh sb="48" eb="49">
      <t>ガタ</t>
    </rPh>
    <rPh sb="49" eb="51">
      <t>ツウショ</t>
    </rPh>
    <rPh sb="51" eb="53">
      <t>カイゴ</t>
    </rPh>
    <rPh sb="57" eb="59">
      <t>カイゴ</t>
    </rPh>
    <rPh sb="59" eb="61">
      <t>ヨボウ</t>
    </rPh>
    <rPh sb="73" eb="75">
      <t>シテイ</t>
    </rPh>
    <rPh sb="76" eb="78">
      <t>カイゴ</t>
    </rPh>
    <rPh sb="78" eb="80">
      <t>ヨボウ</t>
    </rPh>
    <rPh sb="81" eb="92">
      <t>ショウキボタキノウガタキョタクカイゴ</t>
    </rPh>
    <rPh sb="93" eb="95">
      <t>シテイ</t>
    </rPh>
    <rPh sb="95" eb="97">
      <t>カンゴ</t>
    </rPh>
    <rPh sb="97" eb="108">
      <t>ショウキボタキノウガタキョタクカイゴ</t>
    </rPh>
    <rPh sb="109" eb="110">
      <t>ダイ</t>
    </rPh>
    <rPh sb="111" eb="112">
      <t>ゴウ</t>
    </rPh>
    <rPh sb="112" eb="114">
      <t>ツウショ</t>
    </rPh>
    <rPh sb="114" eb="116">
      <t>ジギョウ</t>
    </rPh>
    <rPh sb="122" eb="123">
      <t>タ</t>
    </rPh>
    <rPh sb="123" eb="125">
      <t>シャカイ</t>
    </rPh>
    <rPh sb="125" eb="127">
      <t>サンカ</t>
    </rPh>
    <rPh sb="128" eb="129">
      <t>シ</t>
    </rPh>
    <rPh sb="131" eb="133">
      <t>トリクミ</t>
    </rPh>
    <rPh sb="173" eb="175">
      <t>イリョウ</t>
    </rPh>
    <rPh sb="175" eb="177">
      <t>キカン</t>
    </rPh>
    <rPh sb="224" eb="226">
      <t>イコウ</t>
    </rPh>
    <rPh sb="229" eb="231">
      <t>バアイ</t>
    </rPh>
    <phoneticPr fontId="2"/>
  </si>
  <si>
    <t>注１：</t>
    <phoneticPr fontId="2"/>
  </si>
  <si>
    <t>２５％以上</t>
    <rPh sb="3" eb="5">
      <t>イジョウ</t>
    </rPh>
    <phoneticPr fontId="2"/>
  </si>
  <si>
    <t>12×（②＋③）÷２÷①</t>
    <phoneticPr fontId="2"/>
  </si>
  <si>
    <t>評価対象期間の新規終了者数（注２）</t>
    <phoneticPr fontId="2"/>
  </si>
  <si>
    <t>評価対象期間の新規利用者数</t>
    <phoneticPr fontId="2"/>
  </si>
  <si>
    <t>月</t>
    <rPh sb="0" eb="1">
      <t>ツキ</t>
    </rPh>
    <phoneticPr fontId="2"/>
  </si>
  <si>
    <t>評価対象期間の利用者延月数</t>
    <phoneticPr fontId="2"/>
  </si>
  <si>
    <t>②　事業所の利用状況</t>
    <phoneticPr fontId="2"/>
  </si>
  <si>
    <t>５％超</t>
    <rPh sb="2" eb="3">
      <t>チョウ</t>
    </rPh>
    <phoneticPr fontId="2"/>
  </si>
  <si>
    <t>①に占める②の割合</t>
    <phoneticPr fontId="2"/>
  </si>
  <si>
    <t>①のうち、指定通所介護等を実施した者の数（注１）</t>
    <rPh sb="5" eb="7">
      <t>シテイ</t>
    </rPh>
    <rPh sb="7" eb="9">
      <t>ツウショ</t>
    </rPh>
    <rPh sb="9" eb="12">
      <t>カイゴナド</t>
    </rPh>
    <rPh sb="13" eb="15">
      <t>ジッシ</t>
    </rPh>
    <phoneticPr fontId="2"/>
  </si>
  <si>
    <t>評価対象期間の訪問リハビリテーション終了者数</t>
    <phoneticPr fontId="2"/>
  </si>
  <si>
    <t>①　終了者数の状況</t>
    <phoneticPr fontId="2"/>
  </si>
  <si>
    <t>1　移行支援加算</t>
    <phoneticPr fontId="2"/>
  </si>
  <si>
    <t>3　届 出 項 目</t>
    <rPh sb="2" eb="3">
      <t>トドケ</t>
    </rPh>
    <rPh sb="4" eb="5">
      <t>デ</t>
    </rPh>
    <rPh sb="6" eb="7">
      <t>コウ</t>
    </rPh>
    <rPh sb="8" eb="9">
      <t>モク</t>
    </rPh>
    <phoneticPr fontId="2"/>
  </si>
  <si>
    <t>訪問リハビリテーション事業所における移行支援加算に係る届出書</t>
    <rPh sb="18" eb="20">
      <t>イコウ</t>
    </rPh>
    <rPh sb="29" eb="30">
      <t>ショ</t>
    </rPh>
    <phoneticPr fontId="2"/>
  </si>
  <si>
    <t>（別紙20）</t>
    <phoneticPr fontId="2"/>
  </si>
  <si>
    <t>当該生活相談員が、地域に貢献する活動を行っている。</t>
    <rPh sb="0" eb="2">
      <t>トウガイ</t>
    </rPh>
    <rPh sb="2" eb="4">
      <t>セイカツ</t>
    </rPh>
    <rPh sb="4" eb="7">
      <t>ソウダンイン</t>
    </rPh>
    <rPh sb="9" eb="11">
      <t>チイキ</t>
    </rPh>
    <rPh sb="12" eb="14">
      <t>コウケン</t>
    </rPh>
    <rPh sb="16" eb="18">
      <t>カツドウ</t>
    </rPh>
    <rPh sb="19" eb="20">
      <t>オコナ</t>
    </rPh>
    <phoneticPr fontId="2"/>
  </si>
  <si>
    <t>生活相談員を、常勤換算方法で１名以上配置している。</t>
    <rPh sb="0" eb="2">
      <t>セイカツ</t>
    </rPh>
    <rPh sb="2" eb="5">
      <t>ソウダンイン</t>
    </rPh>
    <rPh sb="7" eb="9">
      <t>ジョウキン</t>
    </rPh>
    <rPh sb="9" eb="11">
      <t>カンサン</t>
    </rPh>
    <rPh sb="11" eb="13">
      <t>ホウホウ</t>
    </rPh>
    <rPh sb="15" eb="16">
      <t>メイ</t>
    </rPh>
    <rPh sb="16" eb="18">
      <t>イジョウ</t>
    </rPh>
    <rPh sb="18" eb="20">
      <t>ハイチ</t>
    </rPh>
    <phoneticPr fontId="2"/>
  </si>
  <si>
    <t>共生型短期入所生活介護費を算定している。</t>
    <rPh sb="3" eb="5">
      <t>タンキ</t>
    </rPh>
    <rPh sb="5" eb="7">
      <t>ニュウショ</t>
    </rPh>
    <rPh sb="7" eb="9">
      <t>セイカツ</t>
    </rPh>
    <rPh sb="11" eb="12">
      <t>ヒ</t>
    </rPh>
    <rPh sb="13" eb="15">
      <t>サンテイ</t>
    </rPh>
    <phoneticPr fontId="2"/>
  </si>
  <si>
    <t>(介護予防)
短期入所
生活介護</t>
    <rPh sb="1" eb="3">
      <t>カイゴ</t>
    </rPh>
    <rPh sb="3" eb="5">
      <t>ヨボウ</t>
    </rPh>
    <rPh sb="7" eb="9">
      <t>タンキ</t>
    </rPh>
    <rPh sb="9" eb="11">
      <t>ニュウショ</t>
    </rPh>
    <rPh sb="12" eb="14">
      <t>セイカツ</t>
    </rPh>
    <rPh sb="14" eb="16">
      <t>カイゴ</t>
    </rPh>
    <phoneticPr fontId="2"/>
  </si>
  <si>
    <t>生活相談員を、共生型地域密着型通所介護の提供日ごとに、当該共生型地域密着型通所介護を行う時間帯を通じて１名以上配置している。</t>
    <rPh sb="0" eb="2">
      <t>セイカツ</t>
    </rPh>
    <rPh sb="2" eb="5">
      <t>ソウダンイン</t>
    </rPh>
    <rPh sb="7" eb="10">
      <t>キョウセイガタ</t>
    </rPh>
    <rPh sb="10" eb="15">
      <t>チイキミッチャクガタ</t>
    </rPh>
    <rPh sb="15" eb="17">
      <t>ツウショ</t>
    </rPh>
    <rPh sb="17" eb="19">
      <t>カイゴ</t>
    </rPh>
    <rPh sb="20" eb="22">
      <t>テイキョウ</t>
    </rPh>
    <rPh sb="22" eb="23">
      <t>ビ</t>
    </rPh>
    <rPh sb="27" eb="29">
      <t>トウガイ</t>
    </rPh>
    <rPh sb="29" eb="32">
      <t>キョウセイガタ</t>
    </rPh>
    <rPh sb="32" eb="37">
      <t>チイキミッチャクガタ</t>
    </rPh>
    <rPh sb="37" eb="39">
      <t>ツウショ</t>
    </rPh>
    <rPh sb="39" eb="41">
      <t>カイゴ</t>
    </rPh>
    <rPh sb="42" eb="43">
      <t>オコナ</t>
    </rPh>
    <rPh sb="44" eb="47">
      <t>ジカンタイ</t>
    </rPh>
    <rPh sb="48" eb="49">
      <t>ツウ</t>
    </rPh>
    <rPh sb="52" eb="55">
      <t>メイイジョウ</t>
    </rPh>
    <rPh sb="55" eb="57">
      <t>ハイチ</t>
    </rPh>
    <phoneticPr fontId="2"/>
  </si>
  <si>
    <t>共生型地域密着型通所介護費を算定している。</t>
    <rPh sb="3" eb="8">
      <t>チイキミッチャクガタ</t>
    </rPh>
    <rPh sb="12" eb="13">
      <t>ヒ</t>
    </rPh>
    <rPh sb="14" eb="16">
      <t>サンテイ</t>
    </rPh>
    <phoneticPr fontId="2"/>
  </si>
  <si>
    <t>地域密着型
通所介護</t>
    <rPh sb="0" eb="2">
      <t>チイキ</t>
    </rPh>
    <rPh sb="2" eb="5">
      <t>ミッチャクガタ</t>
    </rPh>
    <rPh sb="6" eb="8">
      <t>ツウショ</t>
    </rPh>
    <rPh sb="8" eb="10">
      <t>カイゴ</t>
    </rPh>
    <phoneticPr fontId="2"/>
  </si>
  <si>
    <t>生活相談員を、共生型通所介護の提供日ごとに、当該共生型通所介護を行う時間帯を通じて１名以上配置している。</t>
    <rPh sb="0" eb="2">
      <t>セイカツ</t>
    </rPh>
    <rPh sb="2" eb="5">
      <t>ソウダンイン</t>
    </rPh>
    <rPh sb="7" eb="10">
      <t>キョウセイガタ</t>
    </rPh>
    <rPh sb="10" eb="12">
      <t>ツウショ</t>
    </rPh>
    <rPh sb="12" eb="14">
      <t>カイゴ</t>
    </rPh>
    <rPh sb="15" eb="17">
      <t>テイキョウ</t>
    </rPh>
    <rPh sb="17" eb="18">
      <t>ビ</t>
    </rPh>
    <rPh sb="22" eb="24">
      <t>トウガイ</t>
    </rPh>
    <rPh sb="24" eb="27">
      <t>キョウセイガタ</t>
    </rPh>
    <rPh sb="27" eb="29">
      <t>ツウショ</t>
    </rPh>
    <rPh sb="29" eb="31">
      <t>カイゴ</t>
    </rPh>
    <rPh sb="32" eb="33">
      <t>オコナ</t>
    </rPh>
    <rPh sb="34" eb="37">
      <t>ジカンタイ</t>
    </rPh>
    <rPh sb="38" eb="39">
      <t>ツウ</t>
    </rPh>
    <rPh sb="42" eb="45">
      <t>メイイジョウ</t>
    </rPh>
    <rPh sb="45" eb="47">
      <t>ハイチ</t>
    </rPh>
    <phoneticPr fontId="2"/>
  </si>
  <si>
    <t>共生型通所介護費を算定している。</t>
    <rPh sb="7" eb="8">
      <t>ヒ</t>
    </rPh>
    <rPh sb="9" eb="11">
      <t>サンテイ</t>
    </rPh>
    <phoneticPr fontId="2"/>
  </si>
  <si>
    <t>通所介護</t>
    <rPh sb="0" eb="2">
      <t>ツウショ</t>
    </rPh>
    <rPh sb="2" eb="4">
      <t>カイゴ</t>
    </rPh>
    <phoneticPr fontId="2"/>
  </si>
  <si>
    <t>生活相談員配置等加算に係る届出内容</t>
    <rPh sb="0" eb="2">
      <t>セイカツ</t>
    </rPh>
    <rPh sb="2" eb="5">
      <t>ソウダンイン</t>
    </rPh>
    <rPh sb="5" eb="7">
      <t>ハイチ</t>
    </rPh>
    <rPh sb="7" eb="8">
      <t>トウ</t>
    </rPh>
    <rPh sb="8" eb="10">
      <t>カサン</t>
    </rPh>
    <rPh sb="11" eb="12">
      <t>カカワ</t>
    </rPh>
    <rPh sb="13" eb="15">
      <t>トドケデ</t>
    </rPh>
    <rPh sb="15" eb="17">
      <t>ナイヨウ</t>
    </rPh>
    <phoneticPr fontId="2"/>
  </si>
  <si>
    <t>3　（介護予防）短期入所生活介護事業所</t>
    <rPh sb="3" eb="5">
      <t>カイゴ</t>
    </rPh>
    <rPh sb="5" eb="7">
      <t>ヨボウ</t>
    </rPh>
    <rPh sb="8" eb="10">
      <t>タンキ</t>
    </rPh>
    <rPh sb="10" eb="12">
      <t>ニュウショ</t>
    </rPh>
    <rPh sb="12" eb="14">
      <t>セイカツ</t>
    </rPh>
    <rPh sb="14" eb="16">
      <t>カイゴ</t>
    </rPh>
    <rPh sb="16" eb="19">
      <t>ジギョウショ</t>
    </rPh>
    <phoneticPr fontId="2"/>
  </si>
  <si>
    <t>2　地域密着型通所介護事業所</t>
    <rPh sb="2" eb="4">
      <t>チイキ</t>
    </rPh>
    <rPh sb="4" eb="7">
      <t>ミッチャクガタ</t>
    </rPh>
    <rPh sb="7" eb="9">
      <t>ツウショ</t>
    </rPh>
    <rPh sb="9" eb="11">
      <t>カイゴ</t>
    </rPh>
    <rPh sb="11" eb="14">
      <t>ジギョウショ</t>
    </rPh>
    <phoneticPr fontId="2"/>
  </si>
  <si>
    <t>1　通所介護事業所</t>
    <rPh sb="2" eb="4">
      <t>ツウショ</t>
    </rPh>
    <rPh sb="4" eb="6">
      <t>カイゴ</t>
    </rPh>
    <rPh sb="6" eb="9">
      <t>ジギョウショ</t>
    </rPh>
    <phoneticPr fontId="2"/>
  </si>
  <si>
    <t>生活相談員配置等加算に係る届出書</t>
    <rPh sb="0" eb="2">
      <t>セイカツ</t>
    </rPh>
    <rPh sb="2" eb="5">
      <t>ソウダンイン</t>
    </rPh>
    <rPh sb="5" eb="8">
      <t>ハイチトウ</t>
    </rPh>
    <rPh sb="8" eb="10">
      <t>カサン</t>
    </rPh>
    <rPh sb="11" eb="12">
      <t>カカ</t>
    </rPh>
    <rPh sb="13" eb="16">
      <t>トドケデショ</t>
    </rPh>
    <phoneticPr fontId="2"/>
  </si>
  <si>
    <t>（別紙21）</t>
    <phoneticPr fontId="2"/>
  </si>
  <si>
    <t>指定通所リハビリテーションを行う時間帯を通じて専ら当該指定通所リハビリテーションの提供に当たる看護職員を１名以上配置している。</t>
    <rPh sb="2" eb="4">
      <t>ツウショ</t>
    </rPh>
    <rPh sb="29" eb="31">
      <t>ツウショ</t>
    </rPh>
    <phoneticPr fontId="2"/>
  </si>
  <si>
    <t>指定通所リハビリテーション事業所における前年度又は算定日が属する月の前３月間の利用者の総数のうち、要介護状態区分が要介護３、要介護又は要介護５である者の占める割合が100分の30以上である。</t>
    <rPh sb="0" eb="2">
      <t>シテイ</t>
    </rPh>
    <rPh sb="2" eb="4">
      <t>ツウショ</t>
    </rPh>
    <rPh sb="65" eb="66">
      <t>マタ</t>
    </rPh>
    <phoneticPr fontId="2"/>
  </si>
  <si>
    <t>指定居宅サービス等基準第111条第１項第２号イ又は同条第２項第１号に規定する要件を満たす員数に加え、看護職員又は介護職員を常勤換算方法で１以上確保している。</t>
    <rPh sb="25" eb="27">
      <t>ドウジョウ</t>
    </rPh>
    <rPh sb="27" eb="28">
      <t>ダイ</t>
    </rPh>
    <rPh sb="29" eb="30">
      <t>コウ</t>
    </rPh>
    <rPh sb="30" eb="31">
      <t>ダイ</t>
    </rPh>
    <rPh sb="32" eb="33">
      <t>ゴウ</t>
    </rPh>
    <rPh sb="38" eb="40">
      <t>ヨウケン</t>
    </rPh>
    <rPh sb="41" eb="42">
      <t>ミ</t>
    </rPh>
    <phoneticPr fontId="2"/>
  </si>
  <si>
    <t>通所
リハビリ
テーション</t>
    <rPh sb="0" eb="2">
      <t>ツウショ</t>
    </rPh>
    <phoneticPr fontId="2"/>
  </si>
  <si>
    <t>共生型地域密着型通所介護費を算定していない。</t>
    <rPh sb="0" eb="3">
      <t>キョウセイガタ</t>
    </rPh>
    <rPh sb="3" eb="5">
      <t>チイキ</t>
    </rPh>
    <rPh sb="5" eb="8">
      <t>ミッチャクガタ</t>
    </rPh>
    <rPh sb="8" eb="10">
      <t>ツウショ</t>
    </rPh>
    <rPh sb="10" eb="13">
      <t>カイゴヒ</t>
    </rPh>
    <rPh sb="14" eb="16">
      <t>サンテイ</t>
    </rPh>
    <phoneticPr fontId="2"/>
  </si>
  <si>
    <t>指定地域密着型通所介護を行う時間帯を通じて専ら当該指定地域密着型通所介護の提供に当たる看護職員を１名以上配置している。</t>
    <phoneticPr fontId="2"/>
  </si>
  <si>
    <t>指定地域密着型通所介護事業所における前年度又は算定日が属する月の前３月間の利用者の総数のうち、要介護状態区分が要介護３、要介護４及び要介護５である者の占める割合が100分の30以上である。</t>
    <rPh sb="64" eb="65">
      <t>オヨ</t>
    </rPh>
    <phoneticPr fontId="2"/>
  </si>
  <si>
    <t>指定地域密着型サービス基準第20条第１項第２号又は第３号に規定する看護職員又は介護職員の員数に加え、看護職員又は介護職員を常勤換算方法で２以上確保している。</t>
    <phoneticPr fontId="2"/>
  </si>
  <si>
    <t>地域密着型
通所介護</t>
    <rPh sb="0" eb="5">
      <t>チイキミッチャクガタ</t>
    </rPh>
    <rPh sb="6" eb="8">
      <t>ツウショ</t>
    </rPh>
    <rPh sb="8" eb="10">
      <t>カイゴ</t>
    </rPh>
    <phoneticPr fontId="2"/>
  </si>
  <si>
    <t>共生型通所介護費を算定していない。</t>
    <rPh sb="0" eb="3">
      <t>キョウセイガタ</t>
    </rPh>
    <rPh sb="3" eb="5">
      <t>ツウショ</t>
    </rPh>
    <rPh sb="5" eb="8">
      <t>カイゴヒ</t>
    </rPh>
    <rPh sb="9" eb="11">
      <t>サンテイ</t>
    </rPh>
    <phoneticPr fontId="2"/>
  </si>
  <si>
    <t>指定通所介護を行う時間帯を通じて専ら当該指定通所介護の提供に当たる看護職員を１名以上配置している。</t>
    <phoneticPr fontId="2"/>
  </si>
  <si>
    <t>指定通所介護事業所における前年度又は算定日が属する月の前３月間の利用者の総数のうち、要介護状態区分が要介護３、要介護４又は要介護５である者の占める割合が100分の30以上である。</t>
    <phoneticPr fontId="2"/>
  </si>
  <si>
    <t>指定居宅サービス等基準第93条第１項第２号又は第３号に規定する看護職員又は介護職員の員数に加え、看護職員又は介護職員を常勤換算方法で２以上確保している。</t>
    <phoneticPr fontId="2"/>
  </si>
  <si>
    <t>中重度者ケア体制加算に係る届出内容</t>
    <rPh sb="0" eb="4">
      <t>チュウジュウドシャ</t>
    </rPh>
    <rPh sb="6" eb="8">
      <t>タイセイ</t>
    </rPh>
    <rPh sb="8" eb="10">
      <t>カサン</t>
    </rPh>
    <rPh sb="11" eb="12">
      <t>カカワ</t>
    </rPh>
    <rPh sb="13" eb="15">
      <t>トドケデ</t>
    </rPh>
    <rPh sb="15" eb="17">
      <t>ナイヨウ</t>
    </rPh>
    <phoneticPr fontId="2"/>
  </si>
  <si>
    <t>3　通所リハビリテーション事業所</t>
    <rPh sb="2" eb="4">
      <t>ツウショ</t>
    </rPh>
    <rPh sb="13" eb="16">
      <t>ジギョウショ</t>
    </rPh>
    <phoneticPr fontId="2"/>
  </si>
  <si>
    <t>中重度者ケア体制加算に係る届出書</t>
    <rPh sb="0" eb="4">
      <t>チュウジュウドシャ</t>
    </rPh>
    <rPh sb="6" eb="8">
      <t>タイセイ</t>
    </rPh>
    <rPh sb="8" eb="10">
      <t>カサン</t>
    </rPh>
    <rPh sb="11" eb="12">
      <t>カカ</t>
    </rPh>
    <rPh sb="13" eb="16">
      <t>トドケデショ</t>
    </rPh>
    <phoneticPr fontId="2"/>
  </si>
  <si>
    <t>（別紙22）</t>
    <phoneticPr fontId="2"/>
  </si>
  <si>
    <t>　（平成27年4月1日）」問31をご参照ください。</t>
    <rPh sb="13" eb="14">
      <t>トイ</t>
    </rPh>
    <rPh sb="18" eb="20">
      <t>サンショウ</t>
    </rPh>
    <phoneticPr fontId="2"/>
  </si>
  <si>
    <t>・具体的な計算方法については、「平成27年度介護報酬改定に関するQ&amp;A</t>
    <rPh sb="1" eb="4">
      <t>グタイテキ</t>
    </rPh>
    <rPh sb="5" eb="7">
      <t>ケイサン</t>
    </rPh>
    <rPh sb="7" eb="9">
      <t>ホウホウ</t>
    </rPh>
    <rPh sb="16" eb="18">
      <t>ヘイセイ</t>
    </rPh>
    <rPh sb="20" eb="22">
      <t>ネンド</t>
    </rPh>
    <rPh sb="22" eb="24">
      <t>カイゴ</t>
    </rPh>
    <rPh sb="24" eb="26">
      <t>ホウシュウ</t>
    </rPh>
    <rPh sb="26" eb="28">
      <t>カイテイ</t>
    </rPh>
    <rPh sb="29" eb="30">
      <t>カン</t>
    </rPh>
    <phoneticPr fontId="2"/>
  </si>
  <si>
    <t>　については、前年度の実績（ア）による届出はできません。</t>
    <rPh sb="7" eb="10">
      <t>ゼンネンド</t>
    </rPh>
    <rPh sb="11" eb="13">
      <t>ジッセキ</t>
    </rPh>
    <rPh sb="19" eb="21">
      <t>トドケデ</t>
    </rPh>
    <phoneticPr fontId="2"/>
  </si>
  <si>
    <t>　前年度の実績が６月に満たない事業所（新たに事業を開始し、又は再開した事業所）</t>
    <rPh sb="1" eb="4">
      <t>ゼンネンド</t>
    </rPh>
    <rPh sb="5" eb="7">
      <t>ジッセキ</t>
    </rPh>
    <rPh sb="9" eb="10">
      <t>ガツ</t>
    </rPh>
    <rPh sb="11" eb="12">
      <t>ミ</t>
    </rPh>
    <rPh sb="15" eb="18">
      <t>ジギョウショ</t>
    </rPh>
    <rPh sb="19" eb="20">
      <t>アラ</t>
    </rPh>
    <rPh sb="22" eb="24">
      <t>ジギョウ</t>
    </rPh>
    <rPh sb="25" eb="27">
      <t>カイシ</t>
    </rPh>
    <rPh sb="29" eb="30">
      <t>マタ</t>
    </rPh>
    <rPh sb="31" eb="33">
      <t>サイカイ</t>
    </rPh>
    <rPh sb="35" eb="38">
      <t>ジギョウショ</t>
    </rPh>
    <phoneticPr fontId="2"/>
  </si>
  <si>
    <t>・「２．算定期間」でアまたはイの算定期間を選択してください。</t>
    <rPh sb="4" eb="6">
      <t>サンテイ</t>
    </rPh>
    <rPh sb="6" eb="8">
      <t>キカン</t>
    </rPh>
    <rPh sb="16" eb="18">
      <t>サンテイ</t>
    </rPh>
    <rPh sb="18" eb="20">
      <t>キカン</t>
    </rPh>
    <rPh sb="21" eb="23">
      <t>センタク</t>
    </rPh>
    <phoneticPr fontId="2"/>
  </si>
  <si>
    <t>　「利用実人員数」または「利用延人員数」のいずれかを選択してください。</t>
    <rPh sb="2" eb="4">
      <t>リヨウ</t>
    </rPh>
    <rPh sb="4" eb="5">
      <t>ジツ</t>
    </rPh>
    <rPh sb="5" eb="8">
      <t>ジンインスウ</t>
    </rPh>
    <rPh sb="13" eb="15">
      <t>リヨウ</t>
    </rPh>
    <rPh sb="15" eb="16">
      <t>ノ</t>
    </rPh>
    <rPh sb="16" eb="19">
      <t>ジンインスウ</t>
    </rPh>
    <rPh sb="26" eb="28">
      <t>センタク</t>
    </rPh>
    <phoneticPr fontId="2"/>
  </si>
  <si>
    <t>・「１．要介護３、要介護４または要介護５である者の割合の算出基準」で、</t>
    <phoneticPr fontId="2"/>
  </si>
  <si>
    <t>・本資料は中重度者ケア体制加算に係る届出書を補完する資料としてご使用ください。</t>
    <rPh sb="1" eb="2">
      <t>ホン</t>
    </rPh>
    <rPh sb="2" eb="4">
      <t>シリョウ</t>
    </rPh>
    <rPh sb="5" eb="9">
      <t>チュウジュウドシャ</t>
    </rPh>
    <rPh sb="11" eb="13">
      <t>タイセイ</t>
    </rPh>
    <rPh sb="13" eb="15">
      <t>カサン</t>
    </rPh>
    <rPh sb="16" eb="17">
      <t>カカ</t>
    </rPh>
    <rPh sb="18" eb="21">
      <t>トドケデショ</t>
    </rPh>
    <rPh sb="22" eb="24">
      <t>ホカン</t>
    </rPh>
    <rPh sb="26" eb="28">
      <t>シリョウ</t>
    </rPh>
    <rPh sb="32" eb="34">
      <t>シヨウ</t>
    </rPh>
    <phoneticPr fontId="2"/>
  </si>
  <si>
    <t>１月あたりの
平均</t>
    <rPh sb="1" eb="2">
      <t>ツキ</t>
    </rPh>
    <rPh sb="7" eb="9">
      <t>ヘイキン</t>
    </rPh>
    <phoneticPr fontId="2"/>
  </si>
  <si>
    <t>割合</t>
    <rPh sb="0" eb="2">
      <t>ワリアイ</t>
    </rPh>
    <phoneticPr fontId="2"/>
  </si>
  <si>
    <t>要介護３、要介護４
または要介護５の
利用者数</t>
    <rPh sb="0" eb="3">
      <t>ヨウカイゴ</t>
    </rPh>
    <rPh sb="5" eb="8">
      <t>ヨウカイゴ</t>
    </rPh>
    <rPh sb="13" eb="16">
      <t>ヨウカイゴ</t>
    </rPh>
    <rPh sb="19" eb="21">
      <t>リヨウ</t>
    </rPh>
    <rPh sb="21" eb="22">
      <t>シャ</t>
    </rPh>
    <rPh sb="22" eb="23">
      <t>スウ</t>
    </rPh>
    <phoneticPr fontId="2"/>
  </si>
  <si>
    <t>利用者の総数
（要支援者は
含めない）</t>
    <rPh sb="0" eb="3">
      <t>リヨウシャ</t>
    </rPh>
    <rPh sb="4" eb="6">
      <t>ソウスウ</t>
    </rPh>
    <rPh sb="8" eb="11">
      <t>ヨウシエン</t>
    </rPh>
    <rPh sb="11" eb="12">
      <t>シャ</t>
    </rPh>
    <rPh sb="14" eb="15">
      <t>フク</t>
    </rPh>
    <phoneticPr fontId="2"/>
  </si>
  <si>
    <t>実績月数</t>
    <rPh sb="0" eb="2">
      <t>ジッセキ</t>
    </rPh>
    <rPh sb="2" eb="4">
      <t>ツキスウ</t>
    </rPh>
    <phoneticPr fontId="2"/>
  </si>
  <si>
    <t>イ．届出日の属する月の前３月</t>
    <rPh sb="2" eb="4">
      <t>トドケデ</t>
    </rPh>
    <rPh sb="4" eb="5">
      <t>ヒ</t>
    </rPh>
    <rPh sb="6" eb="7">
      <t>ゾク</t>
    </rPh>
    <rPh sb="9" eb="10">
      <t>ツキ</t>
    </rPh>
    <rPh sb="11" eb="12">
      <t>ゼン</t>
    </rPh>
    <rPh sb="13" eb="14">
      <t>ガツ</t>
    </rPh>
    <phoneticPr fontId="2"/>
  </si>
  <si>
    <t>ア．前年度（３月を除く）の実績の平均</t>
    <rPh sb="2" eb="5">
      <t>ゼンネンド</t>
    </rPh>
    <rPh sb="7" eb="8">
      <t>ガツ</t>
    </rPh>
    <rPh sb="9" eb="10">
      <t>ノゾ</t>
    </rPh>
    <rPh sb="13" eb="15">
      <t>ジッセキ</t>
    </rPh>
    <rPh sb="16" eb="18">
      <t>ヘイキン</t>
    </rPh>
    <phoneticPr fontId="2"/>
  </si>
  <si>
    <t>２．算定期間</t>
    <rPh sb="2" eb="4">
      <t>サンテイ</t>
    </rPh>
    <rPh sb="4" eb="6">
      <t>キカン</t>
    </rPh>
    <phoneticPr fontId="2"/>
  </si>
  <si>
    <t>利用延人員数</t>
    <rPh sb="0" eb="2">
      <t>リヨウ</t>
    </rPh>
    <rPh sb="2" eb="5">
      <t>ノベジンイン</t>
    </rPh>
    <rPh sb="5" eb="6">
      <t>スウ</t>
    </rPh>
    <phoneticPr fontId="2"/>
  </si>
  <si>
    <t>利用実人員数</t>
    <rPh sb="0" eb="2">
      <t>リヨウ</t>
    </rPh>
    <rPh sb="2" eb="3">
      <t>ジツ</t>
    </rPh>
    <rPh sb="3" eb="5">
      <t>ジンイン</t>
    </rPh>
    <rPh sb="5" eb="6">
      <t>スウ</t>
    </rPh>
    <phoneticPr fontId="2"/>
  </si>
  <si>
    <t>１．要介護３、要介護４または要介護５である者の割合の算出基準</t>
    <rPh sb="2" eb="5">
      <t>ヨウカイゴ</t>
    </rPh>
    <rPh sb="7" eb="10">
      <t>ヨウカイゴ</t>
    </rPh>
    <rPh sb="14" eb="17">
      <t>ヨウカイゴ</t>
    </rPh>
    <rPh sb="21" eb="22">
      <t>モノ</t>
    </rPh>
    <rPh sb="23" eb="25">
      <t>ワリアイ</t>
    </rPh>
    <rPh sb="26" eb="28">
      <t>サンシュツ</t>
    </rPh>
    <rPh sb="28" eb="30">
      <t>キジュン</t>
    </rPh>
    <phoneticPr fontId="2"/>
  </si>
  <si>
    <t>利用者の割合に関する計算書（中重度者ケア体制加算）</t>
    <rPh sb="0" eb="3">
      <t>リヨウシャ</t>
    </rPh>
    <rPh sb="4" eb="6">
      <t>ワリアイ</t>
    </rPh>
    <rPh sb="7" eb="8">
      <t>カン</t>
    </rPh>
    <rPh sb="10" eb="13">
      <t>ケイサンショ</t>
    </rPh>
    <rPh sb="14" eb="18">
      <t>チュウジュウドシャ</t>
    </rPh>
    <rPh sb="20" eb="22">
      <t>タイセイ</t>
    </rPh>
    <rPh sb="22" eb="24">
      <t>カサン</t>
    </rPh>
    <phoneticPr fontId="2"/>
  </si>
  <si>
    <t>（別紙22－2）</t>
    <rPh sb="1" eb="3">
      <t>ベッシ</t>
    </rPh>
    <phoneticPr fontId="2"/>
  </si>
  <si>
    <t>当該事業所の従業者に対する、認知症ケアに関する事例の検討や技術的指導に係る会議を定期的に開催している。</t>
    <rPh sb="0" eb="2">
      <t>トウガイ</t>
    </rPh>
    <rPh sb="2" eb="5">
      <t>ジギョウショ</t>
    </rPh>
    <rPh sb="6" eb="9">
      <t>ジュウギョウシャ</t>
    </rPh>
    <rPh sb="10" eb="11">
      <t>タイ</t>
    </rPh>
    <rPh sb="14" eb="17">
      <t>ニンチショウ</t>
    </rPh>
    <rPh sb="20" eb="21">
      <t>カン</t>
    </rPh>
    <rPh sb="23" eb="25">
      <t>ジレイ</t>
    </rPh>
    <rPh sb="26" eb="28">
      <t>ケントウ</t>
    </rPh>
    <rPh sb="29" eb="32">
      <t>ギジュツテキ</t>
    </rPh>
    <rPh sb="32" eb="34">
      <t>シドウ</t>
    </rPh>
    <rPh sb="35" eb="36">
      <t>カカ</t>
    </rPh>
    <rPh sb="37" eb="39">
      <t>カイギ</t>
    </rPh>
    <rPh sb="40" eb="43">
      <t>テイキテキ</t>
    </rPh>
    <rPh sb="44" eb="46">
      <t>カイサイ</t>
    </rPh>
    <phoneticPr fontId="2"/>
  </si>
  <si>
    <t>指定地域密着型通所介護を行う時間帯を通じて、専ら当該指定地域密着型通所介護の提供に当たる認知症介護の指導に係る専門的な研修、認知症介護に係る専門的な研修又は認知症介護に係る実践的な研修等を修了した者を１名以上配置している。</t>
    <phoneticPr fontId="2"/>
  </si>
  <si>
    <t>②　対象者　</t>
    <rPh sb="2" eb="5">
      <t>タイショウシャ</t>
    </rPh>
    <phoneticPr fontId="2"/>
  </si>
  <si>
    <t>①　利用者総数　</t>
    <rPh sb="2" eb="5">
      <t>リヨウシャ</t>
    </rPh>
    <rPh sb="5" eb="7">
      <t>ソウスウ</t>
    </rPh>
    <rPh sb="6" eb="7">
      <t>スウ</t>
    </rPh>
    <phoneticPr fontId="2"/>
  </si>
  <si>
    <t>指定地域密着型通所介護事業所における前年度又は算定日が属する月の前３月間の利用者の総数のうち、日常生活に支障を来すおそれのある症状又は行動が認められることから介護を必要とする認知症の者（日常生活自立度のランクⅢ、Ⅳ又はＭに該当する者）の占める割合が100分の15以上である。</t>
    <phoneticPr fontId="2"/>
  </si>
  <si>
    <t>地域密着型
通所介護</t>
    <rPh sb="0" eb="5">
      <t>チイキミッチャクガタ</t>
    </rPh>
    <rPh sb="6" eb="10">
      <t>ツウショカイゴ</t>
    </rPh>
    <phoneticPr fontId="2"/>
  </si>
  <si>
    <t>指定通所介護を行う時間帯を通じて、専ら当該指定通所介護の提供に当たる認知症介護の指導に係る専門的な研修、認知症介護に係る専門的な研修又は認知症介護に係る実践的な研修等を修了した者を１名以上配置している。</t>
    <phoneticPr fontId="2"/>
  </si>
  <si>
    <t>指定通所介護事業所における前年度又は算定日が属する月の前３月間の利用者の総数のうち、日常生活に支障を来すおそれのある症状又は行動が認められることから介護を必要とする認知症の者（日常生活自立度のランクⅢ、Ⅳ又はＭに該当する者）の占める割合が100分の15以上である。</t>
    <phoneticPr fontId="2"/>
  </si>
  <si>
    <t>認知症加算に係る届出内容</t>
    <rPh sb="0" eb="3">
      <t>ニンチショウ</t>
    </rPh>
    <rPh sb="3" eb="5">
      <t>カサン</t>
    </rPh>
    <rPh sb="6" eb="7">
      <t>カカワ</t>
    </rPh>
    <rPh sb="8" eb="10">
      <t>トドケデ</t>
    </rPh>
    <rPh sb="10" eb="12">
      <t>ナイヨウ</t>
    </rPh>
    <phoneticPr fontId="2"/>
  </si>
  <si>
    <t>（通所介護、地域密着型通所介護）</t>
    <rPh sb="1" eb="3">
      <t>ツウショ</t>
    </rPh>
    <rPh sb="3" eb="5">
      <t>カイゴ</t>
    </rPh>
    <rPh sb="6" eb="8">
      <t>チイキ</t>
    </rPh>
    <rPh sb="8" eb="11">
      <t>ミッチャクガタ</t>
    </rPh>
    <rPh sb="11" eb="13">
      <t>ツウショ</t>
    </rPh>
    <rPh sb="13" eb="15">
      <t>カイゴ</t>
    </rPh>
    <phoneticPr fontId="2"/>
  </si>
  <si>
    <t>認知症加算に係る届出書</t>
    <rPh sb="0" eb="3">
      <t>ニンチショウ</t>
    </rPh>
    <rPh sb="3" eb="5">
      <t>カサン</t>
    </rPh>
    <rPh sb="6" eb="7">
      <t>カカ</t>
    </rPh>
    <rPh sb="8" eb="11">
      <t>トドケデショ</t>
    </rPh>
    <phoneticPr fontId="2"/>
  </si>
  <si>
    <t>（別紙23）</t>
    <phoneticPr fontId="2"/>
  </si>
  <si>
    <r>
      <t>・</t>
    </r>
    <r>
      <rPr>
        <sz val="11"/>
        <rFont val="ＭＳ Ｐゴシック"/>
        <family val="3"/>
        <charset val="128"/>
      </rPr>
      <t>「１．日常生活自立度のランクがⅢ以上の者の割合の算出基準」で、</t>
    </r>
    <phoneticPr fontId="2"/>
  </si>
  <si>
    <t>　としてご使用ください。</t>
    <phoneticPr fontId="2"/>
  </si>
  <si>
    <t>・本資料は認知症加算（（地域密着型）通所介護）に係る届出書を補完する資料</t>
    <rPh sb="1" eb="2">
      <t>ホン</t>
    </rPh>
    <rPh sb="2" eb="4">
      <t>シリョウ</t>
    </rPh>
    <rPh sb="5" eb="8">
      <t>ニンチショウ</t>
    </rPh>
    <rPh sb="8" eb="10">
      <t>カサン</t>
    </rPh>
    <rPh sb="12" eb="14">
      <t>チイキ</t>
    </rPh>
    <rPh sb="14" eb="17">
      <t>ミッチャクガタ</t>
    </rPh>
    <rPh sb="18" eb="20">
      <t>ツウショ</t>
    </rPh>
    <rPh sb="20" eb="22">
      <t>カイゴ</t>
    </rPh>
    <rPh sb="24" eb="25">
      <t>カカ</t>
    </rPh>
    <rPh sb="26" eb="29">
      <t>トドケデショ</t>
    </rPh>
    <rPh sb="30" eb="32">
      <t>ホカン</t>
    </rPh>
    <rPh sb="34" eb="36">
      <t>シリョウ</t>
    </rPh>
    <phoneticPr fontId="2"/>
  </si>
  <si>
    <t>日常生活自立度のランクⅢ、Ⅳ又はMに該当する
利用者数</t>
    <rPh sb="0" eb="2">
      <t>ニチジョウ</t>
    </rPh>
    <rPh sb="2" eb="4">
      <t>セイカツ</t>
    </rPh>
    <rPh sb="4" eb="7">
      <t>ジリツド</t>
    </rPh>
    <rPh sb="14" eb="15">
      <t>マタ</t>
    </rPh>
    <rPh sb="18" eb="20">
      <t>ガイトウ</t>
    </rPh>
    <rPh sb="23" eb="25">
      <t>リヨウ</t>
    </rPh>
    <rPh sb="25" eb="26">
      <t>シャ</t>
    </rPh>
    <rPh sb="26" eb="27">
      <t>スウ</t>
    </rPh>
    <phoneticPr fontId="2"/>
  </si>
  <si>
    <t>１．日常生活自立度のランクがⅢ以上の者の割合の算出基準</t>
    <rPh sb="2" eb="4">
      <t>ニチジョウ</t>
    </rPh>
    <rPh sb="4" eb="6">
      <t>セイカツ</t>
    </rPh>
    <rPh sb="6" eb="8">
      <t>ジリツ</t>
    </rPh>
    <rPh sb="8" eb="9">
      <t>ド</t>
    </rPh>
    <rPh sb="15" eb="17">
      <t>イジョウ</t>
    </rPh>
    <rPh sb="18" eb="19">
      <t>モノ</t>
    </rPh>
    <rPh sb="20" eb="22">
      <t>ワリアイ</t>
    </rPh>
    <rPh sb="23" eb="25">
      <t>サンシュツ</t>
    </rPh>
    <rPh sb="25" eb="27">
      <t>キジュン</t>
    </rPh>
    <phoneticPr fontId="2"/>
  </si>
  <si>
    <t>利用者の割合に関する計算書（認知症加算）</t>
    <rPh sb="0" eb="3">
      <t>リヨウシャ</t>
    </rPh>
    <rPh sb="4" eb="6">
      <t>ワリアイ</t>
    </rPh>
    <rPh sb="7" eb="8">
      <t>カン</t>
    </rPh>
    <rPh sb="10" eb="13">
      <t>ケイサンショ</t>
    </rPh>
    <rPh sb="14" eb="17">
      <t>ニンチショウ</t>
    </rPh>
    <rPh sb="17" eb="19">
      <t>カサン</t>
    </rPh>
    <phoneticPr fontId="2"/>
  </si>
  <si>
    <t>（別紙23－2）</t>
    <rPh sb="1" eb="3">
      <t>ベッシ</t>
    </rPh>
    <phoneticPr fontId="2"/>
  </si>
  <si>
    <t>　※　各要件を満たす場合については、それぞれ根拠となる（要件を満たすことがわかる）書類も
　　提出してください。</t>
    <phoneticPr fontId="2"/>
  </si>
  <si>
    <t>評価対象期間に当該事業所の提供する指定通所リハビリテーションの利用を終了した者の数（入院、入所、死亡を含む。）</t>
    <rPh sb="0" eb="2">
      <t>ヒョウカ</t>
    </rPh>
    <rPh sb="2" eb="4">
      <t>タイショウ</t>
    </rPh>
    <rPh sb="4" eb="6">
      <t>キカン</t>
    </rPh>
    <rPh sb="7" eb="9">
      <t>トウガイ</t>
    </rPh>
    <rPh sb="9" eb="12">
      <t>ジギョウショ</t>
    </rPh>
    <rPh sb="13" eb="15">
      <t>テイキョウ</t>
    </rPh>
    <rPh sb="17" eb="19">
      <t>シテイ</t>
    </rPh>
    <rPh sb="19" eb="21">
      <t>ツウショ</t>
    </rPh>
    <rPh sb="31" eb="33">
      <t>リヨウ</t>
    </rPh>
    <rPh sb="34" eb="36">
      <t>シュウリョウ</t>
    </rPh>
    <rPh sb="38" eb="39">
      <t>モノ</t>
    </rPh>
    <rPh sb="40" eb="41">
      <t>カズ</t>
    </rPh>
    <phoneticPr fontId="2"/>
  </si>
  <si>
    <t>「指定通所介護等を実施」とは、指定通所介護、指定地域密着型通所介護、指定（介護予防）認知症対応型通所介護、指定（介護予防）小規模多機能型居宅介護、指定看護小規模多機能型居宅介護、第１号通所事業の利用、及び自宅において役割を持って生活している場合を含み、サービス提供の終了の事由が医療機関への入院、介護保険施設への入所、指定（介護予防）訪問リハビリテーション、指定（介護予防）通所リハビリテーション、指定認知症対応型共同生活介護等への移行である場合を含めない。</t>
    <rPh sb="1" eb="3">
      <t>シテイ</t>
    </rPh>
    <rPh sb="3" eb="5">
      <t>ツウショ</t>
    </rPh>
    <rPh sb="5" eb="8">
      <t>カイゴナド</t>
    </rPh>
    <rPh sb="9" eb="11">
      <t>ジッシ</t>
    </rPh>
    <rPh sb="22" eb="24">
      <t>シテイ</t>
    </rPh>
    <rPh sb="24" eb="26">
      <t>チイキ</t>
    </rPh>
    <rPh sb="26" eb="28">
      <t>ミッチャク</t>
    </rPh>
    <rPh sb="28" eb="29">
      <t>ガタ</t>
    </rPh>
    <rPh sb="29" eb="31">
      <t>ツウショ</t>
    </rPh>
    <rPh sb="31" eb="33">
      <t>カイゴ</t>
    </rPh>
    <rPh sb="37" eb="39">
      <t>カイゴ</t>
    </rPh>
    <rPh sb="39" eb="41">
      <t>ヨボウ</t>
    </rPh>
    <rPh sb="53" eb="55">
      <t>シテイ</t>
    </rPh>
    <rPh sb="56" eb="58">
      <t>カイゴ</t>
    </rPh>
    <rPh sb="58" eb="60">
      <t>ヨボウ</t>
    </rPh>
    <rPh sb="61" eb="72">
      <t>ショウキボタキノウガタキョタクカイゴ</t>
    </rPh>
    <rPh sb="73" eb="75">
      <t>シテイ</t>
    </rPh>
    <rPh sb="75" eb="77">
      <t>カンゴ</t>
    </rPh>
    <rPh sb="77" eb="88">
      <t>ショウキボタキノウガタキョタクカイゴ</t>
    </rPh>
    <rPh sb="89" eb="90">
      <t>ダイ</t>
    </rPh>
    <rPh sb="91" eb="92">
      <t>ゴウ</t>
    </rPh>
    <rPh sb="92" eb="94">
      <t>ツウショ</t>
    </rPh>
    <rPh sb="94" eb="96">
      <t>ジギョウ</t>
    </rPh>
    <rPh sb="139" eb="141">
      <t>イリョウ</t>
    </rPh>
    <rPh sb="141" eb="143">
      <t>キカン</t>
    </rPh>
    <rPh sb="159" eb="161">
      <t>シテイ</t>
    </rPh>
    <rPh sb="162" eb="164">
      <t>カイゴ</t>
    </rPh>
    <rPh sb="164" eb="166">
      <t>ヨボウ</t>
    </rPh>
    <rPh sb="179" eb="181">
      <t>シテイ</t>
    </rPh>
    <rPh sb="182" eb="184">
      <t>カイゴ</t>
    </rPh>
    <rPh sb="184" eb="186">
      <t>ヨボウ</t>
    </rPh>
    <rPh sb="187" eb="189">
      <t>ツウショ</t>
    </rPh>
    <rPh sb="216" eb="218">
      <t>イコウ</t>
    </rPh>
    <rPh sb="221" eb="223">
      <t>バアイ</t>
    </rPh>
    <phoneticPr fontId="2"/>
  </si>
  <si>
    <t>２７％以上</t>
    <rPh sb="3" eb="5">
      <t>イジョウ</t>
    </rPh>
    <phoneticPr fontId="2"/>
  </si>
  <si>
    <t>３％超</t>
    <rPh sb="2" eb="3">
      <t>チョウ</t>
    </rPh>
    <phoneticPr fontId="2"/>
  </si>
  <si>
    <t>①のうち、指定通所介護等を実施した者の数（注１）</t>
    <phoneticPr fontId="2"/>
  </si>
  <si>
    <t>評価対象期間の通所リハビリテーション終了者数</t>
    <phoneticPr fontId="2"/>
  </si>
  <si>
    <t>通所リハビリテーション事業所における移行支援加算に係る届出書</t>
    <rPh sb="18" eb="20">
      <t>イコウ</t>
    </rPh>
    <rPh sb="29" eb="30">
      <t>ショ</t>
    </rPh>
    <phoneticPr fontId="2"/>
  </si>
  <si>
    <t>（別紙24）</t>
    <phoneticPr fontId="2"/>
  </si>
  <si>
    <t>備考　看護体制について、体制を整備している場合について提出してください。</t>
    <rPh sb="3" eb="5">
      <t>カンゴ</t>
    </rPh>
    <rPh sb="5" eb="7">
      <t>タイセイ</t>
    </rPh>
    <rPh sb="15" eb="17">
      <t>セイビ</t>
    </rPh>
    <phoneticPr fontId="2"/>
  </si>
  <si>
    <t xml:space="preserve"> 占める割合が70％以上</t>
    <phoneticPr fontId="2"/>
  </si>
  <si>
    <t xml:space="preserve"> 利用者の総数のうち、要介護３、要介護４又は要介護５の利用者の</t>
    <phoneticPr fontId="2"/>
  </si>
  <si>
    <t>中重度者の受入状況</t>
    <rPh sb="0" eb="4">
      <t>チュウジュウドシャ</t>
    </rPh>
    <rPh sb="5" eb="6">
      <t>ウ</t>
    </rPh>
    <rPh sb="6" eb="7">
      <t>イ</t>
    </rPh>
    <rPh sb="7" eb="9">
      <t>ジョウキョウ</t>
    </rPh>
    <phoneticPr fontId="2"/>
  </si>
  <si>
    <t>　24時間常時連絡できる体制を整備している。</t>
    <phoneticPr fontId="2"/>
  </si>
  <si>
    <t>病院・診療所・訪問看護ステーション名</t>
    <rPh sb="0" eb="2">
      <t>ビョウイン</t>
    </rPh>
    <rPh sb="3" eb="6">
      <t>シンリョウジョ</t>
    </rPh>
    <rPh sb="7" eb="9">
      <t>ホウモン</t>
    </rPh>
    <rPh sb="9" eb="11">
      <t>カンゴ</t>
    </rPh>
    <rPh sb="17" eb="18">
      <t>メイ</t>
    </rPh>
    <phoneticPr fontId="2"/>
  </si>
  <si>
    <t>連携する病院・診療所・訪問看護ステーション</t>
    <rPh sb="0" eb="2">
      <t>レンケイ</t>
    </rPh>
    <rPh sb="4" eb="6">
      <t>ビョウイン</t>
    </rPh>
    <rPh sb="7" eb="10">
      <t>シンリョウジョ</t>
    </rPh>
    <rPh sb="11" eb="13">
      <t>ホウモン</t>
    </rPh>
    <rPh sb="13" eb="15">
      <t>カンゴ</t>
    </rPh>
    <phoneticPr fontId="2"/>
  </si>
  <si>
    <t>常勤換算</t>
  </si>
  <si>
    <t>　看護職員（看護師・准看護師）</t>
    <rPh sb="1" eb="3">
      <t>カンゴ</t>
    </rPh>
    <rPh sb="3" eb="5">
      <t>ショクイン</t>
    </rPh>
    <rPh sb="6" eb="9">
      <t>カンゴシ</t>
    </rPh>
    <rPh sb="10" eb="11">
      <t>ジュン</t>
    </rPh>
    <phoneticPr fontId="2"/>
  </si>
  <si>
    <t>常勤</t>
    <phoneticPr fontId="2"/>
  </si>
  <si>
    <t>　看護師</t>
    <phoneticPr fontId="2"/>
  </si>
  <si>
    <t>看護職員の状況</t>
    <rPh sb="0" eb="2">
      <t>カンゴ</t>
    </rPh>
    <rPh sb="2" eb="4">
      <t>ショクイン</t>
    </rPh>
    <rPh sb="5" eb="7">
      <t>ジョウキョウ</t>
    </rPh>
    <phoneticPr fontId="2"/>
  </si>
  <si>
    <t>　利用者数</t>
    <rPh sb="1" eb="3">
      <t>リヨウ</t>
    </rPh>
    <rPh sb="3" eb="4">
      <t>シャ</t>
    </rPh>
    <rPh sb="4" eb="5">
      <t>スウ</t>
    </rPh>
    <phoneticPr fontId="2"/>
  </si>
  <si>
    <t>　定員</t>
    <rPh sb="1" eb="3">
      <t>テイイン</t>
    </rPh>
    <phoneticPr fontId="2"/>
  </si>
  <si>
    <t>定員及び利用者数の状況</t>
    <rPh sb="0" eb="2">
      <t>テイイン</t>
    </rPh>
    <rPh sb="2" eb="3">
      <t>オヨ</t>
    </rPh>
    <rPh sb="4" eb="7">
      <t>リヨウシャ</t>
    </rPh>
    <rPh sb="7" eb="8">
      <t>スウ</t>
    </rPh>
    <rPh sb="9" eb="11">
      <t>ジョウキョウ</t>
    </rPh>
    <phoneticPr fontId="2"/>
  </si>
  <si>
    <t xml:space="preserve"> 看護体制加算に係る届出内容</t>
    <rPh sb="1" eb="3">
      <t>カンゴ</t>
    </rPh>
    <rPh sb="3" eb="5">
      <t>タイセイ</t>
    </rPh>
    <phoneticPr fontId="2"/>
  </si>
  <si>
    <t>6　看護体制加算（Ⅳ）ロ</t>
    <phoneticPr fontId="2"/>
  </si>
  <si>
    <t>5　看護体制加算（Ⅳ）イ</t>
    <phoneticPr fontId="2"/>
  </si>
  <si>
    <t>4　看護体制加算（Ⅲ）ロ</t>
    <phoneticPr fontId="2"/>
  </si>
  <si>
    <t>3　看護体制加算（Ⅲ）イ</t>
    <phoneticPr fontId="2"/>
  </si>
  <si>
    <t>2　看護体制加算（Ⅱ）</t>
    <phoneticPr fontId="2"/>
  </si>
  <si>
    <t>1　看護体制加算（Ⅰ）</t>
    <phoneticPr fontId="2"/>
  </si>
  <si>
    <t>看護体制加算に係る届出書
（短期入所生活介護事業所）</t>
    <rPh sb="7" eb="8">
      <t>カカ</t>
    </rPh>
    <rPh sb="9" eb="12">
      <t>トドケデショ</t>
    </rPh>
    <rPh sb="14" eb="16">
      <t>タンキ</t>
    </rPh>
    <rPh sb="16" eb="18">
      <t>ニュウショ</t>
    </rPh>
    <rPh sb="18" eb="20">
      <t>セイカツ</t>
    </rPh>
    <rPh sb="20" eb="22">
      <t>カイゴ</t>
    </rPh>
    <rPh sb="22" eb="25">
      <t>ジギョウショ</t>
    </rPh>
    <phoneticPr fontId="2"/>
  </si>
  <si>
    <t>（別紙25）</t>
    <phoneticPr fontId="2"/>
  </si>
  <si>
    <t>　常勤換算</t>
    <rPh sb="3" eb="5">
      <t>カンサン</t>
    </rPh>
    <phoneticPr fontId="2"/>
  </si>
  <si>
    <t>　常勤</t>
    <phoneticPr fontId="2"/>
  </si>
  <si>
    <t>　准看護師</t>
    <rPh sb="1" eb="2">
      <t>ジュン</t>
    </rPh>
    <phoneticPr fontId="2"/>
  </si>
  <si>
    <t>　看 護 師</t>
    <phoneticPr fontId="2"/>
  </si>
  <si>
    <t>　保 健 師</t>
    <rPh sb="1" eb="2">
      <t>タモツ</t>
    </rPh>
    <rPh sb="3" eb="4">
      <t>ケン</t>
    </rPh>
    <rPh sb="5" eb="6">
      <t>シ</t>
    </rPh>
    <phoneticPr fontId="2"/>
  </si>
  <si>
    <t>　入所者数</t>
    <rPh sb="1" eb="4">
      <t>ニュウショシャ</t>
    </rPh>
    <rPh sb="4" eb="5">
      <t>スウ</t>
    </rPh>
    <phoneticPr fontId="2"/>
  </si>
  <si>
    <t>定員及び入所者の状況</t>
    <rPh sb="0" eb="2">
      <t>テイイン</t>
    </rPh>
    <rPh sb="2" eb="3">
      <t>オヨ</t>
    </rPh>
    <rPh sb="4" eb="7">
      <t>ニュウショシャ</t>
    </rPh>
    <rPh sb="8" eb="10">
      <t>ジョウキョウ</t>
    </rPh>
    <phoneticPr fontId="2"/>
  </si>
  <si>
    <t xml:space="preserve"> 看護体制加算に関する届出内容</t>
    <rPh sb="1" eb="3">
      <t>カンゴ</t>
    </rPh>
    <rPh sb="3" eb="5">
      <t>タイセイ</t>
    </rPh>
    <rPh sb="8" eb="9">
      <t>カン</t>
    </rPh>
    <phoneticPr fontId="2"/>
  </si>
  <si>
    <t>4　看護体制加算（Ⅱ）ロ</t>
    <phoneticPr fontId="2"/>
  </si>
  <si>
    <t>3　看護体制加算（Ⅱ）イ</t>
    <phoneticPr fontId="2"/>
  </si>
  <si>
    <t>2　看護体制加算（Ⅰ）ロ</t>
    <phoneticPr fontId="2"/>
  </si>
  <si>
    <t>1　看護体制加算（Ⅰ）イ</t>
    <phoneticPr fontId="2"/>
  </si>
  <si>
    <t>2　地域密着型介護老人福祉施設</t>
    <phoneticPr fontId="2"/>
  </si>
  <si>
    <t>看護体制加算に係る届出書</t>
    <rPh sb="0" eb="2">
      <t>カンゴ</t>
    </rPh>
    <rPh sb="2" eb="4">
      <t>タイセイ</t>
    </rPh>
    <rPh sb="4" eb="6">
      <t>カサン</t>
    </rPh>
    <rPh sb="7" eb="8">
      <t>カカ</t>
    </rPh>
    <rPh sb="9" eb="12">
      <t>トドケデショ</t>
    </rPh>
    <phoneticPr fontId="2"/>
  </si>
  <si>
    <t>（別紙25－2）</t>
    <phoneticPr fontId="2"/>
  </si>
  <si>
    <t>在宅中重度受入加算を算定していない。</t>
    <phoneticPr fontId="2"/>
  </si>
  <si>
    <t>同加算を算定する利用者は、以下のいずれかに該当する者である。
　イ　喀痰吸引を実施している状態
　ロ　呼吸障害等により人工呼吸器を使用している状態
　ハ　中心静脈注射を実施している状態
　ニ　人工腎臓を実施している状態
　ホ　重篤な心機能障害、呼吸障害等により常時モニター測定を
　　実施している状態
　ヘ　人工膀胱又は人工肛門の処置を実施している状態
　ト　経鼻胃管や胃瘻等の経腸栄養が行われている状態
　チ　褥瘡に対する治療を実施している状態
　リ　気管切開が行われている状態</t>
    <phoneticPr fontId="2"/>
  </si>
  <si>
    <t>主治の医師との連携方法や搬送方法も含め、急変時の医療提供の方針について、利用者から同意を得ている。また当該同意を文書で記録している。</t>
    <phoneticPr fontId="2"/>
  </si>
  <si>
    <t>主治の医師と連絡が取れない等の場合に備えて、あらかじめ協力医療機関を定め、緊急やむを得ない場合の対応に係る取り決めを行っている。</t>
    <phoneticPr fontId="2"/>
  </si>
  <si>
    <t>利用者の急変の予測や早期発見等のため、看護職員による定期的な巡視を行っている。</t>
    <phoneticPr fontId="2"/>
  </si>
  <si>
    <t>看護体制加算（Ⅱ）又は（Ⅳ）を算定している。</t>
    <rPh sb="0" eb="2">
      <t>カンゴ</t>
    </rPh>
    <rPh sb="2" eb="4">
      <t>タイセイ</t>
    </rPh>
    <rPh sb="4" eb="6">
      <t>カサン</t>
    </rPh>
    <rPh sb="9" eb="10">
      <t>マタ</t>
    </rPh>
    <rPh sb="15" eb="17">
      <t>サンテイ</t>
    </rPh>
    <phoneticPr fontId="2"/>
  </si>
  <si>
    <t>医療連携強化加算に係る届出内容</t>
    <rPh sb="0" eb="2">
      <t>イリョウ</t>
    </rPh>
    <rPh sb="2" eb="4">
      <t>レンケイ</t>
    </rPh>
    <rPh sb="4" eb="6">
      <t>キョウカ</t>
    </rPh>
    <rPh sb="6" eb="8">
      <t>カサン</t>
    </rPh>
    <rPh sb="9" eb="10">
      <t>カカワ</t>
    </rPh>
    <rPh sb="11" eb="13">
      <t>トドケデ</t>
    </rPh>
    <rPh sb="13" eb="15">
      <t>ナイヨウ</t>
    </rPh>
    <phoneticPr fontId="2"/>
  </si>
  <si>
    <r>
      <rPr>
        <sz val="14"/>
        <rFont val="HGSｺﾞｼｯｸM"/>
        <family val="3"/>
        <charset val="128"/>
      </rPr>
      <t>医療連携強化加算に係る届出書</t>
    </r>
    <r>
      <rPr>
        <sz val="11"/>
        <rFont val="HGSｺﾞｼｯｸM"/>
        <family val="3"/>
        <charset val="128"/>
      </rPr>
      <t xml:space="preserve">
（短期入所生活介護事業所）</t>
    </r>
    <rPh sb="0" eb="2">
      <t>イリョウ</t>
    </rPh>
    <rPh sb="2" eb="4">
      <t>レンケイ</t>
    </rPh>
    <rPh sb="4" eb="6">
      <t>キョウカ</t>
    </rPh>
    <rPh sb="6" eb="8">
      <t>カサン</t>
    </rPh>
    <rPh sb="9" eb="10">
      <t>カカ</t>
    </rPh>
    <rPh sb="11" eb="14">
      <t>トドケデショ</t>
    </rPh>
    <rPh sb="16" eb="18">
      <t>タンキ</t>
    </rPh>
    <rPh sb="18" eb="20">
      <t>ニュウショ</t>
    </rPh>
    <rPh sb="20" eb="22">
      <t>セイカツ</t>
    </rPh>
    <rPh sb="22" eb="24">
      <t>カイゴ</t>
    </rPh>
    <rPh sb="24" eb="27">
      <t>ジギョウショ</t>
    </rPh>
    <phoneticPr fontId="2"/>
  </si>
  <si>
    <t>（別紙26）</t>
    <phoneticPr fontId="2"/>
  </si>
  <si>
    <t>　配置要件②の「0.6人配置」を「0.8人配置」に読み替えるものとする。</t>
    <rPh sb="1" eb="3">
      <t>ハイチ</t>
    </rPh>
    <rPh sb="3" eb="5">
      <t>ヨウケン</t>
    </rPh>
    <rPh sb="11" eb="12">
      <t>ニン</t>
    </rPh>
    <rPh sb="12" eb="14">
      <t>ハイチ</t>
    </rPh>
    <rPh sb="20" eb="21">
      <t>ニン</t>
    </rPh>
    <rPh sb="21" eb="23">
      <t>ハイチ</t>
    </rPh>
    <rPh sb="25" eb="26">
      <t>ヨ</t>
    </rPh>
    <rPh sb="27" eb="28">
      <t>カ</t>
    </rPh>
    <phoneticPr fontId="2"/>
  </si>
  <si>
    <t>　　　職員に対しても情報共有できるよう、議事概要を作成して職員全体に周知すること。</t>
    <rPh sb="3" eb="5">
      <t>ショクイン</t>
    </rPh>
    <rPh sb="6" eb="7">
      <t>タイ</t>
    </rPh>
    <rPh sb="10" eb="12">
      <t>ジョウホウ</t>
    </rPh>
    <rPh sb="12" eb="14">
      <t>キョウユウ</t>
    </rPh>
    <rPh sb="20" eb="22">
      <t>ギジ</t>
    </rPh>
    <rPh sb="22" eb="24">
      <t>ガイヨウ</t>
    </rPh>
    <rPh sb="25" eb="27">
      <t>サクセイ</t>
    </rPh>
    <rPh sb="29" eb="31">
      <t>ショクイン</t>
    </rPh>
    <rPh sb="31" eb="33">
      <t>ゼンタイ</t>
    </rPh>
    <rPh sb="34" eb="36">
      <t>シュウチ</t>
    </rPh>
    <phoneticPr fontId="2"/>
  </si>
  <si>
    <t>備考３　テクノロジーを導入した場合の介護老人福祉施設の夜間の人員配置基準（従来型）を適用する場合は、当該加算の</t>
    <rPh sb="0" eb="2">
      <t>ビコウ</t>
    </rPh>
    <rPh sb="11" eb="13">
      <t>ドウニュウ</t>
    </rPh>
    <rPh sb="15" eb="17">
      <t>バアイ</t>
    </rPh>
    <rPh sb="18" eb="20">
      <t>カイゴ</t>
    </rPh>
    <rPh sb="20" eb="22">
      <t>ロウジン</t>
    </rPh>
    <rPh sb="22" eb="24">
      <t>フクシ</t>
    </rPh>
    <rPh sb="24" eb="26">
      <t>シセツ</t>
    </rPh>
    <rPh sb="27" eb="29">
      <t>ヤカン</t>
    </rPh>
    <rPh sb="30" eb="32">
      <t>ジンイン</t>
    </rPh>
    <rPh sb="32" eb="34">
      <t>ハイチ</t>
    </rPh>
    <rPh sb="34" eb="36">
      <t>キジュン</t>
    </rPh>
    <rPh sb="37" eb="40">
      <t>ジュウライガタ</t>
    </rPh>
    <rPh sb="42" eb="44">
      <t>テキヨウ</t>
    </rPh>
    <rPh sb="46" eb="48">
      <t>バアイ</t>
    </rPh>
    <rPh sb="50" eb="52">
      <t>トウガイ</t>
    </rPh>
    <rPh sb="52" eb="54">
      <t>カサン</t>
    </rPh>
    <phoneticPr fontId="2"/>
  </si>
  <si>
    <t>備考２　配置要件②の④ⅰの委員会には、夜勤職員をはじめ実際にケア等を行う多職種の職員が参画すること。</t>
    <rPh sb="0" eb="2">
      <t>ビコウ</t>
    </rPh>
    <rPh sb="4" eb="6">
      <t>ハイチ</t>
    </rPh>
    <rPh sb="6" eb="8">
      <t>ヨウケン</t>
    </rPh>
    <rPh sb="13" eb="16">
      <t>イインカイ</t>
    </rPh>
    <rPh sb="19" eb="21">
      <t>ヤキン</t>
    </rPh>
    <rPh sb="21" eb="23">
      <t>ショクイン</t>
    </rPh>
    <rPh sb="27" eb="29">
      <t>ジッサイ</t>
    </rPh>
    <rPh sb="32" eb="33">
      <t>トウ</t>
    </rPh>
    <rPh sb="34" eb="35">
      <t>オコナ</t>
    </rPh>
    <rPh sb="36" eb="39">
      <t>タショクシュ</t>
    </rPh>
    <rPh sb="40" eb="42">
      <t>ショクイン</t>
    </rPh>
    <rPh sb="43" eb="45">
      <t>サンカク</t>
    </rPh>
    <phoneticPr fontId="2"/>
  </si>
  <si>
    <t>　　　根拠書類を準備し、指定権者からの求めがあった場合には、速やかに提出すること。</t>
    <phoneticPr fontId="2"/>
  </si>
  <si>
    <t>備考１　配置要件②については、要件を満たすことが分かる議事概要を提出すること。このほか要件を満たすことが分かる</t>
    <rPh sb="0" eb="2">
      <t>ビコウ</t>
    </rPh>
    <rPh sb="4" eb="6">
      <t>ハイチ</t>
    </rPh>
    <rPh sb="6" eb="8">
      <t>ヨウケン</t>
    </rPh>
    <rPh sb="15" eb="17">
      <t>ヨウケン</t>
    </rPh>
    <rPh sb="18" eb="19">
      <t>ミ</t>
    </rPh>
    <rPh sb="24" eb="25">
      <t>ワ</t>
    </rPh>
    <rPh sb="27" eb="29">
      <t>ギジ</t>
    </rPh>
    <rPh sb="29" eb="31">
      <t>ガイヨウ</t>
    </rPh>
    <rPh sb="32" eb="34">
      <t>テイシュツ</t>
    </rPh>
    <rPh sb="43" eb="45">
      <t>ヨウケン</t>
    </rPh>
    <rPh sb="46" eb="47">
      <t>ミ</t>
    </rPh>
    <rPh sb="52" eb="53">
      <t>ワ</t>
    </rPh>
    <phoneticPr fontId="2"/>
  </si>
  <si>
    <t>ⅴ 夜間の訪室が必要な利用者に対する訪室の個別実施</t>
    <rPh sb="2" eb="4">
      <t>ヤカン</t>
    </rPh>
    <rPh sb="5" eb="7">
      <t>ホウシツ</t>
    </rPh>
    <rPh sb="8" eb="10">
      <t>ヒツヨウ</t>
    </rPh>
    <rPh sb="11" eb="14">
      <t>リヨウシャ</t>
    </rPh>
    <rPh sb="15" eb="16">
      <t>タイ</t>
    </rPh>
    <rPh sb="18" eb="20">
      <t>ホウシツ</t>
    </rPh>
    <rPh sb="21" eb="23">
      <t>コベツ</t>
    </rPh>
    <rPh sb="23" eb="25">
      <t>ジッシ</t>
    </rPh>
    <phoneticPr fontId="2"/>
  </si>
  <si>
    <t>ⅳ 職員に対するテクノロジー活用に関する教育の実施</t>
    <rPh sb="2" eb="4">
      <t>ショクイン</t>
    </rPh>
    <rPh sb="5" eb="6">
      <t>タイ</t>
    </rPh>
    <rPh sb="14" eb="16">
      <t>カツヨウ</t>
    </rPh>
    <rPh sb="17" eb="18">
      <t>カン</t>
    </rPh>
    <rPh sb="20" eb="22">
      <t>キョウイク</t>
    </rPh>
    <rPh sb="23" eb="25">
      <t>ジッシ</t>
    </rPh>
    <phoneticPr fontId="2"/>
  </si>
  <si>
    <t>ⅲ 機器の不具合の定期チェックの実施（メーカーとの連携を含む）</t>
    <rPh sb="2" eb="4">
      <t>キキ</t>
    </rPh>
    <rPh sb="5" eb="8">
      <t>フグアイ</t>
    </rPh>
    <rPh sb="9" eb="11">
      <t>テイキ</t>
    </rPh>
    <rPh sb="16" eb="18">
      <t>ジッシ</t>
    </rPh>
    <rPh sb="25" eb="27">
      <t>レンケイ</t>
    </rPh>
    <rPh sb="28" eb="29">
      <t>フク</t>
    </rPh>
    <phoneticPr fontId="2"/>
  </si>
  <si>
    <t>ⅰ 利用者の安全やケアの質の確保、職員の負担を軽減するための委員会の設置</t>
    <rPh sb="2" eb="5">
      <t>リヨウシャ</t>
    </rPh>
    <rPh sb="6" eb="8">
      <t>アンゼン</t>
    </rPh>
    <rPh sb="12" eb="13">
      <t>シツ</t>
    </rPh>
    <rPh sb="14" eb="16">
      <t>カクホ</t>
    </rPh>
    <rPh sb="17" eb="19">
      <t>ショクイン</t>
    </rPh>
    <rPh sb="20" eb="22">
      <t>フタン</t>
    </rPh>
    <rPh sb="23" eb="25">
      <t>ケイゲン</t>
    </rPh>
    <rPh sb="30" eb="33">
      <t>イインカイ</t>
    </rPh>
    <rPh sb="34" eb="36">
      <t>セッチ</t>
    </rPh>
    <phoneticPr fontId="2"/>
  </si>
  <si>
    <t>配置要件②　最低基準に加えて配置する人員が「0.6人配置」</t>
    <rPh sb="0" eb="2">
      <t>ハイチ</t>
    </rPh>
    <rPh sb="2" eb="4">
      <t>ヨウケン</t>
    </rPh>
    <rPh sb="6" eb="8">
      <t>サイテイ</t>
    </rPh>
    <rPh sb="8" eb="10">
      <t>キジュン</t>
    </rPh>
    <rPh sb="11" eb="12">
      <t>クワ</t>
    </rPh>
    <rPh sb="14" eb="16">
      <t>ハイチ</t>
    </rPh>
    <rPh sb="18" eb="20">
      <t>ジンイン</t>
    </rPh>
    <rPh sb="25" eb="26">
      <t>ニン</t>
    </rPh>
    <rPh sb="26" eb="28">
      <t>ハイチ</t>
    </rPh>
    <phoneticPr fontId="2"/>
  </si>
  <si>
    <t>⑥ 導入機器を安全かつ有効に活用するための委員会における、ヒヤリハット・
   介護事故が減少していることの確認、必要な分析・検討等</t>
    <phoneticPr fontId="2"/>
  </si>
  <si>
    <t>⑤ 導入機器の継続的な使用（９週間以上）</t>
    <rPh sb="7" eb="9">
      <t>ケイゾク</t>
    </rPh>
    <rPh sb="9" eb="10">
      <t>テキ</t>
    </rPh>
    <rPh sb="11" eb="13">
      <t>シヨウ</t>
    </rPh>
    <rPh sb="15" eb="17">
      <t>シュウカン</t>
    </rPh>
    <rPh sb="17" eb="19">
      <t>イジョウ</t>
    </rPh>
    <phoneticPr fontId="2"/>
  </si>
  <si>
    <t>④ 導入機器</t>
    <rPh sb="2" eb="4">
      <t>ドウニュウ</t>
    </rPh>
    <rPh sb="4" eb="6">
      <t>キキ</t>
    </rPh>
    <phoneticPr fontId="2"/>
  </si>
  <si>
    <t>１０％以上</t>
    <rPh sb="3" eb="5">
      <t>イジョウ</t>
    </rPh>
    <phoneticPr fontId="2"/>
  </si>
  <si>
    <t>→　</t>
    <phoneticPr fontId="2"/>
  </si>
  <si>
    <t>③ ①に占める②の割合</t>
    <rPh sb="4" eb="5">
      <t>シ</t>
    </rPh>
    <rPh sb="9" eb="11">
      <t>ワリアイ</t>
    </rPh>
    <phoneticPr fontId="2"/>
  </si>
  <si>
    <t>② 見守り機器を導入して見守りを行っている対象者数</t>
    <rPh sb="2" eb="4">
      <t>ミマモ</t>
    </rPh>
    <rPh sb="5" eb="7">
      <t>キキ</t>
    </rPh>
    <rPh sb="8" eb="10">
      <t>ドウニュウ</t>
    </rPh>
    <rPh sb="12" eb="14">
      <t>ミマモ</t>
    </rPh>
    <rPh sb="16" eb="17">
      <t>オコナ</t>
    </rPh>
    <rPh sb="21" eb="24">
      <t>タイショウシャ</t>
    </rPh>
    <rPh sb="24" eb="25">
      <t>スウ</t>
    </rPh>
    <phoneticPr fontId="2"/>
  </si>
  <si>
    <t>① 入所（利用）者数</t>
    <rPh sb="2" eb="4">
      <t>ニュウショ</t>
    </rPh>
    <rPh sb="5" eb="7">
      <t>リヨウ</t>
    </rPh>
    <rPh sb="8" eb="9">
      <t>シャ</t>
    </rPh>
    <rPh sb="9" eb="10">
      <t>スウ</t>
    </rPh>
    <phoneticPr fontId="2"/>
  </si>
  <si>
    <t>配置要件①　最低基準に加えて配置する人員が「0.9人配置」</t>
    <rPh sb="0" eb="2">
      <t>ハイチ</t>
    </rPh>
    <rPh sb="2" eb="4">
      <t>ヨウケン</t>
    </rPh>
    <rPh sb="6" eb="8">
      <t>サイテイ</t>
    </rPh>
    <rPh sb="8" eb="10">
      <t>キジュン</t>
    </rPh>
    <rPh sb="11" eb="12">
      <t>クワ</t>
    </rPh>
    <rPh sb="14" eb="16">
      <t>ハイチ</t>
    </rPh>
    <rPh sb="18" eb="20">
      <t>ジンイン</t>
    </rPh>
    <rPh sb="25" eb="26">
      <t>ニン</t>
    </rPh>
    <rPh sb="26" eb="28">
      <t>ハイチ</t>
    </rPh>
    <phoneticPr fontId="2"/>
  </si>
  <si>
    <t>以下について、該当する届出項目における必要事項を記載すること。</t>
    <rPh sb="0" eb="2">
      <t>イカ</t>
    </rPh>
    <rPh sb="7" eb="9">
      <t>ガイトウ</t>
    </rPh>
    <rPh sb="11" eb="12">
      <t>トド</t>
    </rPh>
    <rPh sb="12" eb="13">
      <t>デ</t>
    </rPh>
    <rPh sb="13" eb="15">
      <t>コウモク</t>
    </rPh>
    <rPh sb="19" eb="21">
      <t>ヒツヨウ</t>
    </rPh>
    <rPh sb="21" eb="23">
      <t>ジコウ</t>
    </rPh>
    <rPh sb="24" eb="26">
      <t>キサイ</t>
    </rPh>
    <phoneticPr fontId="2"/>
  </si>
  <si>
    <t>3　短期入所生活介護</t>
    <phoneticPr fontId="2"/>
  </si>
  <si>
    <t>テクノロジーの導入による夜勤職員配置加算に係る届出書</t>
    <rPh sb="7" eb="9">
      <t>ドウニュウ</t>
    </rPh>
    <rPh sb="12" eb="14">
      <t>ヤキン</t>
    </rPh>
    <rPh sb="14" eb="16">
      <t>ショクイン</t>
    </rPh>
    <rPh sb="16" eb="18">
      <t>ハイチ</t>
    </rPh>
    <rPh sb="18" eb="20">
      <t>カサン</t>
    </rPh>
    <rPh sb="21" eb="22">
      <t>カカ</t>
    </rPh>
    <rPh sb="23" eb="26">
      <t>トドケデショ</t>
    </rPh>
    <phoneticPr fontId="2"/>
  </si>
  <si>
    <t>（別紙27）</t>
    <phoneticPr fontId="2"/>
  </si>
  <si>
    <t>　　　等の提示について」）を参照すること。</t>
    <phoneticPr fontId="2"/>
  </si>
  <si>
    <t>備考４　届出にあたっては、別途通知（「生産性向上推進体制加算に関する基本的考え方並びに事務処理手順及び様式例</t>
    <rPh sb="0" eb="2">
      <t>ビコウ</t>
    </rPh>
    <phoneticPr fontId="2"/>
  </si>
  <si>
    <t>備考３　本加算を算定する場合は、事業年度毎に取組の実績をオンラインで厚生労働省に報告すること。</t>
    <rPh sb="0" eb="2">
      <t>ビコウ</t>
    </rPh>
    <phoneticPr fontId="2"/>
  </si>
  <si>
    <t>　　　指定権者からの求めがあった場合には、速やかに提出すること。</t>
    <phoneticPr fontId="2"/>
  </si>
  <si>
    <t>備考２　要件を満たすことが分かる委員会の議事概要を提出すること。このほか要件を満たすことが分かる根拠書類を準備し、</t>
    <rPh sb="0" eb="2">
      <t>ビコウ</t>
    </rPh>
    <rPh sb="4" eb="6">
      <t>ヨウケン</t>
    </rPh>
    <rPh sb="7" eb="8">
      <t>ミ</t>
    </rPh>
    <rPh sb="13" eb="14">
      <t>ワ</t>
    </rPh>
    <rPh sb="16" eb="19">
      <t>イインカイ</t>
    </rPh>
    <rPh sb="20" eb="22">
      <t>ギジ</t>
    </rPh>
    <rPh sb="22" eb="24">
      <t>ガイヨウ</t>
    </rPh>
    <rPh sb="25" eb="27">
      <t>テイシュツ</t>
    </rPh>
    <rPh sb="36" eb="38">
      <t>ヨウケン</t>
    </rPh>
    <rPh sb="39" eb="40">
      <t>ミ</t>
    </rPh>
    <rPh sb="45" eb="46">
      <t>ワ</t>
    </rPh>
    <phoneticPr fontId="2"/>
  </si>
  <si>
    <t>備考１　加算（Ⅰ）の要件①については、当該要件に係る各種指標に関する調査結果のデータを提出すること。</t>
    <rPh sb="0" eb="2">
      <t>ビコウ</t>
    </rPh>
    <rPh sb="4" eb="6">
      <t>カサン</t>
    </rPh>
    <rPh sb="10" eb="12">
      <t>ヨウケン</t>
    </rPh>
    <rPh sb="19" eb="21">
      <t>トウガイ</t>
    </rPh>
    <rPh sb="24" eb="25">
      <t>カカ</t>
    </rPh>
    <rPh sb="31" eb="32">
      <t>カン</t>
    </rPh>
    <phoneticPr fontId="2"/>
  </si>
  <si>
    <t>　 員に対する教育の実施</t>
    <phoneticPr fontId="2"/>
  </si>
  <si>
    <t>有・無</t>
    <rPh sb="0" eb="1">
      <t>ウ</t>
    </rPh>
    <rPh sb="2" eb="3">
      <t>ム</t>
    </rPh>
    <phoneticPr fontId="2"/>
  </si>
  <si>
    <t>ⅳ 業務の効率化、ケアの質の確保、職員の負担軽減を図るための職</t>
    <rPh sb="2" eb="4">
      <t>ギョウム</t>
    </rPh>
    <rPh sb="5" eb="8">
      <t>コウリツカ</t>
    </rPh>
    <rPh sb="12" eb="13">
      <t>シツ</t>
    </rPh>
    <rPh sb="14" eb="16">
      <t>カクホ</t>
    </rPh>
    <rPh sb="17" eb="19">
      <t>ショクイン</t>
    </rPh>
    <rPh sb="20" eb="22">
      <t>フタン</t>
    </rPh>
    <rPh sb="22" eb="24">
      <t>ケイゲン</t>
    </rPh>
    <rPh sb="25" eb="26">
      <t>ハカ</t>
    </rPh>
    <rPh sb="30" eb="31">
      <t>ショク</t>
    </rPh>
    <phoneticPr fontId="2"/>
  </si>
  <si>
    <t>ⅰ ①の機器を利用する場合における利用者の安全やケアの質の確保</t>
    <rPh sb="4" eb="6">
      <t>キキ</t>
    </rPh>
    <rPh sb="7" eb="9">
      <t>リヨウ</t>
    </rPh>
    <rPh sb="11" eb="13">
      <t>バアイ</t>
    </rPh>
    <rPh sb="17" eb="20">
      <t>リヨウシャ</t>
    </rPh>
    <rPh sb="21" eb="23">
      <t>アンゼン</t>
    </rPh>
    <rPh sb="27" eb="28">
      <t>シツ</t>
    </rPh>
    <rPh sb="29" eb="31">
      <t>カクホ</t>
    </rPh>
    <phoneticPr fontId="2"/>
  </si>
  <si>
    <t>② 委員会において、以下のすべての項目について必要な検討を行い、当該項目の実施を確認</t>
    <rPh sb="10" eb="12">
      <t>イカ</t>
    </rPh>
    <rPh sb="17" eb="19">
      <t>コウモク</t>
    </rPh>
    <rPh sb="23" eb="25">
      <t>ヒツヨウ</t>
    </rPh>
    <rPh sb="26" eb="28">
      <t>ケントウ</t>
    </rPh>
    <rPh sb="29" eb="30">
      <t>オコナ</t>
    </rPh>
    <rPh sb="32" eb="34">
      <t>トウガイ</t>
    </rPh>
    <rPh sb="34" eb="36">
      <t>コウモク</t>
    </rPh>
    <rPh sb="37" eb="39">
      <t>ジッシ</t>
    </rPh>
    <rPh sb="40" eb="42">
      <t>カクニン</t>
    </rPh>
    <phoneticPr fontId="2"/>
  </si>
  <si>
    <t>（導入機器）</t>
    <rPh sb="1" eb="3">
      <t>ドウニュウ</t>
    </rPh>
    <rPh sb="3" eb="5">
      <t>キキ</t>
    </rPh>
    <phoneticPr fontId="2"/>
  </si>
  <si>
    <t xml:space="preserve">  資するICTを使用 </t>
    <phoneticPr fontId="2"/>
  </si>
  <si>
    <t>　ⅲ 介護記録ソフト、スマートフォン等の介護記録の作成の効率化に</t>
    <rPh sb="3" eb="5">
      <t>カイゴ</t>
    </rPh>
    <rPh sb="5" eb="7">
      <t>キロク</t>
    </rPh>
    <rPh sb="18" eb="19">
      <t>トウ</t>
    </rPh>
    <rPh sb="20" eb="22">
      <t>カイゴ</t>
    </rPh>
    <rPh sb="22" eb="24">
      <t>キロク</t>
    </rPh>
    <rPh sb="25" eb="27">
      <t>サクセイ</t>
    </rPh>
    <rPh sb="28" eb="31">
      <t>コウリツカ</t>
    </rPh>
    <phoneticPr fontId="2"/>
  </si>
  <si>
    <t xml:space="preserve">　ⅱ 職員全員がインカム等のICTを使用 </t>
    <rPh sb="3" eb="5">
      <t>ショクイン</t>
    </rPh>
    <rPh sb="5" eb="7">
      <t>ゼンイン</t>
    </rPh>
    <rPh sb="12" eb="13">
      <t>トウ</t>
    </rPh>
    <rPh sb="18" eb="20">
      <t>シヨウ</t>
    </rPh>
    <phoneticPr fontId="2"/>
  </si>
  <si>
    <t>　見守り機器を導入して見守りを行っている対象者数</t>
    <phoneticPr fontId="2"/>
  </si>
  <si>
    <t>　入所（利用）者数</t>
    <rPh sb="1" eb="3">
      <t>ニュウショ</t>
    </rPh>
    <rPh sb="4" eb="6">
      <t>リヨウ</t>
    </rPh>
    <rPh sb="7" eb="8">
      <t>シャ</t>
    </rPh>
    <rPh sb="8" eb="9">
      <t>スウ</t>
    </rPh>
    <phoneticPr fontId="2"/>
  </si>
  <si>
    <t>　ⅰ入所（利用）者１名以上に見守り機器を使用</t>
    <rPh sb="2" eb="4">
      <t>ニュウショ</t>
    </rPh>
    <rPh sb="5" eb="7">
      <t>リヨウ</t>
    </rPh>
    <rPh sb="8" eb="9">
      <t>シャ</t>
    </rPh>
    <rPh sb="10" eb="11">
      <t>メイ</t>
    </rPh>
    <rPh sb="11" eb="13">
      <t>イジョウ</t>
    </rPh>
    <rPh sb="14" eb="16">
      <t>ミマモ</t>
    </rPh>
    <rPh sb="17" eb="19">
      <t>キキ</t>
    </rPh>
    <rPh sb="20" eb="22">
      <t>シヨウ</t>
    </rPh>
    <phoneticPr fontId="2"/>
  </si>
  <si>
    <t>① 以下のⅰ～ⅲの項目の機器のうち１つ以上を使用</t>
    <rPh sb="2" eb="4">
      <t>イカ</t>
    </rPh>
    <rPh sb="9" eb="11">
      <t>コウモク</t>
    </rPh>
    <rPh sb="12" eb="14">
      <t>キキ</t>
    </rPh>
    <rPh sb="19" eb="21">
      <t>イジョウ</t>
    </rPh>
    <rPh sb="22" eb="24">
      <t>シヨウ</t>
    </rPh>
    <phoneticPr fontId="2"/>
  </si>
  <si>
    <t>生産性向上推進体制加算（Ⅱ）に係る届出</t>
    <rPh sb="0" eb="3">
      <t>セイサンセイ</t>
    </rPh>
    <rPh sb="3" eb="11">
      <t>コウジョウスイシンタイセイカサン</t>
    </rPh>
    <rPh sb="15" eb="16">
      <t>カカ</t>
    </rPh>
    <rPh sb="17" eb="19">
      <t>トドケデ</t>
    </rPh>
    <phoneticPr fontId="2"/>
  </si>
  <si>
    <t>ⅰ ②の機器を利用する場合における利用者の安全やケアの質の確保</t>
    <rPh sb="4" eb="6">
      <t>キキ</t>
    </rPh>
    <rPh sb="7" eb="9">
      <t>リヨウ</t>
    </rPh>
    <rPh sb="11" eb="13">
      <t>バアイ</t>
    </rPh>
    <rPh sb="17" eb="20">
      <t>リヨウシャ</t>
    </rPh>
    <rPh sb="21" eb="23">
      <t>アンゼン</t>
    </rPh>
    <rPh sb="27" eb="28">
      <t>シツ</t>
    </rPh>
    <rPh sb="29" eb="31">
      <t>カクホ</t>
    </rPh>
    <phoneticPr fontId="2"/>
  </si>
  <si>
    <t>　 当該項目の実施を確認</t>
    <phoneticPr fontId="2"/>
  </si>
  <si>
    <t>　 の委員会（以下「委員会」という。）において、以下のすべての項目について必要な検討を行い、</t>
    <phoneticPr fontId="2"/>
  </si>
  <si>
    <t>④ 利用者の安全並びに介護サービスの質の確保及び職員の負担軽減に資する方策を検討するため</t>
    <phoneticPr fontId="2"/>
  </si>
  <si>
    <t>③ 職員間の適切な役割分担（いわゆる介護助手の活用等）の取組等を実施</t>
    <rPh sb="2" eb="4">
      <t>ショクイン</t>
    </rPh>
    <rPh sb="4" eb="5">
      <t>アイダ</t>
    </rPh>
    <rPh sb="6" eb="8">
      <t>テキセツ</t>
    </rPh>
    <rPh sb="9" eb="11">
      <t>ヤクワリ</t>
    </rPh>
    <rPh sb="11" eb="13">
      <t>ブンタン</t>
    </rPh>
    <rPh sb="18" eb="20">
      <t>カイゴ</t>
    </rPh>
    <rPh sb="20" eb="22">
      <t>ジョシュ</t>
    </rPh>
    <rPh sb="23" eb="25">
      <t>カツヨウ</t>
    </rPh>
    <rPh sb="25" eb="26">
      <t>ナド</t>
    </rPh>
    <rPh sb="28" eb="30">
      <t>トリクミ</t>
    </rPh>
    <rPh sb="30" eb="31">
      <t>ナド</t>
    </rPh>
    <rPh sb="32" eb="34">
      <t>ジッシ</t>
    </rPh>
    <phoneticPr fontId="2"/>
  </si>
  <si>
    <t>　ⅰ入所（利用）者全員に見守り機器を使用</t>
    <rPh sb="2" eb="4">
      <t>ニュウショ</t>
    </rPh>
    <rPh sb="5" eb="7">
      <t>リヨウ</t>
    </rPh>
    <rPh sb="8" eb="9">
      <t>シャ</t>
    </rPh>
    <rPh sb="9" eb="11">
      <t>ゼンイン</t>
    </rPh>
    <rPh sb="12" eb="14">
      <t>ミマモ</t>
    </rPh>
    <rPh sb="15" eb="17">
      <t>キキ</t>
    </rPh>
    <rPh sb="18" eb="20">
      <t>シヨウ</t>
    </rPh>
    <phoneticPr fontId="2"/>
  </si>
  <si>
    <t>② 以下のⅰ～ⅲの項目の機器をすべて使用</t>
    <rPh sb="2" eb="4">
      <t>イカ</t>
    </rPh>
    <rPh sb="9" eb="11">
      <t>コウモク</t>
    </rPh>
    <rPh sb="12" eb="14">
      <t>キキ</t>
    </rPh>
    <rPh sb="18" eb="20">
      <t>シヨウ</t>
    </rPh>
    <phoneticPr fontId="2"/>
  </si>
  <si>
    <t>① 加算（Ⅱ）のデータ等により業務改善の取組による成果を確認</t>
    <phoneticPr fontId="2"/>
  </si>
  <si>
    <t>生産性向上推進体制加算（Ⅰ）に係る届出</t>
    <rPh sb="0" eb="3">
      <t>セイサンセイ</t>
    </rPh>
    <rPh sb="3" eb="5">
      <t>コウジョウ</t>
    </rPh>
    <rPh sb="5" eb="7">
      <t>スイシン</t>
    </rPh>
    <rPh sb="7" eb="9">
      <t>タイセイ</t>
    </rPh>
    <rPh sb="9" eb="11">
      <t>カサン</t>
    </rPh>
    <rPh sb="15" eb="16">
      <t>カカ</t>
    </rPh>
    <rPh sb="17" eb="18">
      <t>トド</t>
    </rPh>
    <rPh sb="18" eb="19">
      <t>デ</t>
    </rPh>
    <phoneticPr fontId="2"/>
  </si>
  <si>
    <t>１　生産性向上推進体制加算（Ⅰ）　２　生産性向上推進体制加算（Ⅱ）</t>
    <phoneticPr fontId="2"/>
  </si>
  <si>
    <t>届出区分</t>
    <rPh sb="0" eb="2">
      <t>トドケデ</t>
    </rPh>
    <rPh sb="2" eb="4">
      <t>クブン</t>
    </rPh>
    <phoneticPr fontId="2"/>
  </si>
  <si>
    <t>16　介護予防認知症対応型共同生活介護</t>
    <phoneticPr fontId="2"/>
  </si>
  <si>
    <t>15　介護予防小規模多機能型居宅介護</t>
    <phoneticPr fontId="2"/>
  </si>
  <si>
    <t>14　介護予防特定施設入居者生活介護</t>
    <phoneticPr fontId="2"/>
  </si>
  <si>
    <t>13　介護予防短期入所療養介護</t>
    <rPh sb="3" eb="5">
      <t>カイゴ</t>
    </rPh>
    <rPh sb="5" eb="7">
      <t>ヨボウ</t>
    </rPh>
    <rPh sb="7" eb="9">
      <t>タンキ</t>
    </rPh>
    <rPh sb="9" eb="11">
      <t>ニュウショ</t>
    </rPh>
    <rPh sb="11" eb="13">
      <t>リョウヨウ</t>
    </rPh>
    <rPh sb="13" eb="15">
      <t>カイゴ</t>
    </rPh>
    <phoneticPr fontId="2"/>
  </si>
  <si>
    <t>12　介護予防短期入所生活介護</t>
    <rPh sb="3" eb="5">
      <t>カイゴ</t>
    </rPh>
    <rPh sb="5" eb="7">
      <t>ヨボウ</t>
    </rPh>
    <rPh sb="7" eb="15">
      <t>タンキニュウショセイカツカイゴ</t>
    </rPh>
    <phoneticPr fontId="2"/>
  </si>
  <si>
    <t>11　介護医療院</t>
    <rPh sb="3" eb="5">
      <t>カイゴ</t>
    </rPh>
    <rPh sb="5" eb="7">
      <t>イリョウ</t>
    </rPh>
    <rPh sb="7" eb="8">
      <t>イン</t>
    </rPh>
    <phoneticPr fontId="2"/>
  </si>
  <si>
    <t>10　介護老人保健施設</t>
    <rPh sb="3" eb="5">
      <t>カイゴ</t>
    </rPh>
    <rPh sb="5" eb="7">
      <t>ロウジン</t>
    </rPh>
    <rPh sb="7" eb="9">
      <t>ホケン</t>
    </rPh>
    <rPh sb="9" eb="11">
      <t>シセツ</t>
    </rPh>
    <phoneticPr fontId="2"/>
  </si>
  <si>
    <t>９　介護老人福祉施設</t>
    <phoneticPr fontId="2"/>
  </si>
  <si>
    <t>８　看護小規模多機能型居宅介護</t>
    <phoneticPr fontId="2"/>
  </si>
  <si>
    <t>７　地域密着型介護老人福祉施設</t>
    <phoneticPr fontId="2"/>
  </si>
  <si>
    <t>６　地域密着型特定施設入居者生活介護</t>
    <rPh sb="2" eb="7">
      <t>チイキミッチャクガタ</t>
    </rPh>
    <phoneticPr fontId="2"/>
  </si>
  <si>
    <t>５　認知症対応型共同生活介護</t>
    <phoneticPr fontId="2"/>
  </si>
  <si>
    <t>４　小規模多機能型居宅介護</t>
    <phoneticPr fontId="2"/>
  </si>
  <si>
    <t>３　特定施設入居者生活介護</t>
    <phoneticPr fontId="2"/>
  </si>
  <si>
    <t>２　短期入所療養介護</t>
    <rPh sb="2" eb="4">
      <t>タンキ</t>
    </rPh>
    <rPh sb="4" eb="6">
      <t>ニュウショ</t>
    </rPh>
    <rPh sb="6" eb="8">
      <t>リョウヨウ</t>
    </rPh>
    <rPh sb="8" eb="10">
      <t>カイゴ</t>
    </rPh>
    <phoneticPr fontId="2"/>
  </si>
  <si>
    <t>１　短期入所生活介護</t>
    <rPh sb="2" eb="6">
      <t>タンキニュウショ</t>
    </rPh>
    <rPh sb="6" eb="8">
      <t>セイカツ</t>
    </rPh>
    <rPh sb="8" eb="10">
      <t>カイゴ</t>
    </rPh>
    <phoneticPr fontId="2"/>
  </si>
  <si>
    <t>　1　新規　2　変更　3　終了</t>
    <phoneticPr fontId="2"/>
  </si>
  <si>
    <t>生産性向上推進体制加算に係る届出書</t>
    <rPh sb="0" eb="3">
      <t>セイサンセイ</t>
    </rPh>
    <rPh sb="3" eb="11">
      <t>コウジョウスイシンタイセイカサン</t>
    </rPh>
    <rPh sb="9" eb="11">
      <t>カサン</t>
    </rPh>
    <rPh sb="12" eb="13">
      <t>カカ</t>
    </rPh>
    <rPh sb="14" eb="17">
      <t>トドケデショ</t>
    </rPh>
    <phoneticPr fontId="2"/>
  </si>
  <si>
    <t>令和　　年　　月　　日</t>
    <rPh sb="4" eb="5">
      <t>ネン</t>
    </rPh>
    <rPh sb="7" eb="8">
      <t>ガツ</t>
    </rPh>
    <rPh sb="10" eb="11">
      <t>ニチ</t>
    </rPh>
    <phoneticPr fontId="2"/>
  </si>
  <si>
    <t>（別紙28）</t>
    <phoneticPr fontId="2"/>
  </si>
  <si>
    <t>※　各要件を満たす場合については、それぞれ根拠となる（要件を満たすことがわかる）書類も提出してください。
※　この届出は令和６年９月サービス提供分まで使用可能です。令和６年10月サービス提供分以降は別紙29－2を使用してください。</t>
    <rPh sb="2" eb="3">
      <t>カク</t>
    </rPh>
    <rPh sb="3" eb="5">
      <t>ヨウケン</t>
    </rPh>
    <rPh sb="6" eb="7">
      <t>ミ</t>
    </rPh>
    <rPh sb="9" eb="11">
      <t>バアイ</t>
    </rPh>
    <rPh sb="21" eb="23">
      <t>コンキョ</t>
    </rPh>
    <rPh sb="27" eb="29">
      <t>ヨウケン</t>
    </rPh>
    <rPh sb="30" eb="31">
      <t>ミ</t>
    </rPh>
    <rPh sb="40" eb="41">
      <t>ショ</t>
    </rPh>
    <rPh sb="41" eb="42">
      <t>ルイ</t>
    </rPh>
    <rPh sb="43" eb="45">
      <t>テイシュツ</t>
    </rPh>
    <rPh sb="57" eb="59">
      <t>トドケデ</t>
    </rPh>
    <rPh sb="60" eb="62">
      <t>レイワ</t>
    </rPh>
    <rPh sb="63" eb="64">
      <t>ネン</t>
    </rPh>
    <rPh sb="65" eb="66">
      <t>ガツ</t>
    </rPh>
    <rPh sb="70" eb="73">
      <t>テイキョウブン</t>
    </rPh>
    <rPh sb="75" eb="77">
      <t>シヨウ</t>
    </rPh>
    <rPh sb="77" eb="79">
      <t>カノウ</t>
    </rPh>
    <rPh sb="82" eb="84">
      <t>レイワ</t>
    </rPh>
    <rPh sb="85" eb="86">
      <t>ネン</t>
    </rPh>
    <rPh sb="88" eb="89">
      <t>ガツ</t>
    </rPh>
    <rPh sb="93" eb="96">
      <t>テイキョウブン</t>
    </rPh>
    <rPh sb="96" eb="98">
      <t>イコウ</t>
    </rPh>
    <rPh sb="99" eb="101">
      <t>ベッシ</t>
    </rPh>
    <rPh sb="106" eb="108">
      <t>シヨウ</t>
    </rPh>
    <phoneticPr fontId="2"/>
  </si>
  <si>
    <t>注２４：過去１年間に喀痰吸引が実施されていた者（入所期間が1年以上である入所者にあっては、当該入所期間中（入所時を含む。）に喀痰吸引が実施されていた者）であって、
　　　　口腔衛生管理加算を算定されている者又は平成27年度から令和２年度の口腔衛生管理体制加算の算定要件を満たしている者(平成26年度以前においては、口腔機能維持管理加算又は
　　　　口腔機能維持管理体制加算を算定されていた者及び平成27年度から令和２年度においては口腔衛生管理加算又は口腔衛生管理体制加算を算定されていた者)を含む。
注２５：過去１年間に経管栄養が実施されていた者（入所期間が1年以上である入所者にあっては、当該入所期間中（入所時を含む。）に経管栄養が実施されていた者）であって、
　　　　経口維持加算を算定しているもの又は管理栄養士が栄養ケア・マネジメントを実施するもの（令和2年度以前においては、経口維持加算又は栄養マネジメント加算を算定されていた
　　　　者）を含む。
注２６：退所者（当該施設内で死亡した者及び当該施設を退所後、直ちに病院又は診療所に入院し、一週間以内に退院した後、直ちに再度当該施設に入所した者を除く。）の退所後
　　　　30日以内（当該退所者の退所時の要介護状態区分が要介護四又は要介護五の場合にあっては、14日以内）に、当該施設の従業者が当該退所者の居宅を訪問し、又は指定居宅
　　　　介護支援事業者から情報提供を受けることにより、当該退所者の居宅における生活が継続する見込みであることを確認し、記録していること。
注２７：入所者の心身の諸機能の維持回復を図り、日常生活の自立を助けるため、理学療法、作業療法その他必要なリハビリテーションを計画的に行い、適宜その評価を行っていること。
注２８：医師は、リハビリテーションの実施にあたり、理学療法士等に対し、リハビリテーションの目的に加えて、当該リハビリテーション開始前又は実施中の留意事項、やむを得ず
　　　　当該リハビリテーションを中止する際の基準、当該リハビリテーションにおける負荷量等のうちいずれか一つ以上の指示を行うこと。
注２９：入所者に対し、少なくとも週三回程度のリハビリテーションを実施していること。</t>
    <phoneticPr fontId="2"/>
  </si>
  <si>
    <t xml:space="preserve">注１：当該施設における入所期間が一月間を超えていた者の延数。
注２：居宅とは、病院、診療所及び介護保険施設を除くものである。
注３：当該施設を退所後、直ちに病院又は診療所に入院し、一週間以内に退院した後、直ちに再度当該施設に入所した者については、当該入院期間は入所期間とみなすこととする。
注４：退所後直ちに短期入所生活介護又は短期入所療養介護若しくは小規模多機能型居宅介護の宿泊サービス等を利用する者は居宅への退所者に含まない。
注５：分母（②ー③の値）が０の場合、④は０％とする。
注６：入所者とは、毎日24時現在当該施設に入所中の者をいい、この他に、当該施設に入所してその日のうちに退所又は死亡した者を含むものである。
注７：新規入所者数とは、当該３月間に新たに当該施設に入所した者の数をいう。当該３月以前から当該施設に入所していた者は、新規入所者数には算入しない。
　　　また、当該施設を退所後、当該施設に再入所した者は、新規入所者として取り扱うが、当該施設を退所後、直ちに病院又は診療所に入院し、一週間以内に退院した後、
　　　直ちに再度当該施設に入所した者については、新規入所者数には算入しない。
注８：当該３月間に当該施設から退所した者の数をいう。当該施設において死亡した者及び医療機関へ退所した者は、新規退所者に含むものである。ただし、当該施設を退所後、
　　　直ちに病院又は診療所に入院し、一週間以内に退院した後、直ちに再度当該施設に入所した者については、新規退所者数には算入しない。
注９：居宅を訪問し、当該者及びその家族等に対して退所を目的とした施設サービス計画の策定及び診療方針の決定を行った者の数。
　　　また、居宅とは、病院、診療所及び介護保険施設を除くものである。
注１０：退所後に当該者の自宅ではなく、他の社会福祉施設等に入所する場合であって、当該者の同意を得て、当該社会福祉施設等を訪問し、退所を目的とした施設サービス計画の
　　　　策定及び診療方針の決定を行った者を含む。
注１１：当該施設を退所後、直ちに病院又は診療所に入院し、一週間以内に退院した後、直ちに再度当該施設に入所した者については、入所者数には算入しない。
注１２：分母（②の値）が０の場合、④は０％とする。
注１３：退所後生活することが見込まれる居宅を訪問し、当該者及びその家族等に対して退所後の療養上の指導を行った者。
　　　　また、居宅とは、病院、診療所及び介護保険施設を除くものである。
注１４：退所後に当該者の自宅ではなく、他の社会福祉施設等に入所する場合であって、当該者の同意を得て、当該社会福祉施設等を訪問し、退所を目的とした施設サービス計画の
　　　　策定及び診療方針の決定を行った者を含む。
注１５：当該施設を退所後、直ちに病院又は診療所に入院し、一週間以内に退院した後、直ちに再度当該施設に入所した者については、当該入院期間は入所期間とみなすこととする。
注１６：分母（②の値）が０の場合、④は０％とする。
注１７：当該施設と同一敷地内又は隣接若しくは近接する敷地の病院、診療所、介護老人保健施設又は介護医療院であって、相互に職員の兼務や施設の共用等が行われているもの
　　　　において、算定日が属する月の前３月間に提供実績のある訪問リハビリテーション、通所リハビリテーション及び短期入所療養介護の種類数を含む。
注１８：理学療法士等とは、当該介護老人保健施設の入所者に対して主としてリハビリテーションを提供する業務に従事している理学療法士等をいう。
注１９：常勤換算方法で入所者に対して主としてリハビリテーションを提供する業務に従事している理学療法士、作業療法士及び言語聴覚士のいずれの職種も入所者の数で除した数に
　　　　100で乗じた数が0.２以上であること。
注２０：１週間に勤務すべき時間数が32時間を下回る場合は32時間を基本とする。
注２１：毎日24時現在当該施設に入所中の者をいい、当該施設に入所してその日のうちに退所又は死亡した者を含むものである。
注２２：支援相談員とは、保健医療及び社会福祉に関する相当な学識経験を有し、主として次に掲げるような入所者に対する各種支援及び相談の業務を行う職員をいう。
　　　　① 入所者及び家族の処遇上の相談、② レクリエーション等の計画、指導、③ 市町村との連携、④ ボランティアの指導
注２３： 喀痰吸引及び経管栄養のいずれにも該当する者については、各々該当する欄の人数に含めること。
</t>
    <rPh sb="31" eb="32">
      <t>チュウ</t>
    </rPh>
    <rPh sb="34" eb="36">
      <t>キョタク</t>
    </rPh>
    <rPh sb="172" eb="173">
      <t>ワカ</t>
    </rPh>
    <rPh sb="194" eb="195">
      <t>ナド</t>
    </rPh>
    <phoneticPr fontId="2"/>
  </si>
  <si>
    <t>　在宅復帰・在宅療養支援等指標の合計値が７０以上</t>
    <rPh sb="1" eb="3">
      <t>ザイタク</t>
    </rPh>
    <rPh sb="3" eb="5">
      <t>フッキ</t>
    </rPh>
    <rPh sb="6" eb="8">
      <t>ザイタク</t>
    </rPh>
    <rPh sb="8" eb="10">
      <t>リョウヨウ</t>
    </rPh>
    <rPh sb="10" eb="12">
      <t>シエン</t>
    </rPh>
    <rPh sb="12" eb="13">
      <t>トウ</t>
    </rPh>
    <rPh sb="13" eb="15">
      <t>シヒョウ</t>
    </rPh>
    <rPh sb="16" eb="19">
      <t>ゴウケイチ</t>
    </rPh>
    <rPh sb="22" eb="24">
      <t>イジョウ</t>
    </rPh>
    <phoneticPr fontId="2"/>
  </si>
  <si>
    <t>　「６介護老人保健施設の基本サービス費に係る届出内容」における「②在宅強化型」の項目が全て「有」</t>
    <rPh sb="3" eb="5">
      <t>カイゴ</t>
    </rPh>
    <rPh sb="5" eb="7">
      <t>ロウジン</t>
    </rPh>
    <rPh sb="7" eb="9">
      <t>ホケン</t>
    </rPh>
    <rPh sb="9" eb="11">
      <t>シセツ</t>
    </rPh>
    <rPh sb="12" eb="14">
      <t>キホン</t>
    </rPh>
    <rPh sb="18" eb="19">
      <t>ヒ</t>
    </rPh>
    <rPh sb="20" eb="21">
      <t>カカワ</t>
    </rPh>
    <rPh sb="22" eb="24">
      <t>トドケデ</t>
    </rPh>
    <rPh sb="24" eb="26">
      <t>ナイヨウ</t>
    </rPh>
    <rPh sb="33" eb="35">
      <t>ザイタク</t>
    </rPh>
    <rPh sb="35" eb="38">
      <t>キョウカガタ</t>
    </rPh>
    <rPh sb="40" eb="42">
      <t>コウモク</t>
    </rPh>
    <rPh sb="43" eb="44">
      <t>スベ</t>
    </rPh>
    <rPh sb="46" eb="47">
      <t>ユウ</t>
    </rPh>
    <phoneticPr fontId="2"/>
  </si>
  <si>
    <t>②　在宅復帰・在宅療養支援機能加算（Ⅱ）</t>
    <rPh sb="15" eb="17">
      <t>カサン</t>
    </rPh>
    <phoneticPr fontId="2"/>
  </si>
  <si>
    <t>　地域に貢献する活動の実施</t>
    <phoneticPr fontId="2"/>
  </si>
  <si>
    <t>　在宅復帰・在宅療養支援等指標の合計値が４０以上</t>
    <rPh sb="1" eb="3">
      <t>ザイタク</t>
    </rPh>
    <rPh sb="3" eb="5">
      <t>フッキ</t>
    </rPh>
    <rPh sb="6" eb="8">
      <t>ザイタク</t>
    </rPh>
    <rPh sb="8" eb="10">
      <t>リョウヨウ</t>
    </rPh>
    <rPh sb="10" eb="12">
      <t>シエン</t>
    </rPh>
    <rPh sb="12" eb="13">
      <t>トウ</t>
    </rPh>
    <rPh sb="13" eb="15">
      <t>シヒョウ</t>
    </rPh>
    <phoneticPr fontId="2"/>
  </si>
  <si>
    <t>　「６介護老人保健施設の基本サービス費に係る届出内容」における「①基本型」の項目が全て「有」</t>
    <rPh sb="3" eb="5">
      <t>カイゴ</t>
    </rPh>
    <rPh sb="5" eb="7">
      <t>ロウジン</t>
    </rPh>
    <rPh sb="7" eb="9">
      <t>ホケン</t>
    </rPh>
    <rPh sb="9" eb="11">
      <t>シセツ</t>
    </rPh>
    <rPh sb="12" eb="14">
      <t>キホン</t>
    </rPh>
    <rPh sb="18" eb="19">
      <t>ヒ</t>
    </rPh>
    <rPh sb="20" eb="21">
      <t>カカワ</t>
    </rPh>
    <rPh sb="22" eb="24">
      <t>トドケデ</t>
    </rPh>
    <rPh sb="24" eb="26">
      <t>ナイヨウ</t>
    </rPh>
    <rPh sb="33" eb="36">
      <t>キホンガタ</t>
    </rPh>
    <rPh sb="38" eb="40">
      <t>コウモク</t>
    </rPh>
    <rPh sb="41" eb="42">
      <t>スベ</t>
    </rPh>
    <rPh sb="44" eb="45">
      <t>ユウ</t>
    </rPh>
    <phoneticPr fontId="2"/>
  </si>
  <si>
    <t>①　在宅復帰・在宅療養支援機能加算（Ⅰ）</t>
    <rPh sb="15" eb="17">
      <t>カサン</t>
    </rPh>
    <phoneticPr fontId="2"/>
  </si>
  <si>
    <t>７　在宅復帰・在宅療養支援機能加算に係る届出内容</t>
    <rPh sb="18" eb="19">
      <t>カカ</t>
    </rPh>
    <rPh sb="20" eb="22">
      <t>トドケデ</t>
    </rPh>
    <rPh sb="22" eb="24">
      <t>ナイヨウ</t>
    </rPh>
    <phoneticPr fontId="2"/>
  </si>
  <si>
    <t>　充実したリハビリテーションの実施（注２９）</t>
    <phoneticPr fontId="2"/>
  </si>
  <si>
    <t>　医師の詳細な指示の実施（注２８）</t>
    <phoneticPr fontId="2"/>
  </si>
  <si>
    <t>　リハビリテーションマネジメントの実施（注２７）</t>
    <phoneticPr fontId="2"/>
  </si>
  <si>
    <t>　退所時指導等の実施（注２６）</t>
    <phoneticPr fontId="2"/>
  </si>
  <si>
    <t>　在宅復帰・在宅療養支援等指標の合計値が６０以上</t>
    <rPh sb="1" eb="3">
      <t>ザイタク</t>
    </rPh>
    <rPh sb="3" eb="5">
      <t>フッキ</t>
    </rPh>
    <rPh sb="6" eb="8">
      <t>ザイタク</t>
    </rPh>
    <rPh sb="8" eb="10">
      <t>リョウヨウ</t>
    </rPh>
    <rPh sb="10" eb="12">
      <t>シエン</t>
    </rPh>
    <rPh sb="12" eb="13">
      <t>トウ</t>
    </rPh>
    <rPh sb="13" eb="15">
      <t>シヒョウ</t>
    </rPh>
    <phoneticPr fontId="2"/>
  </si>
  <si>
    <t>②　在宅強化型</t>
    <rPh sb="2" eb="4">
      <t>ザイタク</t>
    </rPh>
    <rPh sb="4" eb="6">
      <t>キョウカ</t>
    </rPh>
    <rPh sb="6" eb="7">
      <t>ガタ</t>
    </rPh>
    <phoneticPr fontId="2"/>
  </si>
  <si>
    <t>　在宅復帰・在宅療養支援等指標の合計値が２０以上</t>
    <rPh sb="1" eb="3">
      <t>ザイタク</t>
    </rPh>
    <rPh sb="3" eb="5">
      <t>フッキ</t>
    </rPh>
    <rPh sb="6" eb="8">
      <t>ザイタク</t>
    </rPh>
    <rPh sb="8" eb="10">
      <t>リョウヨウ</t>
    </rPh>
    <rPh sb="10" eb="12">
      <t>シエン</t>
    </rPh>
    <rPh sb="12" eb="13">
      <t>トウ</t>
    </rPh>
    <rPh sb="13" eb="15">
      <t>シヒョウ</t>
    </rPh>
    <rPh sb="16" eb="19">
      <t>ゴウケイチ</t>
    </rPh>
    <rPh sb="22" eb="24">
      <t>イジョウ</t>
    </rPh>
    <phoneticPr fontId="2"/>
  </si>
  <si>
    <t>①　基本型</t>
    <rPh sb="2" eb="5">
      <t>キホンガタ</t>
    </rPh>
    <phoneticPr fontId="2"/>
  </si>
  <si>
    <t>６　介護老人保健施設の基本サービス費に係る届出内容</t>
    <rPh sb="11" eb="13">
      <t>キホン</t>
    </rPh>
    <rPh sb="17" eb="18">
      <t>ヒ</t>
    </rPh>
    <phoneticPr fontId="2"/>
  </si>
  <si>
    <t>上記評価項目（A～J）について、項目に応じた「在宅復帰・在宅療養支援等指標」の合計値を記入</t>
    <phoneticPr fontId="2"/>
  </si>
  <si>
    <t>５％未満</t>
    <rPh sb="2" eb="4">
      <t>ミマン</t>
    </rPh>
    <phoneticPr fontId="2"/>
  </si>
  <si>
    <t>５％以上１０％未満</t>
    <rPh sb="2" eb="4">
      <t>イジョウ</t>
    </rPh>
    <rPh sb="7" eb="9">
      <t>ミマン</t>
    </rPh>
    <phoneticPr fontId="2"/>
  </si>
  <si>
    <t>当該施設における直近３月間の延入所者数</t>
    <rPh sb="0" eb="2">
      <t>トウガイ</t>
    </rPh>
    <rPh sb="2" eb="4">
      <t>シセツ</t>
    </rPh>
    <rPh sb="8" eb="10">
      <t>チョッキン</t>
    </rPh>
    <rPh sb="11" eb="12">
      <t>ガツ</t>
    </rPh>
    <rPh sb="12" eb="13">
      <t>カン</t>
    </rPh>
    <rPh sb="14" eb="15">
      <t>エン</t>
    </rPh>
    <rPh sb="15" eb="18">
      <t>ニュウショシャ</t>
    </rPh>
    <rPh sb="18" eb="19">
      <t>スウ</t>
    </rPh>
    <phoneticPr fontId="2"/>
  </si>
  <si>
    <t>　①÷②×１００</t>
    <phoneticPr fontId="2"/>
  </si>
  <si>
    <t>直近３月間の入所者ごとの経管栄養を実施した延入所者数
（注２３,２５）</t>
    <rPh sb="0" eb="2">
      <t>チョッキン</t>
    </rPh>
    <rPh sb="3" eb="4">
      <t>ガツ</t>
    </rPh>
    <rPh sb="4" eb="5">
      <t>カン</t>
    </rPh>
    <rPh sb="6" eb="9">
      <t>ニュウショシャ</t>
    </rPh>
    <rPh sb="12" eb="16">
      <t>ケイカンエイヨウ</t>
    </rPh>
    <rPh sb="17" eb="19">
      <t>ジッシ</t>
    </rPh>
    <rPh sb="21" eb="22">
      <t>エン</t>
    </rPh>
    <rPh sb="22" eb="25">
      <t>ニュウショシャ</t>
    </rPh>
    <rPh sb="25" eb="26">
      <t>スウ</t>
    </rPh>
    <phoneticPr fontId="2"/>
  </si>
  <si>
    <t xml:space="preserve"> J　経管栄養の実施割合</t>
    <rPh sb="3" eb="7">
      <t>ケイカンエイヨウ</t>
    </rPh>
    <rPh sb="8" eb="10">
      <t>ジッシ</t>
    </rPh>
    <rPh sb="10" eb="12">
      <t>ワリアイ</t>
    </rPh>
    <phoneticPr fontId="2"/>
  </si>
  <si>
    <r>
      <t>直近３月間の入所者ごとの喀痰吸引を実施した延入所者数
（注</t>
    </r>
    <r>
      <rPr>
        <strike/>
        <sz val="10"/>
        <rFont val="HGSｺﾞｼｯｸM"/>
        <family val="3"/>
        <charset val="128"/>
      </rPr>
      <t>,</t>
    </r>
    <r>
      <rPr>
        <sz val="10"/>
        <rFont val="HGSｺﾞｼｯｸM"/>
        <family val="3"/>
        <charset val="128"/>
      </rPr>
      <t>２３,２４）</t>
    </r>
    <rPh sb="0" eb="2">
      <t>チョッキン</t>
    </rPh>
    <rPh sb="3" eb="4">
      <t>ガツ</t>
    </rPh>
    <rPh sb="4" eb="5">
      <t>カン</t>
    </rPh>
    <rPh sb="6" eb="9">
      <t>ニュウショシャ</t>
    </rPh>
    <rPh sb="12" eb="14">
      <t>カクタン</t>
    </rPh>
    <rPh sb="14" eb="16">
      <t>キュウイン</t>
    </rPh>
    <rPh sb="17" eb="19">
      <t>ジッシ</t>
    </rPh>
    <rPh sb="21" eb="22">
      <t>エン</t>
    </rPh>
    <rPh sb="22" eb="25">
      <t>ニュウショシャ</t>
    </rPh>
    <rPh sb="25" eb="26">
      <t>スウ</t>
    </rPh>
    <phoneticPr fontId="2"/>
  </si>
  <si>
    <t xml:space="preserve"> I　喀痰吸引の実施割合</t>
    <rPh sb="3" eb="5">
      <t>カクタン</t>
    </rPh>
    <rPh sb="5" eb="7">
      <t>キュウイン</t>
    </rPh>
    <rPh sb="8" eb="10">
      <t>ジッシ</t>
    </rPh>
    <rPh sb="10" eb="12">
      <t>ワリアイ</t>
    </rPh>
    <phoneticPr fontId="2"/>
  </si>
  <si>
    <t>３５％未満</t>
    <rPh sb="3" eb="5">
      <t>ミマン</t>
    </rPh>
    <phoneticPr fontId="2"/>
  </si>
  <si>
    <t>３５％以上５０％未満</t>
    <rPh sb="3" eb="5">
      <t>イジョウ</t>
    </rPh>
    <rPh sb="8" eb="10">
      <t>ミマン</t>
    </rPh>
    <phoneticPr fontId="2"/>
  </si>
  <si>
    <t>当該施設における直近３月間の入所者延日数</t>
    <rPh sb="0" eb="2">
      <t>トウガイ</t>
    </rPh>
    <rPh sb="2" eb="4">
      <t>シセツ</t>
    </rPh>
    <rPh sb="8" eb="10">
      <t>チョッキン</t>
    </rPh>
    <rPh sb="11" eb="12">
      <t>ガツ</t>
    </rPh>
    <rPh sb="12" eb="13">
      <t>カン</t>
    </rPh>
    <rPh sb="14" eb="17">
      <t>ニュウショシャ</t>
    </rPh>
    <rPh sb="17" eb="18">
      <t>ノベ</t>
    </rPh>
    <rPh sb="18" eb="20">
      <t>ニッスウ</t>
    </rPh>
    <phoneticPr fontId="2"/>
  </si>
  <si>
    <t>５０％以上</t>
    <rPh sb="3" eb="5">
      <t>イジョウ</t>
    </rPh>
    <phoneticPr fontId="2"/>
  </si>
  <si>
    <t>前３月間における要介護４若しくは要介護５に該当する入所者の延日数</t>
    <rPh sb="0" eb="1">
      <t>ゼン</t>
    </rPh>
    <rPh sb="2" eb="3">
      <t>ガツ</t>
    </rPh>
    <rPh sb="3" eb="4">
      <t>カン</t>
    </rPh>
    <rPh sb="8" eb="11">
      <t>ヨウカイゴ</t>
    </rPh>
    <rPh sb="12" eb="13">
      <t>モ</t>
    </rPh>
    <rPh sb="16" eb="19">
      <t>ヨウカイゴ</t>
    </rPh>
    <rPh sb="21" eb="23">
      <t>ガイトウ</t>
    </rPh>
    <rPh sb="25" eb="28">
      <t>ニュウショシャ</t>
    </rPh>
    <rPh sb="29" eb="30">
      <t>ノベ</t>
    </rPh>
    <rPh sb="30" eb="31">
      <t>ニチ</t>
    </rPh>
    <rPh sb="31" eb="32">
      <t>スウ</t>
    </rPh>
    <phoneticPr fontId="2"/>
  </si>
  <si>
    <t xml:space="preserve"> H　要介護４又は５の割合</t>
    <phoneticPr fontId="2"/>
  </si>
  <si>
    <t>前３月間の延日数</t>
    <phoneticPr fontId="2"/>
  </si>
  <si>
    <t>２未満</t>
    <rPh sb="1" eb="3">
      <t>ミマン</t>
    </rPh>
    <phoneticPr fontId="2"/>
  </si>
  <si>
    <t>前３月間における延入所者数
（注２１）</t>
    <phoneticPr fontId="2"/>
  </si>
  <si>
    <t>２以上３未満</t>
    <rPh sb="1" eb="3">
      <t>イジョウ</t>
    </rPh>
    <rPh sb="4" eb="6">
      <t>ミマン</t>
    </rPh>
    <phoneticPr fontId="2"/>
  </si>
  <si>
    <t>支援相談員が前３月間に勤務すべき時間
（注２０）</t>
    <phoneticPr fontId="2"/>
  </si>
  <si>
    <t>　①÷②÷③×④×１００</t>
    <phoneticPr fontId="2"/>
  </si>
  <si>
    <t>前３月間において支援相談員が当該介護保健施設サービスの提供に従事する勤務延時間数（注２２）</t>
    <rPh sb="0" eb="1">
      <t>ゼン</t>
    </rPh>
    <rPh sb="2" eb="3">
      <t>ガツ</t>
    </rPh>
    <rPh sb="3" eb="4">
      <t>カン</t>
    </rPh>
    <rPh sb="8" eb="10">
      <t>シエン</t>
    </rPh>
    <rPh sb="10" eb="13">
      <t>ソウダンイン</t>
    </rPh>
    <rPh sb="14" eb="16">
      <t>トウガイ</t>
    </rPh>
    <rPh sb="16" eb="18">
      <t>カイゴ</t>
    </rPh>
    <rPh sb="18" eb="20">
      <t>ホケン</t>
    </rPh>
    <rPh sb="20" eb="22">
      <t>シセツ</t>
    </rPh>
    <rPh sb="27" eb="29">
      <t>テイキョウ</t>
    </rPh>
    <rPh sb="30" eb="32">
      <t>ジュウジ</t>
    </rPh>
    <rPh sb="34" eb="36">
      <t>キンム</t>
    </rPh>
    <rPh sb="36" eb="37">
      <t>ノベ</t>
    </rPh>
    <rPh sb="37" eb="40">
      <t>ジカンスウ</t>
    </rPh>
    <phoneticPr fontId="2"/>
  </si>
  <si>
    <t xml:space="preserve"> G　支援相談員の配置割合</t>
    <rPh sb="3" eb="5">
      <t>シエン</t>
    </rPh>
    <rPh sb="5" eb="8">
      <t>ソウダンイン</t>
    </rPh>
    <rPh sb="11" eb="13">
      <t>ワリアイ</t>
    </rPh>
    <phoneticPr fontId="2"/>
  </si>
  <si>
    <t>３未満</t>
    <rPh sb="1" eb="3">
      <t>ミマン</t>
    </rPh>
    <phoneticPr fontId="2"/>
  </si>
  <si>
    <t>算定日が属する月の前３月間の日数</t>
    <phoneticPr fontId="2"/>
  </si>
  <si>
    <t>３以上５未満</t>
    <rPh sb="1" eb="3">
      <t>イジョウ</t>
    </rPh>
    <rPh sb="4" eb="6">
      <t>ミマン</t>
    </rPh>
    <phoneticPr fontId="2"/>
  </si>
  <si>
    <t>算定日が属する月の前３月間における延入所者数（注２１）</t>
    <phoneticPr fontId="2"/>
  </si>
  <si>
    <t>理学療法士等が前３月間に勤務すべき時間
（注１８,２０）</t>
    <rPh sb="7" eb="8">
      <t>マエ</t>
    </rPh>
    <rPh sb="9" eb="10">
      <t>ツキ</t>
    </rPh>
    <rPh sb="10" eb="11">
      <t>カン</t>
    </rPh>
    <phoneticPr fontId="2"/>
  </si>
  <si>
    <t>５以上かつ理学療法士、作業療法士、言語聴覚士を配置（注１９）</t>
    <rPh sb="1" eb="3">
      <t>イジョウ</t>
    </rPh>
    <rPh sb="5" eb="7">
      <t>リガク</t>
    </rPh>
    <rPh sb="7" eb="10">
      <t>リョウホウシ</t>
    </rPh>
    <rPh sb="11" eb="13">
      <t>サギョウ</t>
    </rPh>
    <rPh sb="13" eb="16">
      <t>リョウホウシ</t>
    </rPh>
    <rPh sb="17" eb="19">
      <t>ゲンゴ</t>
    </rPh>
    <rPh sb="19" eb="22">
      <t>チョウカクシ</t>
    </rPh>
    <rPh sb="23" eb="25">
      <t>ハイチ</t>
    </rPh>
    <rPh sb="26" eb="27">
      <t>チュウ</t>
    </rPh>
    <phoneticPr fontId="2"/>
  </si>
  <si>
    <t>前３月間における理学療法士等の当該介護保健施設サービスの提供に従事する勤務延時間数（注１８）</t>
    <phoneticPr fontId="2"/>
  </si>
  <si>
    <t xml:space="preserve"> F　リハ専門職員の配置割合</t>
    <rPh sb="12" eb="14">
      <t>ワリアイ</t>
    </rPh>
    <phoneticPr fontId="2"/>
  </si>
  <si>
    <t>１サービス以下</t>
    <rPh sb="5" eb="7">
      <t>イカ</t>
    </rPh>
    <phoneticPr fontId="2"/>
  </si>
  <si>
    <t>1</t>
    <phoneticPr fontId="2"/>
  </si>
  <si>
    <t>２サービス（訪問リハビリテーションを含まない）</t>
    <rPh sb="6" eb="8">
      <t>ホウモン</t>
    </rPh>
    <rPh sb="18" eb="19">
      <t>フク</t>
    </rPh>
    <phoneticPr fontId="2"/>
  </si>
  <si>
    <t>２サービス（訪問リハビリテーションを含む）</t>
    <rPh sb="6" eb="8">
      <t>ホウモン</t>
    </rPh>
    <rPh sb="18" eb="19">
      <t>フク</t>
    </rPh>
    <phoneticPr fontId="2"/>
  </si>
  <si>
    <t>３サービス</t>
    <phoneticPr fontId="2"/>
  </si>
  <si>
    <t>前３月間に提供実績のある訪問リハビリテーション、通所リハビリテーション及び短期入所療養介護の種類数（注１７）</t>
    <rPh sb="0" eb="1">
      <t>ゼン</t>
    </rPh>
    <rPh sb="2" eb="3">
      <t>ガツ</t>
    </rPh>
    <rPh sb="3" eb="4">
      <t>カン</t>
    </rPh>
    <rPh sb="5" eb="7">
      <t>テイキョウ</t>
    </rPh>
    <rPh sb="7" eb="9">
      <t>ジッセキ</t>
    </rPh>
    <rPh sb="12" eb="14">
      <t>ホウモン</t>
    </rPh>
    <rPh sb="24" eb="26">
      <t>ツウショ</t>
    </rPh>
    <rPh sb="35" eb="36">
      <t>オヨ</t>
    </rPh>
    <rPh sb="37" eb="39">
      <t>タンキ</t>
    </rPh>
    <rPh sb="39" eb="41">
      <t>ニュウショ</t>
    </rPh>
    <rPh sb="41" eb="43">
      <t>リョウヨウ</t>
    </rPh>
    <rPh sb="43" eb="45">
      <t>カイゴ</t>
    </rPh>
    <rPh sb="46" eb="49">
      <t>シュルイスウ</t>
    </rPh>
    <rPh sb="50" eb="51">
      <t>チュウ</t>
    </rPh>
    <phoneticPr fontId="2"/>
  </si>
  <si>
    <t xml:space="preserve"> E　居宅サービスの実施状況</t>
    <rPh sb="3" eb="5">
      <t>キョタク</t>
    </rPh>
    <rPh sb="10" eb="12">
      <t>ジッシ</t>
    </rPh>
    <rPh sb="12" eb="14">
      <t>ジョウキョウ</t>
    </rPh>
    <phoneticPr fontId="2"/>
  </si>
  <si>
    <t>１０％未満</t>
    <rPh sb="3" eb="5">
      <t>ミマン</t>
    </rPh>
    <phoneticPr fontId="2"/>
  </si>
  <si>
    <t>前３月間における居宅への新規退所者の延数（注１５）</t>
    <rPh sb="12" eb="14">
      <t>シンキ</t>
    </rPh>
    <rPh sb="18" eb="19">
      <t>ノ</t>
    </rPh>
    <phoneticPr fontId="2"/>
  </si>
  <si>
    <t>１０％以上３０％未満</t>
    <rPh sb="3" eb="5">
      <t>イジョウ</t>
    </rPh>
    <rPh sb="8" eb="10">
      <t>ミマン</t>
    </rPh>
    <phoneticPr fontId="2"/>
  </si>
  <si>
    <t>３０％以上</t>
    <rPh sb="3" eb="5">
      <t>イジョウ</t>
    </rPh>
    <phoneticPr fontId="2"/>
  </si>
  <si>
    <t>　①÷②×１００（注１６）</t>
    <phoneticPr fontId="2"/>
  </si>
  <si>
    <t>前３月間における新規退所者のうち、退所前後訪問指導を行った者の延数
（注１３,１４,１５）</t>
    <rPh sb="8" eb="10">
      <t>シンキ</t>
    </rPh>
    <phoneticPr fontId="2"/>
  </si>
  <si>
    <t xml:space="preserve"> D　 退所前後訪問指導割合</t>
    <rPh sb="4" eb="6">
      <t>タイショ</t>
    </rPh>
    <rPh sb="12" eb="14">
      <t>ワリアイ</t>
    </rPh>
    <phoneticPr fontId="2"/>
  </si>
  <si>
    <t>１０％未満</t>
    <phoneticPr fontId="2"/>
  </si>
  <si>
    <t>前３月間における新規入所者の延数
（注１１）</t>
    <rPh sb="8" eb="10">
      <t>シンキ</t>
    </rPh>
    <rPh sb="14" eb="15">
      <t>ノ</t>
    </rPh>
    <phoneticPr fontId="2"/>
  </si>
  <si>
    <t>１０％以上３０％未満</t>
    <rPh sb="3" eb="5">
      <t>イジョウ</t>
    </rPh>
    <phoneticPr fontId="2"/>
  </si>
  <si>
    <t>　①÷②×１００（注１２）</t>
    <phoneticPr fontId="2"/>
  </si>
  <si>
    <t>前３月間における新規入所者のうち、入所前後訪問指導を行った者の延数
（注９,１０,１１）</t>
    <rPh sb="8" eb="10">
      <t>シンキ</t>
    </rPh>
    <rPh sb="10" eb="12">
      <t>ニュウショ</t>
    </rPh>
    <rPh sb="17" eb="19">
      <t>ニュウショ</t>
    </rPh>
    <rPh sb="35" eb="36">
      <t>チュウ</t>
    </rPh>
    <phoneticPr fontId="2"/>
  </si>
  <si>
    <t xml:space="preserve"> C　入所前後訪問指導割合</t>
    <rPh sb="11" eb="13">
      <t>ワリアイ</t>
    </rPh>
    <phoneticPr fontId="2"/>
  </si>
  <si>
    <t>直近３月間の新規退所者数（注８）</t>
    <rPh sb="0" eb="2">
      <t>チョッキン</t>
    </rPh>
    <rPh sb="3" eb="4">
      <t>ガツ</t>
    </rPh>
    <rPh sb="4" eb="5">
      <t>カン</t>
    </rPh>
    <rPh sb="6" eb="8">
      <t>シンキ</t>
    </rPh>
    <rPh sb="8" eb="10">
      <t>タイショ</t>
    </rPh>
    <rPh sb="10" eb="11">
      <t>シャ</t>
    </rPh>
    <rPh sb="11" eb="12">
      <t>スウ</t>
    </rPh>
    <rPh sb="13" eb="14">
      <t>チュウ</t>
    </rPh>
    <phoneticPr fontId="2"/>
  </si>
  <si>
    <t>直近３月間の新規入所者の延数
（注６,７）</t>
    <rPh sb="0" eb="2">
      <t>チョッキン</t>
    </rPh>
    <rPh sb="3" eb="4">
      <t>ガツ</t>
    </rPh>
    <rPh sb="4" eb="5">
      <t>カン</t>
    </rPh>
    <rPh sb="6" eb="8">
      <t>シンキ</t>
    </rPh>
    <rPh sb="8" eb="11">
      <t>ニュウショシャ</t>
    </rPh>
    <rPh sb="12" eb="13">
      <t>ノベ</t>
    </rPh>
    <rPh sb="13" eb="14">
      <t>スウ</t>
    </rPh>
    <rPh sb="16" eb="17">
      <t>チュウ</t>
    </rPh>
    <phoneticPr fontId="2"/>
  </si>
  <si>
    <t>　30.4÷①×(②＋③)÷２×100</t>
    <phoneticPr fontId="2"/>
  </si>
  <si>
    <t>直近３月間の延入所者数（注６）</t>
    <phoneticPr fontId="2"/>
  </si>
  <si>
    <t xml:space="preserve"> B　ベッド回転率</t>
    <rPh sb="6" eb="9">
      <t>カイテンリツ</t>
    </rPh>
    <phoneticPr fontId="2"/>
  </si>
  <si>
    <t>３０％以下</t>
    <rPh sb="3" eb="5">
      <t>イカ</t>
    </rPh>
    <phoneticPr fontId="2"/>
  </si>
  <si>
    <t>前６月間における死亡した者の総数
（注３）</t>
    <rPh sb="0" eb="1">
      <t>ゼン</t>
    </rPh>
    <rPh sb="2" eb="3">
      <t>ガツ</t>
    </rPh>
    <rPh sb="3" eb="4">
      <t>カン</t>
    </rPh>
    <rPh sb="8" eb="10">
      <t>シボウ</t>
    </rPh>
    <rPh sb="12" eb="13">
      <t>モノ</t>
    </rPh>
    <phoneticPr fontId="2"/>
  </si>
  <si>
    <t>３０％超５０％以下</t>
    <rPh sb="3" eb="4">
      <t>チョウ</t>
    </rPh>
    <rPh sb="7" eb="9">
      <t>イカ</t>
    </rPh>
    <phoneticPr fontId="2"/>
  </si>
  <si>
    <t>前６月間における退所者の延数
（注３,４）</t>
    <rPh sb="0" eb="1">
      <t>ゼン</t>
    </rPh>
    <rPh sb="2" eb="3">
      <t>ガツ</t>
    </rPh>
    <rPh sb="3" eb="4">
      <t>カン</t>
    </rPh>
    <rPh sb="8" eb="10">
      <t>タイショ</t>
    </rPh>
    <rPh sb="10" eb="11">
      <t>シャ</t>
    </rPh>
    <rPh sb="12" eb="13">
      <t>ノベ</t>
    </rPh>
    <rPh sb="13" eb="14">
      <t>スウ</t>
    </rPh>
    <phoneticPr fontId="2"/>
  </si>
  <si>
    <t>５０％超</t>
    <rPh sb="3" eb="4">
      <t>チョウ</t>
    </rPh>
    <phoneticPr fontId="2"/>
  </si>
  <si>
    <t>　①÷（②ー③）×１００
（注５）</t>
    <phoneticPr fontId="2"/>
  </si>
  <si>
    <t>前６月間における居宅への退所者の延数（注１,２,３,４）</t>
    <rPh sb="0" eb="1">
      <t>ゼン</t>
    </rPh>
    <rPh sb="2" eb="3">
      <t>ガツ</t>
    </rPh>
    <rPh sb="3" eb="4">
      <t>カン</t>
    </rPh>
    <rPh sb="8" eb="10">
      <t>キョタク</t>
    </rPh>
    <rPh sb="12" eb="14">
      <t>タイショ</t>
    </rPh>
    <rPh sb="14" eb="15">
      <t>シャ</t>
    </rPh>
    <rPh sb="16" eb="17">
      <t>ノベ</t>
    </rPh>
    <rPh sb="17" eb="18">
      <t>スウ</t>
    </rPh>
    <rPh sb="19" eb="20">
      <t>チュウ</t>
    </rPh>
    <phoneticPr fontId="2"/>
  </si>
  <si>
    <t xml:space="preserve"> A　在宅復帰率</t>
    <rPh sb="3" eb="5">
      <t>ザイタク</t>
    </rPh>
    <rPh sb="5" eb="7">
      <t>フッキ</t>
    </rPh>
    <rPh sb="7" eb="8">
      <t>リツ</t>
    </rPh>
    <phoneticPr fontId="2"/>
  </si>
  <si>
    <t>在宅復帰・在宅療養支援等指標</t>
    <phoneticPr fontId="2"/>
  </si>
  <si>
    <t>５　在宅復帰・在宅療養支援に関する状況</t>
    <phoneticPr fontId="2"/>
  </si>
  <si>
    <t>2　在宅復帰・在宅療養支援機能加算（Ⅱ）（介護老人保健施設（強化型）のみ）</t>
    <rPh sb="2" eb="4">
      <t>ザイタク</t>
    </rPh>
    <rPh sb="4" eb="6">
      <t>フッキ</t>
    </rPh>
    <rPh sb="7" eb="9">
      <t>ザイタク</t>
    </rPh>
    <rPh sb="9" eb="11">
      <t>リョウヨウ</t>
    </rPh>
    <rPh sb="11" eb="13">
      <t>シエン</t>
    </rPh>
    <rPh sb="13" eb="15">
      <t>キノウ</t>
    </rPh>
    <rPh sb="15" eb="17">
      <t>カサン</t>
    </rPh>
    <rPh sb="21" eb="23">
      <t>カイゴ</t>
    </rPh>
    <rPh sb="23" eb="25">
      <t>ロウジン</t>
    </rPh>
    <rPh sb="25" eb="27">
      <t>ホケン</t>
    </rPh>
    <rPh sb="27" eb="29">
      <t>シセツ</t>
    </rPh>
    <rPh sb="30" eb="32">
      <t>キョウカ</t>
    </rPh>
    <rPh sb="32" eb="33">
      <t>ガタ</t>
    </rPh>
    <phoneticPr fontId="2"/>
  </si>
  <si>
    <t>1　在宅復帰・在宅療養支援機能加算（Ⅰ）（介護老人保健施設（基本型）のみ）</t>
    <rPh sb="2" eb="4">
      <t>ザイタク</t>
    </rPh>
    <rPh sb="4" eb="6">
      <t>フッキ</t>
    </rPh>
    <rPh sb="7" eb="9">
      <t>ザイタク</t>
    </rPh>
    <rPh sb="9" eb="11">
      <t>リョウヨウ</t>
    </rPh>
    <rPh sb="11" eb="13">
      <t>シエン</t>
    </rPh>
    <rPh sb="13" eb="15">
      <t>キノウ</t>
    </rPh>
    <rPh sb="15" eb="17">
      <t>カサン</t>
    </rPh>
    <rPh sb="21" eb="23">
      <t>カイゴ</t>
    </rPh>
    <rPh sb="23" eb="25">
      <t>ロウジン</t>
    </rPh>
    <rPh sb="25" eb="27">
      <t>ホケン</t>
    </rPh>
    <rPh sb="27" eb="29">
      <t>シセツ</t>
    </rPh>
    <rPh sb="30" eb="32">
      <t>キホン</t>
    </rPh>
    <rPh sb="32" eb="33">
      <t>ガタ</t>
    </rPh>
    <phoneticPr fontId="2"/>
  </si>
  <si>
    <t>４　届  出  項  目</t>
    <rPh sb="2" eb="3">
      <t>トドケ</t>
    </rPh>
    <rPh sb="5" eb="6">
      <t>デ</t>
    </rPh>
    <rPh sb="8" eb="9">
      <t>コウ</t>
    </rPh>
    <rPh sb="11" eb="12">
      <t>モク</t>
    </rPh>
    <phoneticPr fontId="2"/>
  </si>
  <si>
    <t>2　介護老人保健施設（基本型）</t>
    <rPh sb="2" eb="4">
      <t>カイゴ</t>
    </rPh>
    <rPh sb="4" eb="6">
      <t>ロウジン</t>
    </rPh>
    <rPh sb="6" eb="8">
      <t>ホケン</t>
    </rPh>
    <rPh sb="8" eb="10">
      <t>シセツ</t>
    </rPh>
    <rPh sb="11" eb="13">
      <t>キホン</t>
    </rPh>
    <rPh sb="13" eb="14">
      <t>ガタ</t>
    </rPh>
    <phoneticPr fontId="2"/>
  </si>
  <si>
    <t>1　介護老人保健施設（在宅強化型）</t>
    <rPh sb="2" eb="4">
      <t>カイゴ</t>
    </rPh>
    <rPh sb="4" eb="6">
      <t>ロウジン</t>
    </rPh>
    <rPh sb="6" eb="8">
      <t>ホケン</t>
    </rPh>
    <rPh sb="8" eb="10">
      <t>シセツ</t>
    </rPh>
    <rPh sb="11" eb="13">
      <t>ザイタク</t>
    </rPh>
    <rPh sb="13" eb="15">
      <t>キョウカ</t>
    </rPh>
    <rPh sb="15" eb="16">
      <t>ガタ</t>
    </rPh>
    <phoneticPr fontId="2"/>
  </si>
  <si>
    <t>３　人員配置区分</t>
    <rPh sb="2" eb="4">
      <t>ジンイン</t>
    </rPh>
    <rPh sb="4" eb="6">
      <t>ハイチ</t>
    </rPh>
    <rPh sb="6" eb="8">
      <t>クブン</t>
    </rPh>
    <phoneticPr fontId="2"/>
  </si>
  <si>
    <t>２　異  動  区  分</t>
    <rPh sb="2" eb="3">
      <t>イ</t>
    </rPh>
    <rPh sb="5" eb="6">
      <t>ドウ</t>
    </rPh>
    <rPh sb="8" eb="9">
      <t>ク</t>
    </rPh>
    <rPh sb="11" eb="12">
      <t>ブン</t>
    </rPh>
    <phoneticPr fontId="2"/>
  </si>
  <si>
    <t>１　事  業  所  名</t>
    <phoneticPr fontId="2"/>
  </si>
  <si>
    <t>介護老人保健施設（基本型・在宅強化型）の基本施設サービス費及び在宅復帰・在宅療養支援機能加算に係る届出書</t>
    <rPh sb="0" eb="2">
      <t>カイゴ</t>
    </rPh>
    <rPh sb="2" eb="4">
      <t>ロウジン</t>
    </rPh>
    <rPh sb="4" eb="6">
      <t>ホケン</t>
    </rPh>
    <rPh sb="6" eb="8">
      <t>シセツ</t>
    </rPh>
    <rPh sb="9" eb="12">
      <t>キホンガタ</t>
    </rPh>
    <rPh sb="13" eb="15">
      <t>ザイタク</t>
    </rPh>
    <rPh sb="15" eb="17">
      <t>キョウカ</t>
    </rPh>
    <rPh sb="17" eb="18">
      <t>ガタ</t>
    </rPh>
    <rPh sb="20" eb="22">
      <t>キホン</t>
    </rPh>
    <rPh sb="22" eb="24">
      <t>シセツ</t>
    </rPh>
    <rPh sb="28" eb="29">
      <t>ヒ</t>
    </rPh>
    <rPh sb="29" eb="30">
      <t>オヨ</t>
    </rPh>
    <rPh sb="31" eb="33">
      <t>ザイタク</t>
    </rPh>
    <rPh sb="33" eb="35">
      <t>フッキ</t>
    </rPh>
    <rPh sb="36" eb="38">
      <t>ザイタク</t>
    </rPh>
    <rPh sb="38" eb="40">
      <t>リョウヨウ</t>
    </rPh>
    <rPh sb="40" eb="42">
      <t>シエン</t>
    </rPh>
    <rPh sb="42" eb="44">
      <t>キノウ</t>
    </rPh>
    <rPh sb="44" eb="46">
      <t>カサン</t>
    </rPh>
    <rPh sb="47" eb="48">
      <t>カカ</t>
    </rPh>
    <rPh sb="49" eb="51">
      <t>トドケデ</t>
    </rPh>
    <rPh sb="51" eb="52">
      <t>ショ</t>
    </rPh>
    <phoneticPr fontId="2"/>
  </si>
  <si>
    <t>（別紙29）</t>
    <phoneticPr fontId="2"/>
  </si>
  <si>
    <t>※　各要件を満たす場合については、それぞれ根拠となる（要件を満たすことがわかる）書類も提出してください。</t>
    <rPh sb="2" eb="3">
      <t>カク</t>
    </rPh>
    <rPh sb="3" eb="5">
      <t>ヨウケン</t>
    </rPh>
    <rPh sb="6" eb="7">
      <t>ミ</t>
    </rPh>
    <rPh sb="9" eb="11">
      <t>バアイ</t>
    </rPh>
    <rPh sb="21" eb="23">
      <t>コンキョ</t>
    </rPh>
    <rPh sb="27" eb="29">
      <t>ヨウケン</t>
    </rPh>
    <rPh sb="30" eb="31">
      <t>ミ</t>
    </rPh>
    <rPh sb="40" eb="41">
      <t>ショ</t>
    </rPh>
    <rPh sb="41" eb="42">
      <t>ルイ</t>
    </rPh>
    <rPh sb="43" eb="45">
      <t>テイシュツ</t>
    </rPh>
    <phoneticPr fontId="2"/>
  </si>
  <si>
    <t xml:space="preserve">注２３： 喀痰吸引及び経管栄養のいずれにも該当する者については、各々該当する欄の人数に含めること。
注２４：過去１年間に喀痰吸引が実施されていた者（入所期間が1年以上である入所者にあっては、当該入所期間中（入所時を含む。）に喀痰吸引が実施されていた者）であって、
　　　　口腔衛生管理加算を算定されている者又は平成27年度から令和２年度の口腔衛生管理体制加算の算定要件を満たしている者(平成26年度以前においては、口腔機能維持管理加算又は
　　　　口腔機能維持管理体制加算を算定されていた者及び平成27年度から令和２年度においては口腔衛生管理加算又は口腔衛生管理体制加算を算定されていた者)を含む。
注２５：過去１年間に経管栄養が実施されていた者（入所期間が1年以上である入所者にあっては、当該入所期間中（入所時を含む。）に経管栄養が実施されていた者）であって、
　　　　経口維持加算を算定しているもの又は管理栄養士が栄養ケア・マネジメントを実施するもの（令和2年度以前においては、経口維持加算又は栄養マネジメント加算を算定されていた
　　　　者）を含む。
注２６：退所者（当該施設内で死亡した者及び当該施設を退所後、直ちに病院又は診療所に入院し、一週間以内に退院した後、直ちに再度当該施設に入所した者を除く。）の退所後
　　　　30日以内（当該退所者の退所時の要介護状態区分が要介護四又は要介護五の場合にあっては、14日以内）に、当該施設の従業者が当該退所者の居宅を訪問し、又は指定居宅
　　　　介護支援事業者から情報提供を受けることにより、当該退所者の居宅における生活が継続する見込みであることを確認し、記録していること。
注２７：入所者の心身の諸機能の維持回復を図り、日常生活の自立を助けるため、理学療法、作業療法その他必要なリハビリテーションを計画的に行い、適宜その評価を行っていること。
注２８：医師は、リハビリテーションの実施にあたり、理学療法士等に対し、リハビリテーションの目的に加えて、当該リハビリテーション開始前又は実施中の留意事項、やむを得ず
　　　　当該リハビリテーションを中止する際の基準、当該リハビリテーションにおける負荷量等のうちいずれか一つ以上の指示を行うこと。
注２９：入所者に対し、少なくとも週三回程度のリハビリテーションを実施していること。
</t>
    <rPh sb="799" eb="800">
      <t>チュウ</t>
    </rPh>
    <rPh sb="829" eb="830">
      <t>トウ</t>
    </rPh>
    <rPh sb="844" eb="846">
      <t>モクテキ</t>
    </rPh>
    <rPh sb="847" eb="848">
      <t>クワ</t>
    </rPh>
    <rPh sb="851" eb="853">
      <t>トウガイ</t>
    </rPh>
    <rPh sb="862" eb="865">
      <t>カイシマエ</t>
    </rPh>
    <rPh sb="865" eb="866">
      <t>マタ</t>
    </rPh>
    <rPh sb="867" eb="869">
      <t>ジッシ</t>
    </rPh>
    <rPh sb="869" eb="870">
      <t>ナカ</t>
    </rPh>
    <rPh sb="871" eb="873">
      <t>リュウイ</t>
    </rPh>
    <rPh sb="873" eb="875">
      <t>ジコウ</t>
    </rPh>
    <rPh sb="879" eb="880">
      <t>エ</t>
    </rPh>
    <rPh sb="886" eb="888">
      <t>トウガイ</t>
    </rPh>
    <rPh sb="898" eb="900">
      <t>チュウシ</t>
    </rPh>
    <rPh sb="902" eb="903">
      <t>サイ</t>
    </rPh>
    <rPh sb="904" eb="906">
      <t>キジュン</t>
    </rPh>
    <rPh sb="907" eb="909">
      <t>トウガイ</t>
    </rPh>
    <phoneticPr fontId="2"/>
  </si>
  <si>
    <t>注１：当該施設における入所期間が一月間を超えていた者の延数。
注２：居宅とは、病院、診療所及び介護保険施設を除くものである。
注３：当該施設を退所後、直ちに病院又は診療所に入院し、一週間以内に退院した後、直ちに再度当該施設に入所した者については、当該入院期間は入所期間とみなすこととする。
注４：退所後直ちに短期入所生活介護又は短期入所療養介護若しくは小規模多機能型居宅介護の宿泊サービス等を利用する者は居宅への退所者に含まない。
注５：分母（②ー③の値）が０の場合、④は０％とする。
注６：入所者とは、毎日24時現在当該施設に入所中の者をいい、この他に、当該施設に入所してその日のうちに退所又は死亡した者を含むものである。
注７：新規入所者数とは、当該３月間に新たに当該施設に入所した者の数をいう。当該３月以前から当該施設に入所していた者は、新規入所者数には算入しない。
　　　また、当該施設を退所後、当該施設に再入所した者は、新規入所者として取り扱うが、当該施設を退所後、直ちに病院又は診療所に入院し、一週間以内に退院した後、
　　　直ちに再度当該施設に入所した者については、新規入所者数には算入しない。
注８：当該３月間に当該施設から退所した者の数をいう。当該施設において死亡した者及び医療機関へ退所した者は、新規退所者に含むものである。ただし、当該施設を退所後、
　　　直ちに病院又は診療所に入院し、一週間以内に退院した後、直ちに再度当該施設に入所した者については、新規退所者数には算入しない。
注９：居宅を訪問し、当該者及びその家族等に対して退所を目的とした施設サービス計画の策定及び診療方針の決定を行った者の数。
　　　また、居宅とは、病院、診療所及び介護保険施設を除くものである。
注１０：退所後に当該者の自宅ではなく、他の社会福祉施設等に入所する場合であって、当該者の同意を得て、当該社会福祉施設等を訪問し、退所を目的とした施設サービス計画の
　　　　策定及び診療方針の決定を行った者を含む。
注１１：当該施設を退所後、直ちに病院又は診療所に入院し、一週間以内に退院した後、直ちに再度当該施設に入所した者については、入所者数には算入しない。
注１２：分母（②の値）が０の場合、④は０％とする。
注１３：退所後生活することが見込まれる居宅を訪問し、当該者及びその家族等に対して退所後の療養上の指導を行った者。
　　　　また、居宅とは、病院、診療所及び介護保険施設を除くものである。
注１４：退所後に当該者の自宅ではなく、他の社会福祉施設等に入所する場合であって、当該者の同意を得て、当該社会福祉施設等を訪問し、退所を目的とした施設サービス計画の
　　　　策定及び診療方針の決定を行った者を含む。
注１５：当該施設を退所後、直ちに病院又は診療所に入院し、一週間以内に退院した後、直ちに再度当該施設に入所した者については、当該入院期間は入所期間とみなすこととする。
注１６：分母（②の値）が０の場合、④は０％とする。
注１７：当該施設と同一敷地内又は隣接若しくは近接する敷地の病院、診療所、介護老人保健施設又は介護医療院であって、相互に職員の兼務や施設の共用等が行われているもの
　　　　において、算定日が属する月の前３月間に提供実績のある訪問リハビリテーション、通所リハビリテーション及び短期入所療養介護の種類数を含む。
注１８：理学療法士等とは、当該介護老人保健施設の入所者に対して主としてリハビリテーションを提供する業務に従事している理学療法士等をいう。
注１９：常勤換算方法で入所者に対して主としてリハビリテーションを提供する業務に従事している理学療法士、作業療法士及び言語聴覚士のいずれの職種も入所者の数で除した数に
　　　　100で乗じた数が0.２以上であること。
注２０：１週間に勤務すべき時間数が32時間を下回る場合は32時間を基本とする。
注２１：毎日24時現在当該施設に入所中の者をいい、当該施設に入所してその日のうちに退所又は死亡した者を含むものである。
注２２：支援相談員とは、保健医療及び社会福祉に関する相当な学識経験を有し、主として次に掲げるような入所者に対する各種支援及び相談の業務を行う職員をいう。
　　　　① 入所者及び家族の処遇上の相談、② レクリエーション等の計画、指導、③ 市町村との連携、④ ボランティアの指導</t>
    <rPh sb="31" eb="32">
      <t>チュウ</t>
    </rPh>
    <rPh sb="34" eb="36">
      <t>キョタク</t>
    </rPh>
    <rPh sb="172" eb="173">
      <t>ワカ</t>
    </rPh>
    <rPh sb="194" eb="195">
      <t>ナド</t>
    </rPh>
    <rPh sb="1486" eb="1487">
      <t>チュウ</t>
    </rPh>
    <phoneticPr fontId="2"/>
  </si>
  <si>
    <t>　医師の詳細な指示の実施（注２８）</t>
    <rPh sb="1" eb="3">
      <t>イシ</t>
    </rPh>
    <rPh sb="4" eb="6">
      <t>ショウサイ</t>
    </rPh>
    <rPh sb="7" eb="9">
      <t>シジ</t>
    </rPh>
    <phoneticPr fontId="2"/>
  </si>
  <si>
    <t>直近３月間の入所者ごとの喀痰吸引を実施した延入所者数
（注２３,２４）</t>
    <rPh sb="0" eb="2">
      <t>チョッキン</t>
    </rPh>
    <rPh sb="3" eb="4">
      <t>ガツ</t>
    </rPh>
    <rPh sb="4" eb="5">
      <t>カン</t>
    </rPh>
    <rPh sb="6" eb="9">
      <t>ニュウショシャ</t>
    </rPh>
    <rPh sb="12" eb="14">
      <t>カクタン</t>
    </rPh>
    <rPh sb="14" eb="16">
      <t>キュウイン</t>
    </rPh>
    <rPh sb="17" eb="19">
      <t>ジッシ</t>
    </rPh>
    <rPh sb="21" eb="22">
      <t>エン</t>
    </rPh>
    <rPh sb="22" eb="25">
      <t>ニュウショシャ</t>
    </rPh>
    <rPh sb="25" eb="26">
      <t>スウ</t>
    </rPh>
    <phoneticPr fontId="2"/>
  </si>
  <si>
    <t>３以上かつ社会福祉士１以上</t>
    <rPh sb="1" eb="3">
      <t>イジョウ</t>
    </rPh>
    <rPh sb="5" eb="7">
      <t>シャカイ</t>
    </rPh>
    <rPh sb="7" eb="10">
      <t>フクシシ</t>
    </rPh>
    <rPh sb="11" eb="13">
      <t>イジョウ</t>
    </rPh>
    <phoneticPr fontId="2"/>
  </si>
  <si>
    <t>理学療法士等が前３月間に勤務すべき時間（注１８,２０）</t>
    <rPh sb="7" eb="8">
      <t>マエ</t>
    </rPh>
    <rPh sb="9" eb="10">
      <t>ツキ</t>
    </rPh>
    <rPh sb="10" eb="11">
      <t>カン</t>
    </rPh>
    <phoneticPr fontId="2"/>
  </si>
  <si>
    <t>１５％未満</t>
    <phoneticPr fontId="2"/>
  </si>
  <si>
    <t>１５％以上３５％未満</t>
    <rPh sb="3" eb="5">
      <t>イジョウ</t>
    </rPh>
    <phoneticPr fontId="2"/>
  </si>
  <si>
    <t>３５％以上</t>
    <rPh sb="3" eb="5">
      <t>イジョウ</t>
    </rPh>
    <phoneticPr fontId="2"/>
  </si>
  <si>
    <t>（別紙29－2）</t>
    <phoneticPr fontId="2"/>
  </si>
  <si>
    <t>注：当該施設が介護療養型老人保健施設への転換以後の新規入所者の実績が12月に達した時点から適用する。</t>
    <rPh sb="0" eb="1">
      <t>チュウ</t>
    </rPh>
    <rPh sb="2" eb="4">
      <t>トウガイ</t>
    </rPh>
    <rPh sb="4" eb="6">
      <t>シセツ</t>
    </rPh>
    <rPh sb="7" eb="9">
      <t>カイゴ</t>
    </rPh>
    <rPh sb="9" eb="12">
      <t>リョウヨウガタ</t>
    </rPh>
    <rPh sb="12" eb="16">
      <t>ロウジンホケン</t>
    </rPh>
    <rPh sb="16" eb="18">
      <t>シセツ</t>
    </rPh>
    <rPh sb="20" eb="22">
      <t>テンカン</t>
    </rPh>
    <rPh sb="22" eb="24">
      <t>イゴ</t>
    </rPh>
    <rPh sb="25" eb="27">
      <t>シンキ</t>
    </rPh>
    <rPh sb="27" eb="30">
      <t>ニュウショシャ</t>
    </rPh>
    <rPh sb="31" eb="33">
      <t>ジッセキ</t>
    </rPh>
    <rPh sb="36" eb="37">
      <t>ツキ</t>
    </rPh>
    <rPh sb="38" eb="39">
      <t>タッ</t>
    </rPh>
    <rPh sb="41" eb="43">
      <t>ジテン</t>
    </rPh>
    <rPh sb="45" eb="47">
      <t>テキヨウ</t>
    </rPh>
    <phoneticPr fontId="2"/>
  </si>
  <si>
    <t>①に占める④の割合</t>
    <phoneticPr fontId="2"/>
  </si>
  <si>
    <t>かつ</t>
    <phoneticPr fontId="2"/>
  </si>
  <si>
    <t>①のうち、日常生活自立度のランクⅣ又はＭに該当する入所者及び利用者</t>
    <rPh sb="5" eb="7">
      <t>ニチジョウ</t>
    </rPh>
    <rPh sb="7" eb="9">
      <t>セイカツ</t>
    </rPh>
    <rPh sb="9" eb="12">
      <t>ジリツド</t>
    </rPh>
    <rPh sb="17" eb="18">
      <t>マタ</t>
    </rPh>
    <rPh sb="21" eb="23">
      <t>ガイトウ</t>
    </rPh>
    <rPh sb="25" eb="28">
      <t>ニュウショシャ</t>
    </rPh>
    <rPh sb="28" eb="29">
      <t>オヨ</t>
    </rPh>
    <rPh sb="30" eb="33">
      <t>リヨウシャ</t>
    </rPh>
    <phoneticPr fontId="2"/>
  </si>
  <si>
    <t>２０％以上</t>
    <rPh sb="3" eb="5">
      <t>イジョウ</t>
    </rPh>
    <phoneticPr fontId="2"/>
  </si>
  <si>
    <t>3月間の平均</t>
    <rPh sb="1" eb="2">
      <t>ツキ</t>
    </rPh>
    <rPh sb="2" eb="3">
      <t>カン</t>
    </rPh>
    <rPh sb="4" eb="6">
      <t>ヘイキン</t>
    </rPh>
    <phoneticPr fontId="2"/>
  </si>
  <si>
    <t>①のうち、喀痰吸引若しくは経管
栄養が実施された入所者及び利用者</t>
    <rPh sb="5" eb="7">
      <t>カクタン</t>
    </rPh>
    <rPh sb="7" eb="9">
      <t>キュウイン</t>
    </rPh>
    <rPh sb="9" eb="10">
      <t>モ</t>
    </rPh>
    <rPh sb="13" eb="15">
      <t>ケイカン</t>
    </rPh>
    <rPh sb="16" eb="18">
      <t>エイヨウ</t>
    </rPh>
    <rPh sb="19" eb="21">
      <t>ジッシ</t>
    </rPh>
    <rPh sb="24" eb="27">
      <t>ニュウショシャ</t>
    </rPh>
    <rPh sb="27" eb="28">
      <t>オヨ</t>
    </rPh>
    <rPh sb="29" eb="32">
      <t>リヨウシャ</t>
    </rPh>
    <phoneticPr fontId="2"/>
  </si>
  <si>
    <t>前3月の入所者及び利用者の総数</t>
    <rPh sb="0" eb="1">
      <t>マエ</t>
    </rPh>
    <rPh sb="2" eb="3">
      <t>ツキ</t>
    </rPh>
    <rPh sb="4" eb="6">
      <t>ニュウショ</t>
    </rPh>
    <rPh sb="6" eb="7">
      <t>シャ</t>
    </rPh>
    <rPh sb="7" eb="8">
      <t>オヨ</t>
    </rPh>
    <rPh sb="9" eb="12">
      <t>リヨウシャ</t>
    </rPh>
    <rPh sb="13" eb="15">
      <t>ソウスウ</t>
    </rPh>
    <phoneticPr fontId="2"/>
  </si>
  <si>
    <t>平均</t>
    <rPh sb="0" eb="2">
      <t>ヘイキン</t>
    </rPh>
    <phoneticPr fontId="2"/>
  </si>
  <si>
    <t>前月末</t>
    <rPh sb="0" eb="1">
      <t>マエ</t>
    </rPh>
    <rPh sb="1" eb="3">
      <t>ゲツマツ</t>
    </rPh>
    <phoneticPr fontId="2"/>
  </si>
  <si>
    <t>前々月末</t>
    <rPh sb="0" eb="2">
      <t>ゼンゼン</t>
    </rPh>
    <rPh sb="2" eb="4">
      <t>ゲツマツ</t>
    </rPh>
    <phoneticPr fontId="2"/>
  </si>
  <si>
    <t>前々々月末</t>
    <rPh sb="0" eb="2">
      <t>ゼンゼン</t>
    </rPh>
    <rPh sb="3" eb="5">
      <t>ゲツマツ</t>
    </rPh>
    <phoneticPr fontId="2"/>
  </si>
  <si>
    <t>　①　入所者及び利用者の状況</t>
    <rPh sb="3" eb="6">
      <t>ニュウショシャ</t>
    </rPh>
    <rPh sb="6" eb="7">
      <t>オヨ</t>
    </rPh>
    <rPh sb="8" eb="11">
      <t>リヨウシャ</t>
    </rPh>
    <rPh sb="12" eb="14">
      <t>ジョウキョウ</t>
    </rPh>
    <phoneticPr fontId="2"/>
  </si>
  <si>
    <t>６　療養体制維持特別加算（Ⅱ）に係る届出内容</t>
    <phoneticPr fontId="2"/>
  </si>
  <si>
    <t xml:space="preserve">　  </t>
    <phoneticPr fontId="2"/>
  </si>
  <si>
    <t>①のうち、日常生活自立度のランクＭに該当する入所者及び利用者</t>
    <rPh sb="5" eb="7">
      <t>ニチジョウ</t>
    </rPh>
    <rPh sb="7" eb="9">
      <t>セイカツ</t>
    </rPh>
    <rPh sb="9" eb="12">
      <t>ジリツド</t>
    </rPh>
    <rPh sb="18" eb="20">
      <t>ガイトウ</t>
    </rPh>
    <rPh sb="22" eb="25">
      <t>ニュウショシャ</t>
    </rPh>
    <rPh sb="25" eb="26">
      <t>オヨ</t>
    </rPh>
    <rPh sb="27" eb="30">
      <t>リヨウシャ</t>
    </rPh>
    <phoneticPr fontId="2"/>
  </si>
  <si>
    <t>１５％以上</t>
    <rPh sb="3" eb="5">
      <t>イジョウ</t>
    </rPh>
    <phoneticPr fontId="2"/>
  </si>
  <si>
    <t>　 ②　入所者・利用者の利用状況</t>
    <rPh sb="4" eb="7">
      <t>ニュウショシャ</t>
    </rPh>
    <rPh sb="8" eb="11">
      <t>リヨウシャ</t>
    </rPh>
    <rPh sb="12" eb="13">
      <t>リ</t>
    </rPh>
    <rPh sb="13" eb="14">
      <t>ヨウ</t>
    </rPh>
    <rPh sb="14" eb="16">
      <t>ジョウキョウ</t>
    </rPh>
    <phoneticPr fontId="2"/>
  </si>
  <si>
    <t>　（①に占める②の割合）－（①に占める③の割合）</t>
    <rPh sb="4" eb="5">
      <t>シ</t>
    </rPh>
    <rPh sb="9" eb="11">
      <t>ワリアイ</t>
    </rPh>
    <rPh sb="16" eb="17">
      <t>シ</t>
    </rPh>
    <rPh sb="21" eb="23">
      <t>ワリアイ</t>
    </rPh>
    <phoneticPr fontId="2"/>
  </si>
  <si>
    <t>　①のうち、自宅等から入所した者の総数</t>
    <rPh sb="8" eb="9">
      <t>トウ</t>
    </rPh>
    <phoneticPr fontId="2"/>
  </si>
  <si>
    <t>　①のうち、医療機関を退院し入所した者の総数</t>
    <phoneticPr fontId="2"/>
  </si>
  <si>
    <t>　前12月の新規入所者の総数</t>
    <rPh sb="1" eb="2">
      <t>ゼン</t>
    </rPh>
    <rPh sb="4" eb="5">
      <t>ツキ</t>
    </rPh>
    <phoneticPr fontId="2"/>
  </si>
  <si>
    <t>　①　新規入所者の状況（注）</t>
    <rPh sb="3" eb="5">
      <t>シンキ</t>
    </rPh>
    <rPh sb="5" eb="7">
      <t>ニュウショ</t>
    </rPh>
    <rPh sb="7" eb="8">
      <t>シャ</t>
    </rPh>
    <rPh sb="9" eb="11">
      <t>ジョウキョウ</t>
    </rPh>
    <rPh sb="12" eb="13">
      <t>チュウ</t>
    </rPh>
    <phoneticPr fontId="2"/>
  </si>
  <si>
    <t>５　介護老人保健施設（療養型）に係る届出内容</t>
    <phoneticPr fontId="2"/>
  </si>
  <si>
    <t xml:space="preserve">     </t>
    <phoneticPr fontId="2"/>
  </si>
  <si>
    <t>1　療養体制維持特別加算（Ⅱ）（介護老人保健施設（療養型）のみ）</t>
    <rPh sb="2" eb="4">
      <t>リョウヨウ</t>
    </rPh>
    <rPh sb="4" eb="6">
      <t>タイセイ</t>
    </rPh>
    <rPh sb="6" eb="8">
      <t>イジ</t>
    </rPh>
    <rPh sb="8" eb="10">
      <t>トクベツ</t>
    </rPh>
    <rPh sb="10" eb="12">
      <t>カサン</t>
    </rPh>
    <rPh sb="16" eb="18">
      <t>カイゴ</t>
    </rPh>
    <rPh sb="18" eb="20">
      <t>ロウジン</t>
    </rPh>
    <rPh sb="20" eb="22">
      <t>ホケン</t>
    </rPh>
    <rPh sb="22" eb="24">
      <t>シセツ</t>
    </rPh>
    <rPh sb="25" eb="28">
      <t>リョウヨウガタ</t>
    </rPh>
    <phoneticPr fontId="2"/>
  </si>
  <si>
    <t>４　届  出  項  目</t>
    <rPh sb="2" eb="3">
      <t>トドケ</t>
    </rPh>
    <rPh sb="5" eb="6">
      <t>デ</t>
    </rPh>
    <rPh sb="8" eb="9">
      <t>コウ</t>
    </rPh>
    <rPh sb="11" eb="12">
      <t>メ</t>
    </rPh>
    <phoneticPr fontId="2"/>
  </si>
  <si>
    <t>1　介護老人保健施設（療養型）</t>
    <rPh sb="2" eb="4">
      <t>カイゴ</t>
    </rPh>
    <rPh sb="4" eb="6">
      <t>ロウジン</t>
    </rPh>
    <rPh sb="6" eb="8">
      <t>ホケン</t>
    </rPh>
    <rPh sb="8" eb="10">
      <t>シセツ</t>
    </rPh>
    <rPh sb="11" eb="14">
      <t>リョウヨウガタ</t>
    </rPh>
    <phoneticPr fontId="2"/>
  </si>
  <si>
    <t>介護老人保健施設（療養型）の基本施設サービス費及び療養体制維持特別加算（Ⅱ）に係る届出書</t>
    <rPh sb="0" eb="2">
      <t>カイゴ</t>
    </rPh>
    <rPh sb="2" eb="4">
      <t>ロウジン</t>
    </rPh>
    <rPh sb="4" eb="6">
      <t>ホケン</t>
    </rPh>
    <rPh sb="6" eb="8">
      <t>シセツ</t>
    </rPh>
    <rPh sb="9" eb="12">
      <t>リョウヨウガタ</t>
    </rPh>
    <rPh sb="14" eb="16">
      <t>キホン</t>
    </rPh>
    <rPh sb="16" eb="18">
      <t>シセツ</t>
    </rPh>
    <rPh sb="22" eb="23">
      <t>ヒ</t>
    </rPh>
    <rPh sb="23" eb="24">
      <t>オヨ</t>
    </rPh>
    <rPh sb="25" eb="27">
      <t>リョウヨウ</t>
    </rPh>
    <rPh sb="27" eb="29">
      <t>タイセイ</t>
    </rPh>
    <rPh sb="29" eb="31">
      <t>イジ</t>
    </rPh>
    <rPh sb="31" eb="33">
      <t>トクベツ</t>
    </rPh>
    <rPh sb="33" eb="35">
      <t>カサン</t>
    </rPh>
    <rPh sb="39" eb="40">
      <t>カカ</t>
    </rPh>
    <rPh sb="41" eb="43">
      <t>トドケデ</t>
    </rPh>
    <rPh sb="43" eb="44">
      <t>ショ</t>
    </rPh>
    <phoneticPr fontId="2"/>
  </si>
  <si>
    <t>（別紙29－3）</t>
    <phoneticPr fontId="2"/>
  </si>
  <si>
    <t>注６：自ら実施する者は除く。</t>
  </si>
  <si>
    <t>注５：過去１年間に経管栄養が実施されていた者（入院期間が1年以上である入院患者にあっては、当該入院期間中（入院時を含む。）に経管栄
　　　養が実施されていた者）であって、経口維持加算を算定しているもの又は管理栄養士が栄養ケア・マネジメントを実施するもの（令和2年
　　　度以前においては、経口維持加算又は栄養マネジメント加算を算定されていた者）を含む。</t>
  </si>
  <si>
    <t>注４：過去１年間に喀痰吸引が実施されていた者（入院期間が1年以上である入院患者にあっては、当該入院期間中（入院時を含む。）に喀痰吸
　　　引が実施されていた者）であって、口腔衛生管理加算を算定されている者又は平成27年度から令和２年度の口腔衛生管理体制加算の算定
　　　要件を満たしている者(平成26年度以前においては、口腔機能維持管理加算又は口腔機能維持管理体制加算を算定されていた者及び
　　　平成27年度から令和２年度においては口腔衛生管理加算又は口腔衛生管理体制加算を算定されていた者)を含む。</t>
    <rPh sb="9" eb="11">
      <t>カクタン</t>
    </rPh>
    <rPh sb="11" eb="13">
      <t>キュウイン</t>
    </rPh>
    <rPh sb="23" eb="25">
      <t>ニュウイン</t>
    </rPh>
    <rPh sb="25" eb="27">
      <t>キカン</t>
    </rPh>
    <rPh sb="29" eb="32">
      <t>ネンイジョウ</t>
    </rPh>
    <rPh sb="35" eb="37">
      <t>ニュウイン</t>
    </rPh>
    <rPh sb="37" eb="39">
      <t>カンジャ</t>
    </rPh>
    <rPh sb="45" eb="47">
      <t>トウガイ</t>
    </rPh>
    <rPh sb="47" eb="49">
      <t>ニュウイン</t>
    </rPh>
    <rPh sb="49" eb="52">
      <t>キカンチュウ</t>
    </rPh>
    <rPh sb="53" eb="56">
      <t>ニュウインジ</t>
    </rPh>
    <rPh sb="57" eb="58">
      <t>フク</t>
    </rPh>
    <rPh sb="71" eb="73">
      <t>ジッシ</t>
    </rPh>
    <rPh sb="78" eb="79">
      <t>モノ</t>
    </rPh>
    <phoneticPr fontId="2"/>
  </si>
  <si>
    <t>注３：②、③及び④のうち複数に該当する者については、各々該当する数字の欄の人数に含めること。</t>
    <rPh sb="0" eb="1">
      <t>チュウ</t>
    </rPh>
    <rPh sb="6" eb="7">
      <t>オヨ</t>
    </rPh>
    <rPh sb="26" eb="28">
      <t>オノオノ</t>
    </rPh>
    <rPh sb="28" eb="30">
      <t>ガイトウ</t>
    </rPh>
    <rPh sb="32" eb="34">
      <t>スウジ</t>
    </rPh>
    <rPh sb="35" eb="36">
      <t>ラン</t>
    </rPh>
    <rPh sb="37" eb="39">
      <t>ニンズウ</t>
    </rPh>
    <rPh sb="40" eb="41">
      <t>フク</t>
    </rPh>
    <phoneticPr fontId="2"/>
  </si>
  <si>
    <t>注２： ②及び③のいずれにも該当する者については、いずれか一方についてのみ含めること。</t>
  </si>
  <si>
    <t>注１：・人員配置区分１、４、６、８を選択する場合は、「①重度者の割合」における⑤の割合が50％以上、「②医療処置の実施状況」における
　　　　⑥の割合が50％以上及び「③ターミナルケアの実施状況」における③の割合が10％以上を満たす必要がある。
　　　・人員配置区分２、３、５を選択する場合は、「①重度者の割合」における⑤の割合が50％以上、「②医療処置の実施状況」における
　　　　⑥の割合が30％以上及び「③ターミナルケアの実施状況」における③の割合が５％以上を満たす必要がある。
　　　・人員配置区分７、９を選択する場合は、「①重度者の割合」における⑤の割合が40％以上、「②医療処置の実施状況」における
　　　　⑥の割合が20％以上及び「③ターミナルケアの実施状況」における③の割合が５％以上を満たす必要がある。</t>
    <rPh sb="0" eb="1">
      <t>チュウ</t>
    </rPh>
    <rPh sb="4" eb="6">
      <t>ジンイン</t>
    </rPh>
    <rPh sb="6" eb="8">
      <t>ハイチ</t>
    </rPh>
    <rPh sb="8" eb="10">
      <t>クブン</t>
    </rPh>
    <rPh sb="18" eb="20">
      <t>センタク</t>
    </rPh>
    <rPh sb="22" eb="24">
      <t>バアイ</t>
    </rPh>
    <rPh sb="52" eb="54">
      <t>イリョウ</t>
    </rPh>
    <rPh sb="54" eb="56">
      <t>ショチ</t>
    </rPh>
    <rPh sb="57" eb="59">
      <t>ジッシ</t>
    </rPh>
    <rPh sb="59" eb="61">
      <t>ジョウキョウ</t>
    </rPh>
    <rPh sb="81" eb="82">
      <t>オヨ</t>
    </rPh>
    <rPh sb="93" eb="95">
      <t>ジッシ</t>
    </rPh>
    <rPh sb="95" eb="97">
      <t>ジョウキョウ</t>
    </rPh>
    <rPh sb="113" eb="114">
      <t>ミ</t>
    </rPh>
    <rPh sb="116" eb="118">
      <t>ヒツヨウ</t>
    </rPh>
    <phoneticPr fontId="2"/>
  </si>
  <si>
    <t>　⑤　地域に貢献する活動の実施</t>
  </si>
  <si>
    <t>　④　生活機能を維持改善するリハビリテーションの実施</t>
  </si>
  <si>
    <t>（人員配置区分２，３，５）</t>
  </si>
  <si>
    <t>　５％以上</t>
    <rPh sb="3" eb="5">
      <t>イジョウ</t>
    </rPh>
    <phoneticPr fontId="2"/>
  </si>
  <si>
    <t>→</t>
  </si>
  <si>
    <t>①に占める②の割合（注７）</t>
    <rPh sb="2" eb="3">
      <t>シ</t>
    </rPh>
    <rPh sb="7" eb="9">
      <t>ワリアイ</t>
    </rPh>
    <rPh sb="10" eb="11">
      <t>チュウ</t>
    </rPh>
    <phoneticPr fontId="2"/>
  </si>
  <si>
    <t>前３月間のターミナルケアの対象者延日数</t>
    <rPh sb="0" eb="1">
      <t>ゼン</t>
    </rPh>
    <rPh sb="2" eb="3">
      <t>ガツ</t>
    </rPh>
    <rPh sb="3" eb="4">
      <t>カン</t>
    </rPh>
    <rPh sb="13" eb="16">
      <t>タイショウシャ</t>
    </rPh>
    <rPh sb="16" eb="17">
      <t>ノブ</t>
    </rPh>
    <rPh sb="17" eb="19">
      <t>ニッスウ</t>
    </rPh>
    <phoneticPr fontId="2"/>
  </si>
  <si>
    <t>前３月間の入院患者延日数</t>
    <rPh sb="0" eb="1">
      <t>ゼン</t>
    </rPh>
    <rPh sb="2" eb="3">
      <t>ガツ</t>
    </rPh>
    <rPh sb="3" eb="4">
      <t>カン</t>
    </rPh>
    <rPh sb="5" eb="7">
      <t>ニュウイン</t>
    </rPh>
    <rPh sb="7" eb="9">
      <t>カンジャ</t>
    </rPh>
    <rPh sb="9" eb="10">
      <t>ノブ</t>
    </rPh>
    <rPh sb="10" eb="12">
      <t>ニッスウ</t>
    </rPh>
    <phoneticPr fontId="2"/>
  </si>
  <si>
    <t>　③　ターミナルケアの
　　実施状況</t>
    <rPh sb="14" eb="16">
      <t>ジッシ</t>
    </rPh>
    <rPh sb="16" eb="18">
      <t>ジョウキョウ</t>
    </rPh>
    <phoneticPr fontId="2"/>
  </si>
  <si>
    <t>（人員配置区分５のみ）</t>
  </si>
  <si>
    <t>（人員配置区分２，３）</t>
  </si>
  <si>
    <t>①に占める⑤の割合</t>
  </si>
  <si>
    <t>⑥</t>
  </si>
  <si>
    <t>②から④の和</t>
    <rPh sb="5" eb="6">
      <t>ワ</t>
    </rPh>
    <phoneticPr fontId="2"/>
  </si>
  <si>
    <t>⑤</t>
  </si>
  <si>
    <t>前３月間のインスリン注射を実施した入院患者等の総数
（注３・６）</t>
    <rPh sb="0" eb="1">
      <t>ゼン</t>
    </rPh>
    <rPh sb="2" eb="3">
      <t>ガツ</t>
    </rPh>
    <rPh sb="3" eb="4">
      <t>カン</t>
    </rPh>
    <rPh sb="10" eb="12">
      <t>チュウシャ</t>
    </rPh>
    <rPh sb="13" eb="15">
      <t>ジッシ</t>
    </rPh>
    <rPh sb="17" eb="19">
      <t>ニュウイン</t>
    </rPh>
    <rPh sb="19" eb="21">
      <t>カンジャ</t>
    </rPh>
    <rPh sb="21" eb="22">
      <t>トウ</t>
    </rPh>
    <rPh sb="23" eb="25">
      <t>ソウスウ</t>
    </rPh>
    <rPh sb="27" eb="28">
      <t>チュウ</t>
    </rPh>
    <phoneticPr fontId="2"/>
  </si>
  <si>
    <t>前３月間の経管栄養を実施した入院患者等の総数（注３・５）</t>
    <rPh sb="0" eb="1">
      <t>ゼン</t>
    </rPh>
    <rPh sb="2" eb="3">
      <t>ガツ</t>
    </rPh>
    <rPh sb="3" eb="4">
      <t>カン</t>
    </rPh>
    <rPh sb="5" eb="9">
      <t>ケイカンエイヨウ</t>
    </rPh>
    <rPh sb="10" eb="12">
      <t>ジッシ</t>
    </rPh>
    <rPh sb="14" eb="16">
      <t>ニュウイン</t>
    </rPh>
    <rPh sb="16" eb="18">
      <t>カンジャ</t>
    </rPh>
    <rPh sb="18" eb="19">
      <t>トウ</t>
    </rPh>
    <rPh sb="20" eb="22">
      <t>ソウスウ</t>
    </rPh>
    <rPh sb="23" eb="24">
      <t>チュウ</t>
    </rPh>
    <phoneticPr fontId="2"/>
  </si>
  <si>
    <t>前３月間の喀痰吸引を実施した入院患者等の総数（注３・４）</t>
    <rPh sb="0" eb="1">
      <t>ゼン</t>
    </rPh>
    <rPh sb="2" eb="3">
      <t>ガツ</t>
    </rPh>
    <rPh sb="3" eb="4">
      <t>カン</t>
    </rPh>
    <rPh sb="5" eb="7">
      <t>カクタン</t>
    </rPh>
    <rPh sb="7" eb="9">
      <t>キュウイン</t>
    </rPh>
    <rPh sb="10" eb="12">
      <t>ジッシ</t>
    </rPh>
    <rPh sb="14" eb="16">
      <t>ニュウイン</t>
    </rPh>
    <rPh sb="16" eb="18">
      <t>カンジャ</t>
    </rPh>
    <rPh sb="18" eb="19">
      <t>トウ</t>
    </rPh>
    <rPh sb="20" eb="22">
      <t>ソウスウ</t>
    </rPh>
    <rPh sb="23" eb="24">
      <t>チュウ</t>
    </rPh>
    <phoneticPr fontId="2"/>
  </si>
  <si>
    <t>前３月間の入院患者等の総数</t>
    <rPh sb="0" eb="1">
      <t>ゼン</t>
    </rPh>
    <rPh sb="2" eb="3">
      <t>ガツ</t>
    </rPh>
    <rPh sb="3" eb="4">
      <t>カン</t>
    </rPh>
    <rPh sb="5" eb="7">
      <t>ニュウイン</t>
    </rPh>
    <rPh sb="7" eb="9">
      <t>カンジャ</t>
    </rPh>
    <rPh sb="9" eb="10">
      <t>トウ</t>
    </rPh>
    <rPh sb="11" eb="13">
      <t>ソウスウ</t>
    </rPh>
    <phoneticPr fontId="2"/>
  </si>
  <si>
    <t>　②　医療処置の実施状況</t>
    <rPh sb="3" eb="5">
      <t>イリョウ</t>
    </rPh>
    <rPh sb="5" eb="7">
      <t>ショチ</t>
    </rPh>
    <rPh sb="8" eb="10">
      <t>ジッシ</t>
    </rPh>
    <rPh sb="10" eb="12">
      <t>ジョウキョウ</t>
    </rPh>
    <phoneticPr fontId="2"/>
  </si>
  <si>
    <t>４０％以上</t>
    <rPh sb="3" eb="5">
      <t>イジョウ</t>
    </rPh>
    <phoneticPr fontId="2"/>
  </si>
  <si>
    <t>①に占める④の割合</t>
  </si>
  <si>
    <t>②と③の和</t>
  </si>
  <si>
    <t>①のうち、身体合併症を有する認知症高齢者の数（注２）</t>
  </si>
  <si>
    <t>①のうち、重篤な身体疾患を有する者の数（注２）</t>
  </si>
  <si>
    <t>　①　重度者の割合</t>
    <rPh sb="3" eb="5">
      <t>ジュウド</t>
    </rPh>
    <rPh sb="5" eb="6">
      <t>シャ</t>
    </rPh>
    <rPh sb="7" eb="9">
      <t>ワリアイ</t>
    </rPh>
    <phoneticPr fontId="2"/>
  </si>
  <si>
    <t>４　病院又は診療所における短期入所療養介護（療養機能強化型）に係る届出内容</t>
    <phoneticPr fontId="2"/>
  </si>
  <si>
    <t xml:space="preserve"> </t>
  </si>
  <si>
    <t>９　診療所短期入所療養介護（ユニット型（療養機能強化型B））</t>
    <phoneticPr fontId="2"/>
  </si>
  <si>
    <t>８　診療所短期入所療養介護（ユニット型（療養機能強化型A））</t>
    <phoneticPr fontId="2"/>
  </si>
  <si>
    <t>７　診療所短期入所療養介護（Ⅰ型（療養機能強化型B））</t>
    <phoneticPr fontId="2"/>
  </si>
  <si>
    <t>６　診療所短期入所療養介護（Ⅰ型（療養機能強化型A））</t>
    <phoneticPr fontId="2"/>
  </si>
  <si>
    <t>５　病院療養病床短期入所療養介護（ユニット型（療養機能強化型B））</t>
    <rPh sb="2" eb="4">
      <t>ビョウイン</t>
    </rPh>
    <rPh sb="4" eb="6">
      <t>リョウヨウ</t>
    </rPh>
    <rPh sb="6" eb="8">
      <t>ビョウショウ</t>
    </rPh>
    <phoneticPr fontId="2"/>
  </si>
  <si>
    <t>４　病院療養病床短期入所療養介護（ユニット型（療養機能強化型A））</t>
    <rPh sb="2" eb="4">
      <t>ビョウイン</t>
    </rPh>
    <rPh sb="4" eb="6">
      <t>リョウヨウ</t>
    </rPh>
    <rPh sb="6" eb="8">
      <t>ビョウショウ</t>
    </rPh>
    <phoneticPr fontId="2"/>
  </si>
  <si>
    <t>３　病院療養病床短期入所療養介護（Ⅱ型（療養機能強化型B））</t>
    <phoneticPr fontId="2"/>
  </si>
  <si>
    <t>２　病院療養病床短期入所療養介護（Ⅰ型（療養機能強化型B））</t>
    <rPh sb="2" eb="4">
      <t>ビョウイン</t>
    </rPh>
    <rPh sb="4" eb="6">
      <t>リョウヨウ</t>
    </rPh>
    <rPh sb="6" eb="8">
      <t>ビョウショウ</t>
    </rPh>
    <rPh sb="8" eb="10">
      <t>タンキ</t>
    </rPh>
    <rPh sb="10" eb="12">
      <t>ニュウショ</t>
    </rPh>
    <rPh sb="12" eb="14">
      <t>リョウヨウ</t>
    </rPh>
    <rPh sb="14" eb="16">
      <t>カイゴ</t>
    </rPh>
    <phoneticPr fontId="2"/>
  </si>
  <si>
    <t>１　病院療養病床短期入所療養介護（Ⅰ型（療養機能強化型A））</t>
    <rPh sb="2" eb="4">
      <t>ビョウイン</t>
    </rPh>
    <rPh sb="4" eb="6">
      <t>リョウヨウ</t>
    </rPh>
    <rPh sb="6" eb="8">
      <t>ビョウショウ</t>
    </rPh>
    <rPh sb="8" eb="10">
      <t>タンキ</t>
    </rPh>
    <rPh sb="10" eb="12">
      <t>ニュウショ</t>
    </rPh>
    <rPh sb="12" eb="14">
      <t>リョウヨウ</t>
    </rPh>
    <rPh sb="14" eb="16">
      <t>カイゴ</t>
    </rPh>
    <phoneticPr fontId="2"/>
  </si>
  <si>
    <t>３　人員配置区分（注１）</t>
    <rPh sb="2" eb="4">
      <t>ジンイン</t>
    </rPh>
    <rPh sb="4" eb="6">
      <t>ハイチ</t>
    </rPh>
    <rPh sb="6" eb="8">
      <t>クブン</t>
    </rPh>
    <rPh sb="9" eb="10">
      <t>チュウ</t>
    </rPh>
    <phoneticPr fontId="2"/>
  </si>
  <si>
    <t>3　終了</t>
  </si>
  <si>
    <t>2　変更</t>
  </si>
  <si>
    <t>1　新規</t>
  </si>
  <si>
    <t>１　事  業  所  名</t>
  </si>
  <si>
    <t>病院又は診療所における短期入所療養介護（療養機能強化型）の基本施設サービス費に係る届出書</t>
    <rPh sb="0" eb="2">
      <t>ビョウイン</t>
    </rPh>
    <rPh sb="2" eb="3">
      <t>マタ</t>
    </rPh>
    <rPh sb="4" eb="7">
      <t>シンリョウジョ</t>
    </rPh>
    <rPh sb="11" eb="19">
      <t>タンキニュウショリョウヨウカイゴ</t>
    </rPh>
    <rPh sb="20" eb="22">
      <t>リョウヨウ</t>
    </rPh>
    <rPh sb="22" eb="24">
      <t>キノウ</t>
    </rPh>
    <rPh sb="24" eb="27">
      <t>キョウカガタ</t>
    </rPh>
    <rPh sb="29" eb="31">
      <t>キホン</t>
    </rPh>
    <rPh sb="31" eb="33">
      <t>シセツ</t>
    </rPh>
    <rPh sb="37" eb="38">
      <t>ヒ</t>
    </rPh>
    <rPh sb="39" eb="40">
      <t>カカ</t>
    </rPh>
    <rPh sb="41" eb="43">
      <t>トドケデ</t>
    </rPh>
    <rPh sb="43" eb="44">
      <t>ショ</t>
    </rPh>
    <phoneticPr fontId="2"/>
  </si>
  <si>
    <t>（別紙29－４）</t>
    <phoneticPr fontId="2"/>
  </si>
  <si>
    <t>注５：自ら実施する者は除く。</t>
    <phoneticPr fontId="2"/>
  </si>
  <si>
    <t>注４：過去１年間に経管栄養が実施されていた者（入所期間が1年以上である入所者にあっては、当該入所期間中（入所時を含む。）に経管栄養が
　　　実施されていた者）であって、経口維持加算を算定しているもの又は管理栄養士が栄養ケア・マネジメントを実施する者（令和2年度以前に
　　　おいては、経口維持加算又は栄養マネジメント加算を算定されていた者）を含む。</t>
    <rPh sb="63" eb="65">
      <t>エイヨウ</t>
    </rPh>
    <phoneticPr fontId="2"/>
  </si>
  <si>
    <t>注３：過去１年間に喀痰吸引が実施されていた者（入所期間が1年以上である入所者にあっては、当該入所期間中（入所時を含む。）に喀痰吸引が
　　　実施されていた者）であって、口腔衛生管理加算を算定されている者又は平成27年度から令和２年度の口腔衛生管理体制加算の算定要件を満たして
　　　いる者(平成26年度以前においては、口腔機能維持管理加算又は口腔機能維持管理体制加算を算定されていた者及び平成27年度から令和２年度に
　　　おいては口腔衛生管理加算又は口腔衛生管理体制加算を算定されていた者)を含む。</t>
    <rPh sb="9" eb="11">
      <t>カクタン</t>
    </rPh>
    <rPh sb="11" eb="13">
      <t>キュウイン</t>
    </rPh>
    <rPh sb="23" eb="25">
      <t>ニュウショ</t>
    </rPh>
    <rPh sb="25" eb="27">
      <t>キカン</t>
    </rPh>
    <rPh sb="29" eb="32">
      <t>ネンイジョウ</t>
    </rPh>
    <rPh sb="44" eb="46">
      <t>トウガイ</t>
    </rPh>
    <rPh sb="48" eb="51">
      <t>キカンチュウ</t>
    </rPh>
    <rPh sb="56" eb="57">
      <t>フク</t>
    </rPh>
    <rPh sb="70" eb="72">
      <t>ジッシ</t>
    </rPh>
    <rPh sb="77" eb="78">
      <t>モノ</t>
    </rPh>
    <phoneticPr fontId="2"/>
  </si>
  <si>
    <t>注２： ②、③及び④のうち複数に該当する者については、各々該当する数字の欄の人数に含めること。</t>
    <rPh sb="13" eb="15">
      <t>フクスウ</t>
    </rPh>
    <rPh sb="27" eb="29">
      <t>オノオノ</t>
    </rPh>
    <rPh sb="29" eb="31">
      <t>ガイトウ</t>
    </rPh>
    <rPh sb="33" eb="35">
      <t>スウジ</t>
    </rPh>
    <rPh sb="36" eb="37">
      <t>ラン</t>
    </rPh>
    <rPh sb="38" eb="40">
      <t>ニンズウ</t>
    </rPh>
    <phoneticPr fontId="2"/>
  </si>
  <si>
    <t>注１： ②及び③のいずれにも該当する者については、いずれか一方についてのみ含めること。</t>
    <phoneticPr fontId="2"/>
  </si>
  <si>
    <t>　　　・人員配置区分２、３を選択する場合は、「①重度者の割合」における⑤の割合が50％以上、「②医療処置の実施状況」における
　　　　⑥の割合が30％以上及び「③ターミナルケアの実施状況」における③の割合が５％以上を満たす必要がある。</t>
    <rPh sb="4" eb="6">
      <t>ジンイン</t>
    </rPh>
    <rPh sb="6" eb="8">
      <t>ハイチ</t>
    </rPh>
    <rPh sb="8" eb="10">
      <t>クブン</t>
    </rPh>
    <rPh sb="48" eb="50">
      <t>イリョウ</t>
    </rPh>
    <rPh sb="50" eb="52">
      <t>ショチ</t>
    </rPh>
    <rPh sb="53" eb="55">
      <t>ジッシ</t>
    </rPh>
    <rPh sb="55" eb="57">
      <t>ジョウキョウ</t>
    </rPh>
    <rPh sb="77" eb="78">
      <t>オヨ</t>
    </rPh>
    <rPh sb="89" eb="91">
      <t>ジッシ</t>
    </rPh>
    <rPh sb="91" eb="93">
      <t>ジョウキョウ</t>
    </rPh>
    <rPh sb="108" eb="109">
      <t>ミ</t>
    </rPh>
    <rPh sb="111" eb="113">
      <t>ヒツヨウ</t>
    </rPh>
    <phoneticPr fontId="2"/>
  </si>
  <si>
    <t>注１：・人員配置区分１を選択する場合は、「①重度者の割合」における⑤の割合が50％以上、「②医療処置の実施状況」における
　　　　⑥の割合が50％以上及び「③ターミナルケアの実施状況」における③の割合が10％以上を満たす必要がある。</t>
    <rPh sb="4" eb="6">
      <t>ジンイン</t>
    </rPh>
    <rPh sb="6" eb="8">
      <t>ハイチ</t>
    </rPh>
    <rPh sb="8" eb="10">
      <t>クブン</t>
    </rPh>
    <rPh sb="46" eb="48">
      <t>イリョウ</t>
    </rPh>
    <rPh sb="48" eb="50">
      <t>ショチ</t>
    </rPh>
    <rPh sb="51" eb="53">
      <t>ジッシ</t>
    </rPh>
    <rPh sb="53" eb="55">
      <t>ジョウキョウ</t>
    </rPh>
    <rPh sb="75" eb="76">
      <t>オヨ</t>
    </rPh>
    <rPh sb="87" eb="89">
      <t>ジッシ</t>
    </rPh>
    <rPh sb="89" eb="91">
      <t>ジョウキョウ</t>
    </rPh>
    <rPh sb="107" eb="108">
      <t>ミ</t>
    </rPh>
    <rPh sb="110" eb="112">
      <t>ヒツヨウ</t>
    </rPh>
    <phoneticPr fontId="2"/>
  </si>
  <si>
    <t>　　（平成30年度中に限り、平成31年度中において実施する見込み）</t>
    <phoneticPr fontId="2"/>
  </si>
  <si>
    <t>　⑤　地域に貢献する活動の実施</t>
    <phoneticPr fontId="2"/>
  </si>
  <si>
    <t>　④　生活機能を維持改善するリハビリテーションの実施</t>
    <phoneticPr fontId="2"/>
  </si>
  <si>
    <t>（人員配置区分２，３）</t>
    <phoneticPr fontId="2"/>
  </si>
  <si>
    <t>（人員配置区分１のみ）</t>
    <phoneticPr fontId="2"/>
  </si>
  <si>
    <t>①に占める②の割合</t>
    <rPh sb="2" eb="3">
      <t>シ</t>
    </rPh>
    <rPh sb="7" eb="9">
      <t>ワリアイ</t>
    </rPh>
    <phoneticPr fontId="2"/>
  </si>
  <si>
    <t>前３月間の入所者延日数</t>
    <rPh sb="0" eb="1">
      <t>ゼン</t>
    </rPh>
    <rPh sb="2" eb="3">
      <t>ガツ</t>
    </rPh>
    <rPh sb="3" eb="4">
      <t>カン</t>
    </rPh>
    <rPh sb="5" eb="8">
      <t>ニュウショシャ</t>
    </rPh>
    <rPh sb="8" eb="9">
      <t>ノブ</t>
    </rPh>
    <rPh sb="9" eb="11">
      <t>ニッスウ</t>
    </rPh>
    <phoneticPr fontId="2"/>
  </si>
  <si>
    <t>①に占める⑤の割合</t>
    <phoneticPr fontId="2"/>
  </si>
  <si>
    <t>前３月間のインスリン注射を実施した入所者等の総数（注２・５）</t>
    <rPh sb="0" eb="1">
      <t>ゼン</t>
    </rPh>
    <rPh sb="2" eb="3">
      <t>ガツ</t>
    </rPh>
    <rPh sb="3" eb="4">
      <t>カン</t>
    </rPh>
    <rPh sb="10" eb="12">
      <t>チュウシャ</t>
    </rPh>
    <rPh sb="13" eb="15">
      <t>ジッシ</t>
    </rPh>
    <rPh sb="17" eb="20">
      <t>ニュウショシャ</t>
    </rPh>
    <rPh sb="20" eb="21">
      <t>トウ</t>
    </rPh>
    <rPh sb="22" eb="24">
      <t>ソウスウ</t>
    </rPh>
    <rPh sb="25" eb="26">
      <t>チュウ</t>
    </rPh>
    <phoneticPr fontId="2"/>
  </si>
  <si>
    <t>前３月間の経管栄養を実施した入所者等の総数（注２・４）</t>
    <rPh sb="0" eb="1">
      <t>ゼン</t>
    </rPh>
    <rPh sb="2" eb="3">
      <t>ガツ</t>
    </rPh>
    <rPh sb="3" eb="4">
      <t>カン</t>
    </rPh>
    <rPh sb="5" eb="9">
      <t>ケイカンエイヨウ</t>
    </rPh>
    <rPh sb="10" eb="12">
      <t>ジッシ</t>
    </rPh>
    <rPh sb="14" eb="17">
      <t>ニュウショシャ</t>
    </rPh>
    <rPh sb="17" eb="18">
      <t>トウ</t>
    </rPh>
    <rPh sb="19" eb="21">
      <t>ソウスウ</t>
    </rPh>
    <rPh sb="22" eb="23">
      <t>チュウ</t>
    </rPh>
    <phoneticPr fontId="2"/>
  </si>
  <si>
    <t>前３月間の喀痰吸引を実施した入所者等の総数（注２・３）</t>
    <rPh sb="0" eb="1">
      <t>ゼン</t>
    </rPh>
    <rPh sb="2" eb="3">
      <t>ガツ</t>
    </rPh>
    <rPh sb="3" eb="4">
      <t>カン</t>
    </rPh>
    <rPh sb="5" eb="7">
      <t>カクタン</t>
    </rPh>
    <rPh sb="7" eb="9">
      <t>キュウイン</t>
    </rPh>
    <rPh sb="10" eb="12">
      <t>ジッシ</t>
    </rPh>
    <rPh sb="14" eb="17">
      <t>ニュウショシャ</t>
    </rPh>
    <rPh sb="17" eb="18">
      <t>トウ</t>
    </rPh>
    <rPh sb="19" eb="21">
      <t>ソウスウ</t>
    </rPh>
    <rPh sb="22" eb="23">
      <t>チュウ</t>
    </rPh>
    <phoneticPr fontId="2"/>
  </si>
  <si>
    <t>前３月間の入所者等の総数</t>
    <rPh sb="0" eb="1">
      <t>ゼン</t>
    </rPh>
    <rPh sb="2" eb="3">
      <t>ガツ</t>
    </rPh>
    <rPh sb="3" eb="4">
      <t>カン</t>
    </rPh>
    <rPh sb="5" eb="8">
      <t>ニュウショシャ</t>
    </rPh>
    <rPh sb="8" eb="9">
      <t>トウ</t>
    </rPh>
    <rPh sb="10" eb="12">
      <t>ソウスウ</t>
    </rPh>
    <phoneticPr fontId="2"/>
  </si>
  <si>
    <t>（人員配置区分１～３）</t>
    <phoneticPr fontId="2"/>
  </si>
  <si>
    <t>②と③の和</t>
    <phoneticPr fontId="2"/>
  </si>
  <si>
    <t>①のうち、身体合併症を有する認知症高齢者の数（注１）</t>
    <phoneticPr fontId="2"/>
  </si>
  <si>
    <t>①のうち、重篤な身体疾患を有する者の数（注１）</t>
    <phoneticPr fontId="2"/>
  </si>
  <si>
    <t>４　介護医療院（Ⅰ型）に係る届出内容</t>
    <rPh sb="2" eb="4">
      <t>カイゴ</t>
    </rPh>
    <rPh sb="4" eb="7">
      <t>イリョウイン</t>
    </rPh>
    <rPh sb="9" eb="10">
      <t>ガタ</t>
    </rPh>
    <phoneticPr fontId="2"/>
  </si>
  <si>
    <t xml:space="preserve"> </t>
    <phoneticPr fontId="2"/>
  </si>
  <si>
    <t>３　Ⅰ型介護医療院サービス費Ⅲ（Ⅰ型療養床、看護6:1、介護5:1）</t>
  </si>
  <si>
    <t>２　Ⅰ型介護医療院サービス費Ⅱ（（ユニット型）Ⅰ型療養床、看護6:1、介護4:1）(併設型小規模介護医療院）</t>
    <phoneticPr fontId="2"/>
  </si>
  <si>
    <t>１　Ⅰ型介護医療院サービス費Ⅰ（（ユニット型）Ⅰ型療養床、看護6:1、介護4:1）(併設型小規模介護医療院）</t>
    <phoneticPr fontId="2"/>
  </si>
  <si>
    <t>介護医療院（Ⅰ型）の基本施設サービス費に係る届出書</t>
    <rPh sb="0" eb="2">
      <t>カイゴ</t>
    </rPh>
    <rPh sb="2" eb="5">
      <t>イリョウイン</t>
    </rPh>
    <rPh sb="10" eb="12">
      <t>キホン</t>
    </rPh>
    <rPh sb="12" eb="14">
      <t>シセツ</t>
    </rPh>
    <rPh sb="18" eb="19">
      <t>ヒ</t>
    </rPh>
    <rPh sb="20" eb="21">
      <t>カカ</t>
    </rPh>
    <rPh sb="22" eb="24">
      <t>トドケデ</t>
    </rPh>
    <rPh sb="24" eb="25">
      <t>ショ</t>
    </rPh>
    <phoneticPr fontId="2"/>
  </si>
  <si>
    <t>（別紙30）</t>
    <phoneticPr fontId="2"/>
  </si>
  <si>
    <t>注６：小規模介護医療院の場合は、①に占める④の割合と、19を当該小規模介護医療院におけるⅡ型療養床数で除した数との積を記入すること。</t>
    <rPh sb="3" eb="6">
      <t>ショウキボ</t>
    </rPh>
    <rPh sb="6" eb="8">
      <t>カイゴ</t>
    </rPh>
    <rPh sb="8" eb="11">
      <t>イリョウイン</t>
    </rPh>
    <rPh sb="23" eb="25">
      <t>ワリアイ</t>
    </rPh>
    <rPh sb="30" eb="32">
      <t>トウガイ</t>
    </rPh>
    <rPh sb="32" eb="35">
      <t>ショウキボ</t>
    </rPh>
    <rPh sb="35" eb="37">
      <t>カイゴ</t>
    </rPh>
    <rPh sb="37" eb="39">
      <t>イリョウ</t>
    </rPh>
    <rPh sb="39" eb="40">
      <t>イン</t>
    </rPh>
    <rPh sb="45" eb="46">
      <t>ガタ</t>
    </rPh>
    <rPh sb="46" eb="49">
      <t>リョウヨウショウ</t>
    </rPh>
    <phoneticPr fontId="2"/>
  </si>
  <si>
    <t>注５：小規模介護医療院の場合は、①に占める④の割合と、19を当該小規模介護医療院におけるⅡ型療養床数で除した数との積を記入すること。</t>
    <rPh sb="3" eb="6">
      <t>ショウキボ</t>
    </rPh>
    <rPh sb="6" eb="8">
      <t>カイゴ</t>
    </rPh>
    <rPh sb="8" eb="11">
      <t>イリョウイン</t>
    </rPh>
    <rPh sb="23" eb="25">
      <t>ワリアイ</t>
    </rPh>
    <rPh sb="30" eb="32">
      <t>トウガイ</t>
    </rPh>
    <rPh sb="32" eb="35">
      <t>ショウキボ</t>
    </rPh>
    <rPh sb="35" eb="37">
      <t>カイゴ</t>
    </rPh>
    <rPh sb="37" eb="39">
      <t>イリョウ</t>
    </rPh>
    <rPh sb="39" eb="40">
      <t>イン</t>
    </rPh>
    <rPh sb="45" eb="46">
      <t>ガタ</t>
    </rPh>
    <rPh sb="46" eb="49">
      <t>リョウヨウショウ</t>
    </rPh>
    <phoneticPr fontId="2"/>
  </si>
  <si>
    <t>注４：小規模介護医療院の場合は、①に占める②の割合と、19を当該小規模介護医療院におけるⅡ型療養床数で除した数との積を記入すること。</t>
    <rPh sb="3" eb="6">
      <t>ショウキボ</t>
    </rPh>
    <rPh sb="6" eb="8">
      <t>カイゴ</t>
    </rPh>
    <rPh sb="8" eb="11">
      <t>イリョウイン</t>
    </rPh>
    <rPh sb="23" eb="25">
      <t>ワリアイ</t>
    </rPh>
    <rPh sb="30" eb="32">
      <t>トウガイ</t>
    </rPh>
    <rPh sb="32" eb="35">
      <t>ショウキボ</t>
    </rPh>
    <rPh sb="35" eb="37">
      <t>カイゴ</t>
    </rPh>
    <rPh sb="37" eb="39">
      <t>イリョウ</t>
    </rPh>
    <rPh sb="39" eb="40">
      <t>イン</t>
    </rPh>
    <rPh sb="45" eb="46">
      <t>ガタ</t>
    </rPh>
    <rPh sb="46" eb="49">
      <t>リョウヨウショウ</t>
    </rPh>
    <phoneticPr fontId="2"/>
  </si>
  <si>
    <t>注３：過去１年間に経管栄養が実施されていた者（入所期間が1年以上である入所者にあっては、当該入所期間中（入所時を含む。）に経管栄養が
　　　実施されていた者）であって、経口維持加算を算定しているもの又は管理栄養士が栄養ケア・マネジメントを実施する者（令和2年度以前に
　　　おいては、経口維持加算又は栄養マネジメント加算を算定されていた者）を含む。</t>
    <rPh sb="63" eb="65">
      <t>エイヨウ</t>
    </rPh>
    <phoneticPr fontId="2"/>
  </si>
  <si>
    <t>注２：過去１年間に喀痰吸引が実施されていた者（入所期間が1年以上である入所者にあっては、当該入所期間中（入所時を含む。）に喀痰吸引が
　　　実施されていた者）であって、口腔衛生管理加算を算定されている者又は平成27年度から令和２年度の口腔衛生管理体制加算の算定要件を満た
　　　している者(平成26年度以前においては、口腔機能維持管理加算又は口腔機能維持管理体制加算を算定されていた者及び平成27年度から令和
　　　２年度においては口腔衛生管理加算又は口腔衛生管理体制加算を算定されていた者)を含む。</t>
    <rPh sb="9" eb="11">
      <t>カクタン</t>
    </rPh>
    <rPh sb="11" eb="13">
      <t>キュウイン</t>
    </rPh>
    <rPh sb="23" eb="25">
      <t>ニュウショ</t>
    </rPh>
    <rPh sb="25" eb="27">
      <t>キカン</t>
    </rPh>
    <rPh sb="29" eb="32">
      <t>ネンイジョウ</t>
    </rPh>
    <rPh sb="44" eb="46">
      <t>トウガイ</t>
    </rPh>
    <rPh sb="48" eb="51">
      <t>キカンチュウ</t>
    </rPh>
    <rPh sb="56" eb="57">
      <t>フク</t>
    </rPh>
    <rPh sb="70" eb="72">
      <t>ジッシ</t>
    </rPh>
    <rPh sb="77" eb="78">
      <t>モノ</t>
    </rPh>
    <phoneticPr fontId="2"/>
  </si>
  <si>
    <t>注１： ②及び③のうち複数に該当する者については、各々該当する数字の欄の人数に含めること。</t>
    <rPh sb="5" eb="6">
      <t>オヨ</t>
    </rPh>
    <rPh sb="11" eb="13">
      <t>フクスウ</t>
    </rPh>
    <rPh sb="25" eb="27">
      <t>オノオノ</t>
    </rPh>
    <rPh sb="27" eb="29">
      <t>ガイトウ</t>
    </rPh>
    <rPh sb="31" eb="33">
      <t>スウジ</t>
    </rPh>
    <rPh sb="34" eb="35">
      <t>ラン</t>
    </rPh>
    <rPh sb="36" eb="38">
      <t>ニンズウ</t>
    </rPh>
    <phoneticPr fontId="2"/>
  </si>
  <si>
    <t>　ターミナルケアの実施体制</t>
    <rPh sb="9" eb="11">
      <t>ジッシ</t>
    </rPh>
    <rPh sb="11" eb="13">
      <t>タイセイ</t>
    </rPh>
    <phoneticPr fontId="2"/>
  </si>
  <si>
    <t>「医療処置の実施状況」における③の割合が２０％以上、⑤の割合が２５％以上、「重度者の割合」における⑤の割合が
１５％以上のいずれかを満たす</t>
    <rPh sb="66" eb="67">
      <t>ミ</t>
    </rPh>
    <phoneticPr fontId="2"/>
  </si>
  <si>
    <t>　①に占める④の割合（注６）</t>
    <phoneticPr fontId="2"/>
  </si>
  <si>
    <t>　②と③の和</t>
    <rPh sb="5" eb="6">
      <t>ワ</t>
    </rPh>
    <phoneticPr fontId="2"/>
  </si>
  <si>
    <t>　①のうち、経管栄養を実施した入所者等の総数（注２・４）</t>
    <rPh sb="6" eb="10">
      <t>ケイカンエイヨウ</t>
    </rPh>
    <rPh sb="11" eb="13">
      <t>ジッシ</t>
    </rPh>
    <rPh sb="15" eb="18">
      <t>ニュウショシャ</t>
    </rPh>
    <rPh sb="18" eb="19">
      <t>トウ</t>
    </rPh>
    <rPh sb="20" eb="22">
      <t>ソウスウ</t>
    </rPh>
    <rPh sb="23" eb="24">
      <t>チュウ</t>
    </rPh>
    <phoneticPr fontId="2"/>
  </si>
  <si>
    <t>　①のうち、喀痰吸引を実施した入所者等の総数（注２・３）</t>
    <rPh sb="6" eb="8">
      <t>カクタン</t>
    </rPh>
    <rPh sb="8" eb="10">
      <t>キュウイン</t>
    </rPh>
    <rPh sb="11" eb="13">
      <t>ジッシ</t>
    </rPh>
    <rPh sb="15" eb="18">
      <t>ニュウショシャ</t>
    </rPh>
    <rPh sb="18" eb="19">
      <t>トウ</t>
    </rPh>
    <rPh sb="20" eb="22">
      <t>ソウスウ</t>
    </rPh>
    <rPh sb="23" eb="24">
      <t>チュウ</t>
    </rPh>
    <phoneticPr fontId="2"/>
  </si>
  <si>
    <t>　前３月間の入所者等の総数</t>
    <rPh sb="1" eb="2">
      <t>ゼン</t>
    </rPh>
    <rPh sb="3" eb="4">
      <t>ガツ</t>
    </rPh>
    <rPh sb="4" eb="5">
      <t>カン</t>
    </rPh>
    <rPh sb="6" eb="9">
      <t>ニュウショシャ</t>
    </rPh>
    <rPh sb="9" eb="10">
      <t>トウ</t>
    </rPh>
    <rPh sb="11" eb="13">
      <t>ソウスウ</t>
    </rPh>
    <phoneticPr fontId="2"/>
  </si>
  <si>
    <t>（重度者の割合）</t>
    <phoneticPr fontId="2"/>
  </si>
  <si>
    <t>　①に占める④の割合（注５）</t>
    <phoneticPr fontId="2"/>
  </si>
  <si>
    <t>　①のうち、日常生活自立度のランクⅣ又はＭに該当する入所者及び利用者</t>
    <phoneticPr fontId="2"/>
  </si>
  <si>
    <t>　①に占める②の割合（注４）</t>
    <phoneticPr fontId="2"/>
  </si>
  <si>
    <t>　①のうち、日常生活自立度のランクＭに該当する入所者等</t>
    <phoneticPr fontId="2"/>
  </si>
  <si>
    <t>（医療処置の実施状況）</t>
    <phoneticPr fontId="2"/>
  </si>
  <si>
    <t>４　介護医療院（Ⅱ型療養床）に係る届出内容</t>
    <rPh sb="2" eb="4">
      <t>カイゴ</t>
    </rPh>
    <rPh sb="4" eb="7">
      <t>イリョウイン</t>
    </rPh>
    <rPh sb="9" eb="10">
      <t>ガタ</t>
    </rPh>
    <rPh sb="10" eb="13">
      <t>リョウヨウショウ</t>
    </rPh>
    <phoneticPr fontId="2"/>
  </si>
  <si>
    <t>Ⅱ型介護医療院サービス費Ⅲ（Ⅱ型療養床、看護6:1、介護6:1）</t>
  </si>
  <si>
    <t>Ⅱ型介護医療院サービス費Ⅱ（Ⅱ型療養床、看護6:1、介護5:1）</t>
  </si>
  <si>
    <t>Ⅱ型介護医療院サービス費Ⅰ（（ユニット型）Ⅱ型療養床、看護6:1、介護4:1）（併設型小規模介護医療院）</t>
  </si>
  <si>
    <t>介護医療院（Ⅱ型）の基本施設サービス費に係る届出書</t>
    <rPh sb="0" eb="2">
      <t>カイゴ</t>
    </rPh>
    <rPh sb="2" eb="5">
      <t>イリョウイン</t>
    </rPh>
    <rPh sb="10" eb="12">
      <t>キホン</t>
    </rPh>
    <rPh sb="12" eb="14">
      <t>シセツ</t>
    </rPh>
    <rPh sb="18" eb="19">
      <t>ヒ</t>
    </rPh>
    <rPh sb="20" eb="21">
      <t>カカ</t>
    </rPh>
    <rPh sb="22" eb="24">
      <t>トドケデ</t>
    </rPh>
    <rPh sb="24" eb="25">
      <t>ショ</t>
    </rPh>
    <phoneticPr fontId="2"/>
  </si>
  <si>
    <t>（別紙30－２）</t>
    <phoneticPr fontId="2"/>
  </si>
  <si>
    <t>注４：生活機能回復訓練室については、機能訓練室、談話室、食堂及びレクリエーション・ルーム等と区画せず、１つのオープンスペースとす
　　　ることは差し支えない。また、入所者に対する介護医療院サービスの提供に支障を来さない場合は、他の施設と兼用して差し支えない。</t>
    <rPh sb="0" eb="1">
      <t>チュウ</t>
    </rPh>
    <phoneticPr fontId="2"/>
  </si>
  <si>
    <t>注３：認知症と確定診断されていること。ただし、入所者については、入所後３か月間に限り、認知症の確定診断を行うまでの間はＭＭＳＥ
　　　（Mini　Mental　State　Examination）において23点以下の者又はＨＤＳ―Ｒ（改訂長谷川式簡易知能評価スケール）において20点以下
　　　の者を含むものとする。短期入所療養介護の利用者については、認知症と確定診断を受けた者に限る。</t>
    <rPh sb="0" eb="1">
      <t>チュウ</t>
    </rPh>
    <phoneticPr fontId="2"/>
  </si>
  <si>
    <t>注２：精神保健福祉士とは、精神保健福祉士法（平成９年法律第131号）第二条に規定する精神保健福祉士又はこれに準ずる者をいう。</t>
    <rPh sb="0" eb="1">
      <t>チュウ</t>
    </rPh>
    <rPh sb="3" eb="5">
      <t>セイシン</t>
    </rPh>
    <rPh sb="5" eb="7">
      <t>ホケン</t>
    </rPh>
    <rPh sb="7" eb="10">
      <t>フクシシ</t>
    </rPh>
    <rPh sb="13" eb="15">
      <t>セイシン</t>
    </rPh>
    <rPh sb="14" eb="15">
      <t>カミ</t>
    </rPh>
    <phoneticPr fontId="2"/>
  </si>
  <si>
    <t>注１：看護職員の数については、当該介護医療院における入所者等の数を４をもって除した数（その数が１に満たないときは、１とし、その数
　　　に１に満たない端数が生じるときはこれを切り上げるものとする。）から当該介護医療院における入所者等の数を６をもって除した数
　　　（その数が１に満たない端数が生じるときはこれを切り上げるものとする。）を減じた数の範囲内で介護職員とすることができる。</t>
    <rPh sb="0" eb="1">
      <t>チュウ</t>
    </rPh>
    <rPh sb="3" eb="5">
      <t>カンゴ</t>
    </rPh>
    <rPh sb="5" eb="7">
      <t>ショクイン</t>
    </rPh>
    <rPh sb="8" eb="9">
      <t>カズ</t>
    </rPh>
    <phoneticPr fontId="2"/>
  </si>
  <si>
    <t>全て「無」の場合、右の「有」を「■」にしてください。</t>
    <rPh sb="0" eb="1">
      <t>スベ</t>
    </rPh>
    <rPh sb="3" eb="4">
      <t>ナ</t>
    </rPh>
    <rPh sb="6" eb="8">
      <t>バアイ</t>
    </rPh>
    <rPh sb="9" eb="10">
      <t>ミギ</t>
    </rPh>
    <rPh sb="12" eb="13">
      <t>ア</t>
    </rPh>
    <phoneticPr fontId="2"/>
  </si>
  <si>
    <t>前３月間における身体拘束廃止未実施減算の算定実績</t>
    <rPh sb="12" eb="14">
      <t>ハイシ</t>
    </rPh>
    <rPh sb="14" eb="17">
      <t>ミジッシ</t>
    </rPh>
    <rPh sb="17" eb="19">
      <t>ゲンサン</t>
    </rPh>
    <rPh sb="20" eb="22">
      <t>サンテイ</t>
    </rPh>
    <rPh sb="22" eb="24">
      <t>ジッセキ</t>
    </rPh>
    <phoneticPr fontId="2"/>
  </si>
  <si>
    <t>　⑤　身体拘束廃止未実施減算</t>
    <rPh sb="3" eb="5">
      <t>シンタイ</t>
    </rPh>
    <rPh sb="5" eb="7">
      <t>コウソク</t>
    </rPh>
    <rPh sb="7" eb="9">
      <t>ハイシ</t>
    </rPh>
    <rPh sb="9" eb="12">
      <t>ミジッシ</t>
    </rPh>
    <rPh sb="12" eb="14">
      <t>ゲンサン</t>
    </rPh>
    <phoneticPr fontId="2"/>
  </si>
  <si>
    <t>連携する精神科病院の名称</t>
    <rPh sb="10" eb="12">
      <t>メイショウ</t>
    </rPh>
    <phoneticPr fontId="2"/>
  </si>
  <si>
    <t>　④　連携状況</t>
    <rPh sb="3" eb="5">
      <t>レンケイ</t>
    </rPh>
    <rPh sb="5" eb="7">
      <t>ジョウキョウ</t>
    </rPh>
    <phoneticPr fontId="2"/>
  </si>
  <si>
    <t>④に占める⑤の割合</t>
    <rPh sb="2" eb="3">
      <t>シ</t>
    </rPh>
    <rPh sb="7" eb="9">
      <t>ワリアイ</t>
    </rPh>
    <phoneticPr fontId="2"/>
  </si>
  <si>
    <t>前３月における認知症高齢者の日常生活自立度のランクⅣ以上に該当する者の延入所者数</t>
    <rPh sb="0" eb="1">
      <t>ゼン</t>
    </rPh>
    <rPh sb="2" eb="3">
      <t>ガツ</t>
    </rPh>
    <rPh sb="7" eb="10">
      <t>ニンチショウ</t>
    </rPh>
    <rPh sb="10" eb="13">
      <t>コウレイシャ</t>
    </rPh>
    <rPh sb="14" eb="16">
      <t>ニチジョウ</t>
    </rPh>
    <rPh sb="16" eb="18">
      <t>セイカツ</t>
    </rPh>
    <rPh sb="18" eb="21">
      <t>ジリツド</t>
    </rPh>
    <rPh sb="26" eb="28">
      <t>イジョウ</t>
    </rPh>
    <rPh sb="29" eb="31">
      <t>ガイトウ</t>
    </rPh>
    <rPh sb="33" eb="34">
      <t>モノ</t>
    </rPh>
    <rPh sb="35" eb="36">
      <t>エン</t>
    </rPh>
    <rPh sb="36" eb="39">
      <t>ニュウショシャ</t>
    </rPh>
    <rPh sb="39" eb="40">
      <t>スウ</t>
    </rPh>
    <phoneticPr fontId="2"/>
  </si>
  <si>
    <t>前３月における認知症の者の延入所者数（注３）</t>
    <rPh sb="0" eb="1">
      <t>ゼン</t>
    </rPh>
    <rPh sb="2" eb="3">
      <t>ガツ</t>
    </rPh>
    <rPh sb="7" eb="10">
      <t>ニンチショウ</t>
    </rPh>
    <rPh sb="11" eb="12">
      <t>モノ</t>
    </rPh>
    <rPh sb="13" eb="14">
      <t>エン</t>
    </rPh>
    <rPh sb="14" eb="17">
      <t>ニュウショシャ</t>
    </rPh>
    <rPh sb="17" eb="18">
      <t>スウ</t>
    </rPh>
    <phoneticPr fontId="2"/>
  </si>
  <si>
    <t>１００％</t>
    <phoneticPr fontId="2"/>
  </si>
  <si>
    <t>①のうち、認知症の者の数（注３）</t>
    <rPh sb="5" eb="8">
      <t>ニンチショウ</t>
    </rPh>
    <rPh sb="9" eb="10">
      <t>モノ</t>
    </rPh>
    <rPh sb="11" eb="12">
      <t>カズ</t>
    </rPh>
    <phoneticPr fontId="2"/>
  </si>
  <si>
    <t>当該介護医療院における入所者等の総数</t>
    <rPh sb="11" eb="14">
      <t>ニュウショシャ</t>
    </rPh>
    <rPh sb="14" eb="15">
      <t>トウ</t>
    </rPh>
    <rPh sb="16" eb="18">
      <t>ソウスウ</t>
    </rPh>
    <phoneticPr fontId="2"/>
  </si>
  <si>
    <t>　③　入所者の状況</t>
    <rPh sb="3" eb="6">
      <t>ニュウショシャ</t>
    </rPh>
    <rPh sb="7" eb="9">
      <t>ジョウキョウ</t>
    </rPh>
    <phoneticPr fontId="2"/>
  </si>
  <si>
    <r>
      <t>　②　床面積６０ｍ</t>
    </r>
    <r>
      <rPr>
        <vertAlign val="superscript"/>
        <sz val="10"/>
        <rFont val="HGSｺﾞｼｯｸM"/>
        <family val="3"/>
        <charset val="128"/>
      </rPr>
      <t>２</t>
    </r>
    <r>
      <rPr>
        <sz val="10"/>
        <rFont val="HGSｺﾞｼｯｸM"/>
        <family val="3"/>
        <charset val="128"/>
      </rPr>
      <t>以上の生活機能回復訓練室の有無（注４）</t>
    </r>
    <rPh sb="3" eb="6">
      <t>ユカメンセキ</t>
    </rPh>
    <rPh sb="10" eb="12">
      <t>イジョウ</t>
    </rPh>
    <rPh sb="13" eb="15">
      <t>セイカツ</t>
    </rPh>
    <rPh sb="15" eb="17">
      <t>キノウ</t>
    </rPh>
    <rPh sb="17" eb="19">
      <t>カイフク</t>
    </rPh>
    <rPh sb="19" eb="21">
      <t>クンレン</t>
    </rPh>
    <rPh sb="21" eb="22">
      <t>シツ</t>
    </rPh>
    <rPh sb="23" eb="25">
      <t>ウム</t>
    </rPh>
    <rPh sb="26" eb="27">
      <t>チュウ</t>
    </rPh>
    <phoneticPr fontId="2"/>
  </si>
  <si>
    <t>１人以上</t>
    <rPh sb="1" eb="2">
      <t>ニン</t>
    </rPh>
    <rPh sb="2" eb="4">
      <t>イジョウ</t>
    </rPh>
    <phoneticPr fontId="2"/>
  </si>
  <si>
    <t>専従の作業療法士の総数</t>
    <rPh sb="3" eb="5">
      <t>サギョウ</t>
    </rPh>
    <rPh sb="5" eb="8">
      <t>リョウホウシ</t>
    </rPh>
    <rPh sb="9" eb="11">
      <t>ソウスウ</t>
    </rPh>
    <phoneticPr fontId="2"/>
  </si>
  <si>
    <t>専従の精神保健福祉士の数（注２）</t>
    <rPh sb="0" eb="2">
      <t>センジュウ</t>
    </rPh>
    <rPh sb="3" eb="5">
      <t>セイシン</t>
    </rPh>
    <rPh sb="5" eb="7">
      <t>ホケン</t>
    </rPh>
    <rPh sb="7" eb="10">
      <t>フクシシ</t>
    </rPh>
    <rPh sb="11" eb="12">
      <t>カズ</t>
    </rPh>
    <phoneticPr fontId="2"/>
  </si>
  <si>
    <t>看護職員の数が、常勤換算方法で、４：１以上であること</t>
    <rPh sb="8" eb="10">
      <t>ジョウキン</t>
    </rPh>
    <rPh sb="10" eb="12">
      <t>カンザン</t>
    </rPh>
    <rPh sb="12" eb="14">
      <t>ホウホウ</t>
    </rPh>
    <rPh sb="19" eb="21">
      <t>イジョウ</t>
    </rPh>
    <phoneticPr fontId="2"/>
  </si>
  <si>
    <t>　①　体制</t>
    <rPh sb="3" eb="5">
      <t>タイセイ</t>
    </rPh>
    <phoneticPr fontId="2"/>
  </si>
  <si>
    <t>５　重度認知症疾患療養体制加算（Ⅱ）に係る届出</t>
    <rPh sb="2" eb="4">
      <t>ジュウド</t>
    </rPh>
    <rPh sb="4" eb="7">
      <t>ニンチショウ</t>
    </rPh>
    <rPh sb="7" eb="9">
      <t>シッカン</t>
    </rPh>
    <rPh sb="9" eb="11">
      <t>リョウヨウ</t>
    </rPh>
    <rPh sb="11" eb="13">
      <t>タイセイ</t>
    </rPh>
    <rPh sb="13" eb="15">
      <t>カサン</t>
    </rPh>
    <rPh sb="19" eb="20">
      <t>カカ</t>
    </rPh>
    <rPh sb="21" eb="23">
      <t>トドケデ</t>
    </rPh>
    <phoneticPr fontId="2"/>
  </si>
  <si>
    <t>　④　身体拘束廃止未実施減算</t>
    <rPh sb="3" eb="5">
      <t>シンタイ</t>
    </rPh>
    <rPh sb="5" eb="7">
      <t>コウソク</t>
    </rPh>
    <rPh sb="7" eb="9">
      <t>ハイシ</t>
    </rPh>
    <rPh sb="9" eb="12">
      <t>ミジッシ</t>
    </rPh>
    <rPh sb="12" eb="14">
      <t>ゲンサン</t>
    </rPh>
    <phoneticPr fontId="2"/>
  </si>
  <si>
    <t>　③　連携状況</t>
    <rPh sb="3" eb="5">
      <t>レンケイ</t>
    </rPh>
    <rPh sb="5" eb="7">
      <t>ジョウキョウ</t>
    </rPh>
    <phoneticPr fontId="2"/>
  </si>
  <si>
    <t>前３月における認知症高齢者の日常生活自立度のランクⅢb以上に該当する者の延入所者数</t>
    <rPh sb="0" eb="1">
      <t>ゼン</t>
    </rPh>
    <rPh sb="2" eb="3">
      <t>ガツ</t>
    </rPh>
    <rPh sb="7" eb="10">
      <t>ニンチショウ</t>
    </rPh>
    <rPh sb="10" eb="13">
      <t>コウレイシャ</t>
    </rPh>
    <rPh sb="14" eb="16">
      <t>ニチジョウ</t>
    </rPh>
    <rPh sb="16" eb="18">
      <t>セイカツ</t>
    </rPh>
    <rPh sb="18" eb="21">
      <t>ジリツド</t>
    </rPh>
    <rPh sb="27" eb="29">
      <t>イジョウ</t>
    </rPh>
    <rPh sb="30" eb="32">
      <t>ガイトウ</t>
    </rPh>
    <rPh sb="34" eb="35">
      <t>モノ</t>
    </rPh>
    <rPh sb="36" eb="37">
      <t>エン</t>
    </rPh>
    <rPh sb="37" eb="40">
      <t>ニュウショシャ</t>
    </rPh>
    <rPh sb="40" eb="41">
      <t>スウ</t>
    </rPh>
    <phoneticPr fontId="2"/>
  </si>
  <si>
    <t>①のうち、認知症の者の数（注３）</t>
    <rPh sb="5" eb="8">
      <t>ニンチショウ</t>
    </rPh>
    <rPh sb="9" eb="10">
      <t>モノ</t>
    </rPh>
    <rPh sb="11" eb="12">
      <t>カズ</t>
    </rPh>
    <rPh sb="13" eb="14">
      <t>チュウ</t>
    </rPh>
    <phoneticPr fontId="2"/>
  </si>
  <si>
    <t>当該介護医療院における入所者等の数</t>
    <rPh sb="11" eb="14">
      <t>ニュウショシャ</t>
    </rPh>
    <rPh sb="14" eb="15">
      <t>トウ</t>
    </rPh>
    <rPh sb="16" eb="17">
      <t>カズ</t>
    </rPh>
    <phoneticPr fontId="2"/>
  </si>
  <si>
    <t>　②　入所者の状況</t>
    <phoneticPr fontId="2"/>
  </si>
  <si>
    <t>専任の理学療法士、作業療法士又は言語聴覚士の数</t>
    <rPh sb="3" eb="5">
      <t>リガク</t>
    </rPh>
    <rPh sb="5" eb="8">
      <t>リョウホウシ</t>
    </rPh>
    <rPh sb="9" eb="11">
      <t>サギョウ</t>
    </rPh>
    <rPh sb="11" eb="14">
      <t>リョウホウシ</t>
    </rPh>
    <rPh sb="14" eb="15">
      <t>マタ</t>
    </rPh>
    <rPh sb="16" eb="21">
      <t>ゲンゴチョウカクシ</t>
    </rPh>
    <phoneticPr fontId="2"/>
  </si>
  <si>
    <t>専任の精神保健福祉士の数（注２）</t>
    <rPh sb="0" eb="2">
      <t>センニン</t>
    </rPh>
    <rPh sb="3" eb="5">
      <t>セイシン</t>
    </rPh>
    <rPh sb="5" eb="7">
      <t>ホケン</t>
    </rPh>
    <rPh sb="7" eb="10">
      <t>フクシシ</t>
    </rPh>
    <rPh sb="11" eb="12">
      <t>カズ</t>
    </rPh>
    <rPh sb="13" eb="14">
      <t>チュウ</t>
    </rPh>
    <phoneticPr fontId="2"/>
  </si>
  <si>
    <t>看護職員の数が、常勤換算方法で、４：１以上であること（注１）</t>
    <rPh sb="8" eb="10">
      <t>ジョウキン</t>
    </rPh>
    <rPh sb="10" eb="12">
      <t>カンザン</t>
    </rPh>
    <rPh sb="12" eb="14">
      <t>ホウホウ</t>
    </rPh>
    <rPh sb="19" eb="21">
      <t>イジョウ</t>
    </rPh>
    <phoneticPr fontId="2"/>
  </si>
  <si>
    <t>４　重度認知症疾患療養体制加算（Ⅰ）に係る届出</t>
    <rPh sb="2" eb="4">
      <t>ジュウド</t>
    </rPh>
    <rPh sb="4" eb="7">
      <t>ニンチショウ</t>
    </rPh>
    <rPh sb="7" eb="9">
      <t>シッカン</t>
    </rPh>
    <rPh sb="9" eb="11">
      <t>リョウヨウ</t>
    </rPh>
    <rPh sb="11" eb="13">
      <t>タイセイ</t>
    </rPh>
    <rPh sb="13" eb="15">
      <t>カサン</t>
    </rPh>
    <rPh sb="19" eb="20">
      <t>カカ</t>
    </rPh>
    <rPh sb="21" eb="23">
      <t>トドケデ</t>
    </rPh>
    <phoneticPr fontId="2"/>
  </si>
  <si>
    <t>２　重度認知症疾患療養体制加算（Ⅱ）</t>
    <phoneticPr fontId="2"/>
  </si>
  <si>
    <t>１　重度認知症疾患療養体制加算（Ⅰ）</t>
    <phoneticPr fontId="2"/>
  </si>
  <si>
    <t>介護医療院における重度認知症疾患療養体制加算に係る届出書</t>
    <rPh sb="0" eb="2">
      <t>カイゴ</t>
    </rPh>
    <rPh sb="2" eb="5">
      <t>イリョウイン</t>
    </rPh>
    <rPh sb="9" eb="11">
      <t>ジュウド</t>
    </rPh>
    <rPh sb="11" eb="14">
      <t>ニンチショウ</t>
    </rPh>
    <rPh sb="14" eb="16">
      <t>シッカン</t>
    </rPh>
    <rPh sb="16" eb="18">
      <t>リョウヨウ</t>
    </rPh>
    <rPh sb="18" eb="20">
      <t>タイセイ</t>
    </rPh>
    <rPh sb="20" eb="22">
      <t>カサン</t>
    </rPh>
    <rPh sb="27" eb="28">
      <t>ショ</t>
    </rPh>
    <phoneticPr fontId="2"/>
  </si>
  <si>
    <t>（別紙31）</t>
    <phoneticPr fontId="2"/>
  </si>
  <si>
    <t>備考　要件を満たすことが分かる根拠書類を準備し、指定権者からの求めがあった場合には、
　　速やかに提出してください。</t>
    <rPh sb="0" eb="2">
      <t>ビコウ</t>
    </rPh>
    <rPh sb="3" eb="5">
      <t>ヨウケン</t>
    </rPh>
    <rPh sb="6" eb="7">
      <t>ミ</t>
    </rPh>
    <rPh sb="12" eb="13">
      <t>ワ</t>
    </rPh>
    <rPh sb="15" eb="17">
      <t>コンキョ</t>
    </rPh>
    <rPh sb="17" eb="19">
      <t>ショルイ</t>
    </rPh>
    <rPh sb="20" eb="22">
      <t>ジュンビ</t>
    </rPh>
    <rPh sb="24" eb="26">
      <t>シテイ</t>
    </rPh>
    <rPh sb="26" eb="27">
      <t>ケン</t>
    </rPh>
    <rPh sb="27" eb="28">
      <t>シャ</t>
    </rPh>
    <rPh sb="31" eb="32">
      <t>モト</t>
    </rPh>
    <rPh sb="37" eb="39">
      <t>バアイ</t>
    </rPh>
    <rPh sb="45" eb="46">
      <t>スミ</t>
    </rPh>
    <rPh sb="49" eb="51">
      <t>テイシュツ</t>
    </rPh>
    <phoneticPr fontId="2"/>
  </si>
  <si>
    <t>　人員基準欠如に該当していない。</t>
    <phoneticPr fontId="2"/>
  </si>
  <si>
    <t>事業所の状況</t>
    <rPh sb="0" eb="3">
      <t>ジギョウショ</t>
    </rPh>
    <rPh sb="4" eb="6">
      <t>ジョウキョウ</t>
    </rPh>
    <phoneticPr fontId="2"/>
  </si>
  <si>
    <t>介護福祉士数：
入所者数が
１：６以上</t>
    <rPh sb="0" eb="2">
      <t>カイゴ</t>
    </rPh>
    <rPh sb="2" eb="5">
      <t>フクシシ</t>
    </rPh>
    <rPh sb="5" eb="6">
      <t>スウ</t>
    </rPh>
    <rPh sb="8" eb="11">
      <t>ニュウショシャ</t>
    </rPh>
    <rPh sb="11" eb="12">
      <t>スウ</t>
    </rPh>
    <rPh sb="17" eb="19">
      <t>イジョウ</t>
    </rPh>
    <phoneticPr fontId="2"/>
  </si>
  <si>
    <t>　常勤換算</t>
    <rPh sb="1" eb="3">
      <t>ジョウキン</t>
    </rPh>
    <rPh sb="3" eb="5">
      <t>カンサン</t>
    </rPh>
    <phoneticPr fontId="2"/>
  </si>
  <si>
    <t>　介護福祉士数</t>
    <phoneticPr fontId="2"/>
  </si>
  <si>
    <t>介護福祉士の割合</t>
    <rPh sb="0" eb="2">
      <t>カイゴ</t>
    </rPh>
    <rPh sb="2" eb="5">
      <t>フクシシ</t>
    </rPh>
    <rPh sb="6" eb="8">
      <t>ワリアイ</t>
    </rPh>
    <phoneticPr fontId="2"/>
  </si>
  <si>
    <t>※④は、③が「有」の場合に届け出ること。</t>
    <rPh sb="7" eb="8">
      <t>ア</t>
    </rPh>
    <rPh sb="10" eb="12">
      <t>バアイ</t>
    </rPh>
    <rPh sb="13" eb="14">
      <t>トド</t>
    </rPh>
    <rPh sb="15" eb="16">
      <t>デ</t>
    </rPh>
    <phoneticPr fontId="2"/>
  </si>
  <si>
    <t>　常勤の看護師を１名以上配置し、看護に係る責任者を定めている。</t>
    <rPh sb="1" eb="3">
      <t>ジョウキン</t>
    </rPh>
    <rPh sb="4" eb="7">
      <t>カンゴシ</t>
    </rPh>
    <rPh sb="9" eb="10">
      <t>メイ</t>
    </rPh>
    <rPh sb="10" eb="12">
      <t>イジョウ</t>
    </rPh>
    <rPh sb="12" eb="14">
      <t>ハイチ</t>
    </rPh>
    <rPh sb="16" eb="18">
      <t>カンゴ</t>
    </rPh>
    <rPh sb="19" eb="20">
      <t>カカ</t>
    </rPh>
    <rPh sb="21" eb="24">
      <t>セキニンシャ</t>
    </rPh>
    <rPh sb="25" eb="26">
      <t>サダ</t>
    </rPh>
    <phoneticPr fontId="2"/>
  </si>
  <si>
    <t>①に占める③の割合が
５％以上</t>
    <rPh sb="2" eb="3">
      <t>シ</t>
    </rPh>
    <rPh sb="7" eb="8">
      <t>ワリ</t>
    </rPh>
    <rPh sb="8" eb="9">
      <t>ゴウ</t>
    </rPh>
    <rPh sb="13" eb="15">
      <t>イジョウ</t>
    </rPh>
    <phoneticPr fontId="2"/>
  </si>
  <si>
    <t>　①のうち社会福祉士及び介護福祉士法施行規則第１条各号に掲げる行為を必要とする者及び「尿道カテーテル留置を実施している状態」、「在宅酸素療法を実施している状態」、「インスリン注射を実施している状態」のいずれかに該当する者の数</t>
    <rPh sb="5" eb="7">
      <t>シャカイ</t>
    </rPh>
    <rPh sb="7" eb="9">
      <t>フクシ</t>
    </rPh>
    <rPh sb="9" eb="10">
      <t>シ</t>
    </rPh>
    <rPh sb="10" eb="11">
      <t>オヨ</t>
    </rPh>
    <rPh sb="12" eb="14">
      <t>カイゴ</t>
    </rPh>
    <rPh sb="14" eb="17">
      <t>フクシシ</t>
    </rPh>
    <rPh sb="17" eb="18">
      <t>ホウ</t>
    </rPh>
    <rPh sb="18" eb="20">
      <t>セコウ</t>
    </rPh>
    <rPh sb="20" eb="22">
      <t>キソク</t>
    </rPh>
    <rPh sb="22" eb="23">
      <t>ダイ</t>
    </rPh>
    <rPh sb="24" eb="25">
      <t>ジョウ</t>
    </rPh>
    <rPh sb="25" eb="27">
      <t>カクゴウ</t>
    </rPh>
    <rPh sb="28" eb="29">
      <t>カカ</t>
    </rPh>
    <rPh sb="31" eb="33">
      <t>コウイ</t>
    </rPh>
    <rPh sb="34" eb="36">
      <t>ヒツヨウ</t>
    </rPh>
    <rPh sb="39" eb="40">
      <t>モノ</t>
    </rPh>
    <rPh sb="40" eb="41">
      <t>オヨ</t>
    </rPh>
    <rPh sb="43" eb="45">
      <t>ニョウドウ</t>
    </rPh>
    <rPh sb="50" eb="52">
      <t>リュウチ</t>
    </rPh>
    <rPh sb="53" eb="55">
      <t>ジッシ</t>
    </rPh>
    <rPh sb="59" eb="61">
      <t>ジョウタイ</t>
    </rPh>
    <rPh sb="64" eb="66">
      <t>ザイタク</t>
    </rPh>
    <rPh sb="66" eb="68">
      <t>サンソ</t>
    </rPh>
    <rPh sb="68" eb="70">
      <t>リョウホウ</t>
    </rPh>
    <rPh sb="71" eb="73">
      <t>ジッシ</t>
    </rPh>
    <rPh sb="77" eb="79">
      <t>ジョウタイ</t>
    </rPh>
    <rPh sb="87" eb="89">
      <t>チュウシャ</t>
    </rPh>
    <rPh sb="90" eb="92">
      <t>ジッシ</t>
    </rPh>
    <rPh sb="96" eb="98">
      <t>ジョウタイ</t>
    </rPh>
    <rPh sb="105" eb="107">
      <t>ガイトウ</t>
    </rPh>
    <rPh sb="109" eb="110">
      <t>シャ</t>
    </rPh>
    <rPh sb="111" eb="112">
      <t>カズ</t>
    </rPh>
    <phoneticPr fontId="2"/>
  </si>
  <si>
    <t>①に占める②の割合が
５％以上</t>
    <rPh sb="2" eb="3">
      <t>シ</t>
    </rPh>
    <rPh sb="7" eb="8">
      <t>ワリ</t>
    </rPh>
    <rPh sb="8" eb="9">
      <t>ゴウ</t>
    </rPh>
    <rPh sb="13" eb="15">
      <t>イジョウ</t>
    </rPh>
    <phoneticPr fontId="2"/>
  </si>
  <si>
    <t>　①のうち社会福祉士及び介護福祉士法施行規則第１条各号に掲げる行為を必要とする者の数</t>
    <rPh sb="5" eb="7">
      <t>シャカイ</t>
    </rPh>
    <rPh sb="7" eb="9">
      <t>フクシ</t>
    </rPh>
    <rPh sb="9" eb="10">
      <t>シ</t>
    </rPh>
    <rPh sb="10" eb="11">
      <t>オヨ</t>
    </rPh>
    <rPh sb="12" eb="14">
      <t>カイゴ</t>
    </rPh>
    <rPh sb="14" eb="17">
      <t>フクシシ</t>
    </rPh>
    <rPh sb="17" eb="18">
      <t>ホウ</t>
    </rPh>
    <rPh sb="18" eb="20">
      <t>セコウ</t>
    </rPh>
    <rPh sb="20" eb="22">
      <t>キソク</t>
    </rPh>
    <rPh sb="22" eb="23">
      <t>ダイ</t>
    </rPh>
    <rPh sb="24" eb="25">
      <t>ジョウ</t>
    </rPh>
    <rPh sb="25" eb="27">
      <t>カクゴウ</t>
    </rPh>
    <rPh sb="28" eb="29">
      <t>カカ</t>
    </rPh>
    <rPh sb="31" eb="33">
      <t>コウイ</t>
    </rPh>
    <rPh sb="34" eb="36">
      <t>ヒツヨウ</t>
    </rPh>
    <rPh sb="39" eb="40">
      <t>モノ</t>
    </rPh>
    <rPh sb="41" eb="42">
      <t>カズ</t>
    </rPh>
    <phoneticPr fontId="2"/>
  </si>
  <si>
    <t>　入居者（要介護）総数</t>
    <rPh sb="1" eb="3">
      <t>ニュウキョ</t>
    </rPh>
    <rPh sb="3" eb="4">
      <t>シャ</t>
    </rPh>
    <rPh sb="5" eb="8">
      <t>ヨウカイゴ</t>
    </rPh>
    <rPh sb="9" eb="11">
      <t>ソウスウ</t>
    </rPh>
    <phoneticPr fontId="2"/>
  </si>
  <si>
    <t>入居者の状況</t>
    <rPh sb="0" eb="3">
      <t>ニュウキョシャ</t>
    </rPh>
    <rPh sb="4" eb="6">
      <t>ジョウキョウ</t>
    </rPh>
    <phoneticPr fontId="2"/>
  </si>
  <si>
    <t>入居者の状況及び介護福祉士の状況
　</t>
    <rPh sb="4" eb="5">
      <t>ジョウ</t>
    </rPh>
    <rPh sb="6" eb="7">
      <t>オヨ</t>
    </rPh>
    <rPh sb="8" eb="10">
      <t>カイゴ</t>
    </rPh>
    <rPh sb="10" eb="11">
      <t>フク</t>
    </rPh>
    <rPh sb="14" eb="15">
      <t>ジョウ</t>
    </rPh>
    <rPh sb="15" eb="16">
      <t>キョウ</t>
    </rPh>
    <phoneticPr fontId="2"/>
  </si>
  <si>
    <t>5　入居継続支援加算（Ⅱ）に係る届出</t>
    <rPh sb="2" eb="4">
      <t>ニュウキョ</t>
    </rPh>
    <rPh sb="4" eb="6">
      <t>ケイゾク</t>
    </rPh>
    <rPh sb="6" eb="8">
      <t>シエン</t>
    </rPh>
    <rPh sb="8" eb="10">
      <t>カサン</t>
    </rPh>
    <rPh sb="14" eb="15">
      <t>カカワ</t>
    </rPh>
    <rPh sb="16" eb="18">
      <t>トドケデ</t>
    </rPh>
    <phoneticPr fontId="2"/>
  </si>
  <si>
    <t>※④は、③が「有」に該当する場合のみ届け出ること。</t>
    <rPh sb="7" eb="8">
      <t>ア</t>
    </rPh>
    <rPh sb="10" eb="12">
      <t>ガイトウ</t>
    </rPh>
    <rPh sb="14" eb="16">
      <t>バアイ</t>
    </rPh>
    <rPh sb="18" eb="19">
      <t>トド</t>
    </rPh>
    <rPh sb="20" eb="21">
      <t>デ</t>
    </rPh>
    <phoneticPr fontId="2"/>
  </si>
  <si>
    <t>①に占める③の割合が
15％以上</t>
    <rPh sb="2" eb="3">
      <t>シ</t>
    </rPh>
    <rPh sb="7" eb="8">
      <t>ワリ</t>
    </rPh>
    <rPh sb="8" eb="9">
      <t>ゴウ</t>
    </rPh>
    <rPh sb="14" eb="16">
      <t>イジョウ</t>
    </rPh>
    <phoneticPr fontId="2"/>
  </si>
  <si>
    <t>　又は</t>
    <rPh sb="1" eb="2">
      <t>マタ</t>
    </rPh>
    <phoneticPr fontId="2"/>
  </si>
  <si>
    <t>①に占める②の割合が
15％以上</t>
    <rPh sb="2" eb="3">
      <t>シ</t>
    </rPh>
    <rPh sb="7" eb="8">
      <t>ワリ</t>
    </rPh>
    <rPh sb="8" eb="9">
      <t>ゴウ</t>
    </rPh>
    <rPh sb="14" eb="16">
      <t>イジョウ</t>
    </rPh>
    <phoneticPr fontId="2"/>
  </si>
  <si>
    <t>4　入居継続支援加算（Ⅰ）に係る届出</t>
    <rPh sb="2" eb="4">
      <t>ニュウキョ</t>
    </rPh>
    <rPh sb="4" eb="6">
      <t>ケイゾク</t>
    </rPh>
    <rPh sb="6" eb="8">
      <t>シエン</t>
    </rPh>
    <rPh sb="8" eb="10">
      <t>カサン</t>
    </rPh>
    <rPh sb="14" eb="15">
      <t>カカワ</t>
    </rPh>
    <rPh sb="16" eb="18">
      <t>トドケデ</t>
    </rPh>
    <phoneticPr fontId="2"/>
  </si>
  <si>
    <t>2　入居継続支援加算（Ⅱ）</t>
    <phoneticPr fontId="2"/>
  </si>
  <si>
    <t>1　入居継続支援加算（Ⅰ）</t>
    <phoneticPr fontId="2"/>
  </si>
  <si>
    <t>4　届 出 区 分</t>
    <rPh sb="2" eb="3">
      <t>トドケ</t>
    </rPh>
    <rPh sb="4" eb="5">
      <t>デ</t>
    </rPh>
    <rPh sb="6" eb="7">
      <t>ク</t>
    </rPh>
    <rPh sb="8" eb="9">
      <t>ブン</t>
    </rPh>
    <phoneticPr fontId="2"/>
  </si>
  <si>
    <t>2 　地域密着型特定施設入居者生活介護</t>
    <phoneticPr fontId="2"/>
  </si>
  <si>
    <t>1 　特定施設入居者生活介護</t>
    <phoneticPr fontId="2"/>
  </si>
  <si>
    <t>3　施 設 種 別</t>
    <rPh sb="2" eb="3">
      <t>シ</t>
    </rPh>
    <rPh sb="4" eb="5">
      <t>セツ</t>
    </rPh>
    <rPh sb="6" eb="7">
      <t>タネ</t>
    </rPh>
    <rPh sb="8" eb="9">
      <t>ベツ</t>
    </rPh>
    <phoneticPr fontId="2"/>
  </si>
  <si>
    <t>入居継続支援加算に係る届出書</t>
    <rPh sb="0" eb="2">
      <t>ニュウキョ</t>
    </rPh>
    <rPh sb="2" eb="4">
      <t>ケイゾク</t>
    </rPh>
    <rPh sb="4" eb="6">
      <t>シエン</t>
    </rPh>
    <rPh sb="6" eb="8">
      <t>カサン</t>
    </rPh>
    <rPh sb="9" eb="10">
      <t>カカ</t>
    </rPh>
    <rPh sb="11" eb="13">
      <t>トドケデ</t>
    </rPh>
    <rPh sb="13" eb="14">
      <t>ショ</t>
    </rPh>
    <phoneticPr fontId="2"/>
  </si>
  <si>
    <t>（別紙32）</t>
    <phoneticPr fontId="2"/>
  </si>
  <si>
    <t>備考２　５②ⅰの委員会には、介護福祉士をはじめ実際にケア等を行う多職種の職員が参画すること。</t>
    <rPh sb="0" eb="2">
      <t>ビコウ</t>
    </rPh>
    <rPh sb="8" eb="11">
      <t>イインカイ</t>
    </rPh>
    <rPh sb="14" eb="16">
      <t>カイゴ</t>
    </rPh>
    <rPh sb="16" eb="19">
      <t>フクシシ</t>
    </rPh>
    <rPh sb="23" eb="25">
      <t>ジッサイ</t>
    </rPh>
    <rPh sb="28" eb="29">
      <t>トウ</t>
    </rPh>
    <rPh sb="30" eb="31">
      <t>オコナ</t>
    </rPh>
    <rPh sb="32" eb="33">
      <t>オオ</t>
    </rPh>
    <rPh sb="33" eb="35">
      <t>ショクシュ</t>
    </rPh>
    <rPh sb="36" eb="38">
      <t>ショクイン</t>
    </rPh>
    <rPh sb="39" eb="41">
      <t>サンカク</t>
    </rPh>
    <phoneticPr fontId="2"/>
  </si>
  <si>
    <t>備考１　要件を満たすことが分かる議事概要を提出すること。このほか要件を満たすことが分かる
　　　根拠書類を準備し、指定権者からの求めがあった場合には、速やかに提出すること。</t>
    <rPh sb="0" eb="2">
      <t>ビコウ</t>
    </rPh>
    <rPh sb="4" eb="6">
      <t>ヨウケン</t>
    </rPh>
    <rPh sb="7" eb="8">
      <t>ミ</t>
    </rPh>
    <rPh sb="13" eb="14">
      <t>ワ</t>
    </rPh>
    <rPh sb="16" eb="18">
      <t>ギジ</t>
    </rPh>
    <rPh sb="18" eb="20">
      <t>ガイヨウ</t>
    </rPh>
    <rPh sb="21" eb="23">
      <t>テイシュツ</t>
    </rPh>
    <rPh sb="32" eb="34">
      <t>ヨウケン</t>
    </rPh>
    <rPh sb="35" eb="36">
      <t>ミ</t>
    </rPh>
    <rPh sb="41" eb="42">
      <t>ワ</t>
    </rPh>
    <rPh sb="48" eb="50">
      <t>コンキョ</t>
    </rPh>
    <rPh sb="50" eb="52">
      <t>ショルイ</t>
    </rPh>
    <rPh sb="53" eb="55">
      <t>ジュンビ</t>
    </rPh>
    <rPh sb="57" eb="59">
      <t>シテイ</t>
    </rPh>
    <rPh sb="59" eb="60">
      <t>ケン</t>
    </rPh>
    <rPh sb="60" eb="61">
      <t>シャ</t>
    </rPh>
    <rPh sb="64" eb="65">
      <t>モト</t>
    </rPh>
    <rPh sb="70" eb="72">
      <t>バアイ</t>
    </rPh>
    <rPh sb="75" eb="76">
      <t>スミ</t>
    </rPh>
    <rPh sb="79" eb="81">
      <t>テイシュツ</t>
    </rPh>
    <phoneticPr fontId="2"/>
  </si>
  <si>
    <t>④ ケアのアセスメント評価や人員体制の見直しをPDCAサイクルによって継続して実施</t>
    <rPh sb="11" eb="13">
      <t>ヒョウカ</t>
    </rPh>
    <rPh sb="14" eb="16">
      <t>ジンイン</t>
    </rPh>
    <rPh sb="16" eb="18">
      <t>タイセイ</t>
    </rPh>
    <rPh sb="19" eb="21">
      <t>ミナオ</t>
    </rPh>
    <rPh sb="35" eb="37">
      <t>ケイゾク</t>
    </rPh>
    <rPh sb="39" eb="41">
      <t>ジッシ</t>
    </rPh>
    <phoneticPr fontId="2"/>
  </si>
  <si>
    <t>③ ②のⅰの委員会で安全体制やケアの質の確保、職員の負担軽減が図られている
　ことを確認</t>
    <rPh sb="6" eb="9">
      <t>イインカイ</t>
    </rPh>
    <rPh sb="10" eb="12">
      <t>アンゼン</t>
    </rPh>
    <rPh sb="12" eb="14">
      <t>タイセイ</t>
    </rPh>
    <rPh sb="18" eb="19">
      <t>シツ</t>
    </rPh>
    <rPh sb="20" eb="22">
      <t>カクホ</t>
    </rPh>
    <rPh sb="23" eb="25">
      <t>ショクイン</t>
    </rPh>
    <rPh sb="26" eb="28">
      <t>フタン</t>
    </rPh>
    <rPh sb="28" eb="30">
      <t>ケイゲン</t>
    </rPh>
    <rPh sb="31" eb="32">
      <t>ハカ</t>
    </rPh>
    <rPh sb="42" eb="44">
      <t>カクニン</t>
    </rPh>
    <phoneticPr fontId="2"/>
  </si>
  <si>
    <t>　ⅳ 職員に対するテクノロジー活用に関する教育の実施</t>
    <rPh sb="3" eb="5">
      <t>ショクイン</t>
    </rPh>
    <rPh sb="6" eb="7">
      <t>タイ</t>
    </rPh>
    <rPh sb="15" eb="17">
      <t>カツヨウ</t>
    </rPh>
    <rPh sb="18" eb="19">
      <t>カン</t>
    </rPh>
    <rPh sb="21" eb="23">
      <t>キョウイク</t>
    </rPh>
    <rPh sb="24" eb="26">
      <t>ジッシ</t>
    </rPh>
    <phoneticPr fontId="2"/>
  </si>
  <si>
    <t>　ⅲ 機器の不具合の定期チェックの実施（メーカーとの連携を含む）</t>
    <rPh sb="3" eb="5">
      <t>キキ</t>
    </rPh>
    <rPh sb="6" eb="9">
      <t>フグアイ</t>
    </rPh>
    <rPh sb="10" eb="12">
      <t>テイキ</t>
    </rPh>
    <rPh sb="17" eb="19">
      <t>ジッシ</t>
    </rPh>
    <rPh sb="26" eb="28">
      <t>レンケイ</t>
    </rPh>
    <rPh sb="29" eb="30">
      <t>フク</t>
    </rPh>
    <phoneticPr fontId="2"/>
  </si>
  <si>
    <t>　ⅱ 職員に対する十分な休憩時間の確保等の勤務・雇用条件への配慮</t>
    <phoneticPr fontId="2"/>
  </si>
  <si>
    <t>　ⅰ  利用者の安全並びに介護サービスの質の確保及び職員の負担軽減に資する方策を検討するための委員会の設置</t>
    <rPh sb="34" eb="35">
      <t>シ</t>
    </rPh>
    <phoneticPr fontId="2"/>
  </si>
  <si>
    <t>② 利用者の安全やケアの質の確保、職員の負担の軽減を図るため、以下のすべての
　項目について、テクノロジー導入後、少なくとも３か月以上実施</t>
    <rPh sb="2" eb="5">
      <t>リヨウシャ</t>
    </rPh>
    <rPh sb="6" eb="8">
      <t>アンゼン</t>
    </rPh>
    <rPh sb="12" eb="13">
      <t>シツ</t>
    </rPh>
    <rPh sb="14" eb="16">
      <t>カクホ</t>
    </rPh>
    <rPh sb="17" eb="19">
      <t>ショクイン</t>
    </rPh>
    <rPh sb="20" eb="22">
      <t>フタン</t>
    </rPh>
    <rPh sb="23" eb="25">
      <t>ケイゲン</t>
    </rPh>
    <rPh sb="26" eb="27">
      <t>ハカ</t>
    </rPh>
    <rPh sb="31" eb="33">
      <t>イカ</t>
    </rPh>
    <rPh sb="40" eb="42">
      <t>コウモク</t>
    </rPh>
    <rPh sb="53" eb="55">
      <t>ドウニュウ</t>
    </rPh>
    <rPh sb="55" eb="56">
      <t>ゴ</t>
    </rPh>
    <rPh sb="57" eb="58">
      <t>スク</t>
    </rPh>
    <rPh sb="64" eb="65">
      <t>ツキ</t>
    </rPh>
    <rPh sb="65" eb="67">
      <t>イジョウ</t>
    </rPh>
    <rPh sb="67" eb="69">
      <t>ジッシ</t>
    </rPh>
    <phoneticPr fontId="2"/>
  </si>
  <si>
    <t>　（導入機器）</t>
    <rPh sb="2" eb="4">
      <t>ドウニュウ</t>
    </rPh>
    <rPh sb="4" eb="6">
      <t>キキ</t>
    </rPh>
    <phoneticPr fontId="2"/>
  </si>
  <si>
    <t>　ⅳ 移乗支援機器を使用</t>
    <rPh sb="3" eb="5">
      <t>イジョウ</t>
    </rPh>
    <rPh sb="5" eb="7">
      <t>シエン</t>
    </rPh>
    <rPh sb="7" eb="9">
      <t>キキ</t>
    </rPh>
    <rPh sb="10" eb="12">
      <t>シヨウ</t>
    </rPh>
    <phoneticPr fontId="2"/>
  </si>
  <si>
    <t>　ⅲ 介護記録ソフト、スマートフォン等のICTを使用</t>
    <rPh sb="3" eb="5">
      <t>カイゴ</t>
    </rPh>
    <rPh sb="5" eb="7">
      <t>キロク</t>
    </rPh>
    <rPh sb="18" eb="19">
      <t>トウ</t>
    </rPh>
    <rPh sb="24" eb="26">
      <t>シヨウ</t>
    </rPh>
    <phoneticPr fontId="2"/>
  </si>
  <si>
    <t>　ⅱ 職員全員がインカムを使用</t>
    <rPh sb="3" eb="5">
      <t>ショクイン</t>
    </rPh>
    <rPh sb="5" eb="7">
      <t>ゼンイン</t>
    </rPh>
    <rPh sb="13" eb="15">
      <t>シヨウ</t>
    </rPh>
    <phoneticPr fontId="2"/>
  </si>
  <si>
    <t>　ⅰ 入所者全員に見守り機器を使用</t>
    <rPh sb="3" eb="6">
      <t>ニュウショシャ</t>
    </rPh>
    <rPh sb="6" eb="8">
      <t>ゼンイン</t>
    </rPh>
    <rPh sb="9" eb="11">
      <t>ミマモ</t>
    </rPh>
    <rPh sb="12" eb="14">
      <t>キキ</t>
    </rPh>
    <rPh sb="15" eb="17">
      <t>シヨウ</t>
    </rPh>
    <phoneticPr fontId="2"/>
  </si>
  <si>
    <t>① テクノロジーを搭載した機器について、少なくとも以下のⅰ～ⅲの項目の機器を使用</t>
    <rPh sb="9" eb="11">
      <t>トウサイ</t>
    </rPh>
    <rPh sb="13" eb="15">
      <t>キキ</t>
    </rPh>
    <rPh sb="20" eb="21">
      <t>スク</t>
    </rPh>
    <rPh sb="25" eb="27">
      <t>イカ</t>
    </rPh>
    <rPh sb="32" eb="34">
      <t>コウモク</t>
    </rPh>
    <rPh sb="35" eb="37">
      <t>キキ</t>
    </rPh>
    <rPh sb="38" eb="40">
      <t>シヨウ</t>
    </rPh>
    <phoneticPr fontId="2"/>
  </si>
  <si>
    <t>　5　テクノロ
　　ジーの使用
　　状況</t>
    <rPh sb="13" eb="15">
      <t>シヨウ</t>
    </rPh>
    <rPh sb="18" eb="20">
      <t>ジョウキョウ</t>
    </rPh>
    <phoneticPr fontId="2"/>
  </si>
  <si>
    <t>以下の①から④の取組をすべて実施していること。</t>
    <rPh sb="0" eb="2">
      <t>イカ</t>
    </rPh>
    <rPh sb="8" eb="10">
      <t>トリクミ</t>
    </rPh>
    <rPh sb="14" eb="16">
      <t>ジッシ</t>
    </rPh>
    <phoneticPr fontId="2"/>
  </si>
  <si>
    <t>介護福祉士数：入所者数が
１：７以上</t>
    <rPh sb="0" eb="2">
      <t>カイゴ</t>
    </rPh>
    <rPh sb="2" eb="5">
      <t>フクシシ</t>
    </rPh>
    <rPh sb="5" eb="6">
      <t>スウ</t>
    </rPh>
    <rPh sb="7" eb="10">
      <t>ニュウショシャ</t>
    </rPh>
    <rPh sb="10" eb="11">
      <t>スウ</t>
    </rPh>
    <rPh sb="16" eb="18">
      <t>イジョウ</t>
    </rPh>
    <phoneticPr fontId="2"/>
  </si>
  <si>
    <t>①に占める②の割合が５％以上</t>
    <rPh sb="2" eb="3">
      <t>シ</t>
    </rPh>
    <rPh sb="7" eb="8">
      <t>ワリ</t>
    </rPh>
    <rPh sb="8" eb="9">
      <t>ゴウ</t>
    </rPh>
    <rPh sb="12" eb="14">
      <t>イジョウ</t>
    </rPh>
    <phoneticPr fontId="2"/>
  </si>
  <si>
    <t>①のうち社会福祉士及び介護福祉士法施行規則第１条各号に掲げる行為を必要とする者の数</t>
    <rPh sb="4" eb="6">
      <t>シャカイ</t>
    </rPh>
    <rPh sb="6" eb="8">
      <t>フクシ</t>
    </rPh>
    <rPh sb="8" eb="9">
      <t>シ</t>
    </rPh>
    <rPh sb="9" eb="10">
      <t>オヨ</t>
    </rPh>
    <rPh sb="11" eb="13">
      <t>カイゴ</t>
    </rPh>
    <rPh sb="13" eb="16">
      <t>フクシシ</t>
    </rPh>
    <rPh sb="16" eb="17">
      <t>ホウ</t>
    </rPh>
    <rPh sb="17" eb="19">
      <t>セコウ</t>
    </rPh>
    <rPh sb="19" eb="21">
      <t>キソク</t>
    </rPh>
    <rPh sb="21" eb="22">
      <t>ダイ</t>
    </rPh>
    <rPh sb="23" eb="24">
      <t>ジョウ</t>
    </rPh>
    <rPh sb="24" eb="26">
      <t>カクゴウ</t>
    </rPh>
    <rPh sb="27" eb="28">
      <t>カカ</t>
    </rPh>
    <rPh sb="30" eb="32">
      <t>コウイ</t>
    </rPh>
    <rPh sb="33" eb="35">
      <t>ヒツヨウ</t>
    </rPh>
    <rPh sb="38" eb="39">
      <t>モノ</t>
    </rPh>
    <rPh sb="40" eb="41">
      <t>カズ</t>
    </rPh>
    <phoneticPr fontId="2"/>
  </si>
  <si>
    <t>入居者（要介護）総数</t>
    <rPh sb="0" eb="2">
      <t>ニュウキョ</t>
    </rPh>
    <rPh sb="2" eb="3">
      <t>シャ</t>
    </rPh>
    <rPh sb="4" eb="7">
      <t>ヨウカイゴ</t>
    </rPh>
    <rPh sb="8" eb="10">
      <t>ソウスウ</t>
    </rPh>
    <phoneticPr fontId="2"/>
  </si>
  <si>
    <t>　5-2　入居継続支援加算（Ⅱ）に係る届出</t>
    <rPh sb="5" eb="7">
      <t>ニュウキョ</t>
    </rPh>
    <rPh sb="7" eb="9">
      <t>ケイゾク</t>
    </rPh>
    <rPh sb="9" eb="11">
      <t>シエン</t>
    </rPh>
    <rPh sb="11" eb="13">
      <t>カサン</t>
    </rPh>
    <rPh sb="17" eb="18">
      <t>カカ</t>
    </rPh>
    <rPh sb="19" eb="21">
      <t>トドケデ</t>
    </rPh>
    <phoneticPr fontId="2"/>
  </si>
  <si>
    <t>①に占める③の割合が
１５％以上</t>
    <rPh sb="2" eb="3">
      <t>シ</t>
    </rPh>
    <rPh sb="7" eb="8">
      <t>ワリ</t>
    </rPh>
    <rPh sb="8" eb="9">
      <t>ゴウ</t>
    </rPh>
    <rPh sb="14" eb="16">
      <t>イジョウ</t>
    </rPh>
    <phoneticPr fontId="2"/>
  </si>
  <si>
    <t>①に占める②の割合が
１５％以上</t>
    <rPh sb="2" eb="3">
      <t>シ</t>
    </rPh>
    <rPh sb="7" eb="8">
      <t>ワリ</t>
    </rPh>
    <rPh sb="8" eb="9">
      <t>ゴウ</t>
    </rPh>
    <rPh sb="14" eb="16">
      <t>イジョウ</t>
    </rPh>
    <phoneticPr fontId="2"/>
  </si>
  <si>
    <t>　5-1　入居継続支援加算（Ⅰ）に係る届出</t>
    <rPh sb="5" eb="7">
      <t>ニュウキョ</t>
    </rPh>
    <rPh sb="7" eb="9">
      <t>ケイゾク</t>
    </rPh>
    <rPh sb="9" eb="11">
      <t>シエン</t>
    </rPh>
    <rPh sb="11" eb="13">
      <t>カサン</t>
    </rPh>
    <rPh sb="17" eb="18">
      <t>カカ</t>
    </rPh>
    <rPh sb="19" eb="21">
      <t>トドケデ</t>
    </rPh>
    <phoneticPr fontId="2"/>
  </si>
  <si>
    <t>テクノロジーの導入による入居継続支援加算に関する届出書</t>
    <rPh sb="12" eb="14">
      <t>ニュウキョ</t>
    </rPh>
    <rPh sb="14" eb="16">
      <t>ケイゾク</t>
    </rPh>
    <rPh sb="16" eb="18">
      <t>シエン</t>
    </rPh>
    <rPh sb="18" eb="20">
      <t>カサン</t>
    </rPh>
    <rPh sb="21" eb="22">
      <t>カン</t>
    </rPh>
    <rPh sb="24" eb="26">
      <t>トドケデ</t>
    </rPh>
    <rPh sb="26" eb="27">
      <t>カ</t>
    </rPh>
    <phoneticPr fontId="2"/>
  </si>
  <si>
    <t>（別紙32－２）</t>
    <rPh sb="1" eb="3">
      <t>ベッシ</t>
    </rPh>
    <phoneticPr fontId="2"/>
  </si>
  <si>
    <t>　重度化した場合における対応に係る指針を定め、入居の際に、利用者又はその家族等に対して、当該指針の内容を説明し、同意を得ている。</t>
    <rPh sb="1" eb="4">
      <t>ジュウドカ</t>
    </rPh>
    <rPh sb="6" eb="8">
      <t>バアイ</t>
    </rPh>
    <rPh sb="12" eb="14">
      <t>タイオウ</t>
    </rPh>
    <rPh sb="15" eb="16">
      <t>カカ</t>
    </rPh>
    <rPh sb="17" eb="19">
      <t>シシン</t>
    </rPh>
    <rPh sb="20" eb="21">
      <t>サダ</t>
    </rPh>
    <rPh sb="23" eb="25">
      <t>ニュウキョ</t>
    </rPh>
    <rPh sb="26" eb="27">
      <t>サイ</t>
    </rPh>
    <rPh sb="29" eb="31">
      <t>リヨウ</t>
    </rPh>
    <rPh sb="31" eb="32">
      <t>シャ</t>
    </rPh>
    <rPh sb="32" eb="33">
      <t>マタ</t>
    </rPh>
    <rPh sb="36" eb="38">
      <t>カゾク</t>
    </rPh>
    <rPh sb="38" eb="39">
      <t>ナド</t>
    </rPh>
    <rPh sb="40" eb="41">
      <t>タイ</t>
    </rPh>
    <rPh sb="44" eb="46">
      <t>トウガイ</t>
    </rPh>
    <rPh sb="46" eb="48">
      <t>シシン</t>
    </rPh>
    <rPh sb="49" eb="51">
      <t>ナイヨウ</t>
    </rPh>
    <rPh sb="52" eb="54">
      <t>セツメイ</t>
    </rPh>
    <rPh sb="56" eb="58">
      <t>ドウイ</t>
    </rPh>
    <rPh sb="59" eb="60">
      <t>エ</t>
    </rPh>
    <phoneticPr fontId="2"/>
  </si>
  <si>
    <t>　必要に応じて健康上の管理等を行う体制を確保している。</t>
    <rPh sb="1" eb="3">
      <t>ヒツヨウ</t>
    </rPh>
    <rPh sb="4" eb="5">
      <t>オウ</t>
    </rPh>
    <rPh sb="7" eb="10">
      <t>ケンコウジョウ</t>
    </rPh>
    <rPh sb="11" eb="14">
      <t>カンリナド</t>
    </rPh>
    <rPh sb="15" eb="16">
      <t>オコナ</t>
    </rPh>
    <rPh sb="17" eb="19">
      <t>タイセイ</t>
    </rPh>
    <rPh sb="20" eb="22">
      <t>カクホ</t>
    </rPh>
    <phoneticPr fontId="2"/>
  </si>
  <si>
    <t>　保健師</t>
    <phoneticPr fontId="2"/>
  </si>
  <si>
    <t xml:space="preserve"> ６．夜間看護体制加算（Ⅱ）に係る届出内容</t>
    <rPh sb="3" eb="5">
      <t>ヤカン</t>
    </rPh>
    <rPh sb="7" eb="9">
      <t>タイセイ</t>
    </rPh>
    <rPh sb="15" eb="16">
      <t>カカ</t>
    </rPh>
    <rPh sb="17" eb="19">
      <t>トドケデ</t>
    </rPh>
    <rPh sb="19" eb="21">
      <t>ナイヨウ</t>
    </rPh>
    <phoneticPr fontId="2"/>
  </si>
  <si>
    <t>　当該加算を算定する期間において、夜勤又は宿直を行う看護職員の数が一名以上である。</t>
    <rPh sb="1" eb="3">
      <t>トウガイ</t>
    </rPh>
    <rPh sb="3" eb="5">
      <t>カサン</t>
    </rPh>
    <rPh sb="6" eb="8">
      <t>サンテイ</t>
    </rPh>
    <rPh sb="10" eb="12">
      <t>キカン</t>
    </rPh>
    <rPh sb="17" eb="19">
      <t>ヤキン</t>
    </rPh>
    <rPh sb="19" eb="20">
      <t>マタ</t>
    </rPh>
    <rPh sb="21" eb="23">
      <t>シュクチョク</t>
    </rPh>
    <rPh sb="24" eb="25">
      <t>オコナ</t>
    </rPh>
    <rPh sb="26" eb="28">
      <t>カンゴ</t>
    </rPh>
    <rPh sb="28" eb="30">
      <t>ショクイン</t>
    </rPh>
    <rPh sb="31" eb="32">
      <t>カズ</t>
    </rPh>
    <rPh sb="33" eb="35">
      <t>イチメイ</t>
    </rPh>
    <rPh sb="35" eb="37">
      <t>イジョウ</t>
    </rPh>
    <phoneticPr fontId="2"/>
  </si>
  <si>
    <t xml:space="preserve"> ５．夜間看護体制加算（Ⅰ）に係る届出内容</t>
    <rPh sb="3" eb="5">
      <t>ヤカン</t>
    </rPh>
    <rPh sb="7" eb="9">
      <t>タイセイ</t>
    </rPh>
    <rPh sb="15" eb="16">
      <t>カカ</t>
    </rPh>
    <rPh sb="17" eb="19">
      <t>トドケデ</t>
    </rPh>
    <rPh sb="19" eb="21">
      <t>ナイヨウ</t>
    </rPh>
    <phoneticPr fontId="2"/>
  </si>
  <si>
    <t>２　夜間看護体制加算（Ⅱ）</t>
    <rPh sb="2" eb="4">
      <t>ヤカン</t>
    </rPh>
    <rPh sb="4" eb="6">
      <t>カンゴ</t>
    </rPh>
    <rPh sb="6" eb="10">
      <t>タイセイカサン</t>
    </rPh>
    <phoneticPr fontId="2"/>
  </si>
  <si>
    <t>１　夜間看護体制加算（Ⅰ）</t>
    <rPh sb="2" eb="4">
      <t>ヤカン</t>
    </rPh>
    <rPh sb="4" eb="6">
      <t>カンゴ</t>
    </rPh>
    <rPh sb="6" eb="10">
      <t>タイセイカサン</t>
    </rPh>
    <phoneticPr fontId="2"/>
  </si>
  <si>
    <t>４．届 出 項 目</t>
    <rPh sb="2" eb="3">
      <t>トドケ</t>
    </rPh>
    <rPh sb="4" eb="5">
      <t>デ</t>
    </rPh>
    <rPh sb="6" eb="7">
      <t>コウ</t>
    </rPh>
    <rPh sb="8" eb="9">
      <t>メ</t>
    </rPh>
    <phoneticPr fontId="2"/>
  </si>
  <si>
    <t>２　地域密着型特定施設入居者生活介護</t>
    <phoneticPr fontId="2"/>
  </si>
  <si>
    <t>１　特定施設入居者生活介護</t>
    <phoneticPr fontId="2"/>
  </si>
  <si>
    <t>３．施 設 種 別</t>
    <rPh sb="2" eb="3">
      <t>シ</t>
    </rPh>
    <rPh sb="4" eb="5">
      <t>セツ</t>
    </rPh>
    <rPh sb="6" eb="7">
      <t>タネ</t>
    </rPh>
    <rPh sb="8" eb="9">
      <t>ベツ</t>
    </rPh>
    <phoneticPr fontId="2"/>
  </si>
  <si>
    <t>２．異 動 区 分</t>
    <rPh sb="2" eb="3">
      <t>イ</t>
    </rPh>
    <rPh sb="4" eb="5">
      <t>ドウ</t>
    </rPh>
    <rPh sb="6" eb="7">
      <t>ク</t>
    </rPh>
    <rPh sb="8" eb="9">
      <t>ブン</t>
    </rPh>
    <phoneticPr fontId="2"/>
  </si>
  <si>
    <t>１．事 業 所 名</t>
    <phoneticPr fontId="2"/>
  </si>
  <si>
    <t>夜間看護体制加算に係る届出書</t>
    <rPh sb="0" eb="2">
      <t>ヤカン</t>
    </rPh>
    <rPh sb="2" eb="4">
      <t>カンゴ</t>
    </rPh>
    <rPh sb="4" eb="6">
      <t>タイセイ</t>
    </rPh>
    <rPh sb="6" eb="8">
      <t>カサン</t>
    </rPh>
    <rPh sb="9" eb="10">
      <t>カカ</t>
    </rPh>
    <rPh sb="11" eb="13">
      <t>トドケデ</t>
    </rPh>
    <rPh sb="13" eb="14">
      <t>ショ</t>
    </rPh>
    <phoneticPr fontId="2"/>
  </si>
  <si>
    <t>（別紙33）</t>
    <phoneticPr fontId="2"/>
  </si>
  <si>
    <t>　⑦　「人生の最終段階における医療・ケアの決定プロセスに関
　　するガイドライン」等の内容に沿った取組を行っている。</t>
    <rPh sb="4" eb="6">
      <t>ジンセイ</t>
    </rPh>
    <rPh sb="7" eb="9">
      <t>サイシュウ</t>
    </rPh>
    <rPh sb="9" eb="11">
      <t>ダンカイ</t>
    </rPh>
    <rPh sb="15" eb="17">
      <t>イリョウ</t>
    </rPh>
    <rPh sb="21" eb="23">
      <t>ケッテイ</t>
    </rPh>
    <rPh sb="28" eb="29">
      <t>カン</t>
    </rPh>
    <rPh sb="41" eb="42">
      <t>トウ</t>
    </rPh>
    <rPh sb="43" eb="45">
      <t>ナイヨウ</t>
    </rPh>
    <rPh sb="46" eb="47">
      <t>ソ</t>
    </rPh>
    <rPh sb="49" eb="51">
      <t>トリクミ</t>
    </rPh>
    <rPh sb="52" eb="53">
      <t>オコナ</t>
    </rPh>
    <phoneticPr fontId="2"/>
  </si>
  <si>
    <t>　⑥　配置医師緊急時対応加算の算定体制の届出をしている。</t>
    <rPh sb="3" eb="5">
      <t>ハイチ</t>
    </rPh>
    <rPh sb="5" eb="7">
      <t>イシ</t>
    </rPh>
    <rPh sb="7" eb="10">
      <t>キンキュウジ</t>
    </rPh>
    <rPh sb="10" eb="12">
      <t>タイオウ</t>
    </rPh>
    <rPh sb="12" eb="14">
      <t>カサン</t>
    </rPh>
    <rPh sb="15" eb="17">
      <t>サンテイ</t>
    </rPh>
    <rPh sb="17" eb="19">
      <t>タイセイ</t>
    </rPh>
    <rPh sb="20" eb="22">
      <t>トドケデ</t>
    </rPh>
    <phoneticPr fontId="2"/>
  </si>
  <si>
    <t>　⑤　看取りを行う際の個室又は静養室の利用が可能となる
　　体制を整備している。</t>
    <rPh sb="3" eb="5">
      <t>ミト</t>
    </rPh>
    <rPh sb="7" eb="8">
      <t>オコナ</t>
    </rPh>
    <rPh sb="9" eb="10">
      <t>サイ</t>
    </rPh>
    <rPh sb="11" eb="13">
      <t>コシツ</t>
    </rPh>
    <rPh sb="13" eb="14">
      <t>マタ</t>
    </rPh>
    <rPh sb="15" eb="17">
      <t>セイヨウ</t>
    </rPh>
    <rPh sb="17" eb="18">
      <t>シツ</t>
    </rPh>
    <rPh sb="19" eb="21">
      <t>リヨウ</t>
    </rPh>
    <rPh sb="22" eb="24">
      <t>カノウ</t>
    </rPh>
    <rPh sb="33" eb="35">
      <t>セイビ</t>
    </rPh>
    <phoneticPr fontId="2"/>
  </si>
  <si>
    <t>　④　看取りに関する職員研修を行う体制を整備している。</t>
    <rPh sb="3" eb="5">
      <t>ミト</t>
    </rPh>
    <rPh sb="7" eb="8">
      <t>カン</t>
    </rPh>
    <rPh sb="10" eb="12">
      <t>ショクイン</t>
    </rPh>
    <rPh sb="12" eb="14">
      <t>ケンシュウ</t>
    </rPh>
    <rPh sb="15" eb="16">
      <t>オコナ</t>
    </rPh>
    <rPh sb="17" eb="19">
      <t>タイセイ</t>
    </rPh>
    <rPh sb="20" eb="22">
      <t>セイビ</t>
    </rPh>
    <phoneticPr fontId="2"/>
  </si>
  <si>
    <t>　③　医師、看護職員、生活相談員、介護職員、介護支援専門員
　　その他の職種の者による協議の上、施設における看取りの実
　　績等を踏まえ、適宜、看取りに関する指針の見直しを行う体
　　制を整備している。</t>
    <rPh sb="11" eb="13">
      <t>セイカツ</t>
    </rPh>
    <rPh sb="13" eb="16">
      <t>ソウダンイン</t>
    </rPh>
    <phoneticPr fontId="2"/>
  </si>
  <si>
    <t>　②　看取りに関する指針を定め、入所の際に、入所者又は
　　その家族等に説明し、同意を得る体制を整備している。</t>
    <rPh sb="3" eb="5">
      <t>ミト</t>
    </rPh>
    <rPh sb="7" eb="8">
      <t>カン</t>
    </rPh>
    <rPh sb="10" eb="12">
      <t>シシン</t>
    </rPh>
    <rPh sb="13" eb="14">
      <t>サダ</t>
    </rPh>
    <rPh sb="16" eb="18">
      <t>ニュウショ</t>
    </rPh>
    <rPh sb="19" eb="20">
      <t>サイ</t>
    </rPh>
    <rPh sb="22" eb="25">
      <t>ニュウショシャ</t>
    </rPh>
    <rPh sb="25" eb="26">
      <t>マタ</t>
    </rPh>
    <rPh sb="32" eb="34">
      <t>カゾク</t>
    </rPh>
    <rPh sb="34" eb="35">
      <t>トウ</t>
    </rPh>
    <rPh sb="36" eb="38">
      <t>セツメイ</t>
    </rPh>
    <rPh sb="40" eb="42">
      <t>ドウイ</t>
    </rPh>
    <rPh sb="43" eb="44">
      <t>エ</t>
    </rPh>
    <rPh sb="45" eb="47">
      <t>タイセイ</t>
    </rPh>
    <rPh sb="48" eb="50">
      <t>セイビ</t>
    </rPh>
    <phoneticPr fontId="2"/>
  </si>
  <si>
    <t>　①　24時間常時連絡できる体制を整備している。</t>
    <phoneticPr fontId="2"/>
  </si>
  <si>
    <t xml:space="preserve"> 看取り介護体制に関する届出内容</t>
    <rPh sb="1" eb="3">
      <t>ミト</t>
    </rPh>
    <rPh sb="4" eb="6">
      <t>カイゴ</t>
    </rPh>
    <rPh sb="6" eb="8">
      <t>タイセイ</t>
    </rPh>
    <rPh sb="9" eb="10">
      <t>カン</t>
    </rPh>
    <phoneticPr fontId="2"/>
  </si>
  <si>
    <t>看取り介護体制に係る届出書</t>
    <rPh sb="0" eb="2">
      <t>ミト</t>
    </rPh>
    <rPh sb="3" eb="5">
      <t>カイゴ</t>
    </rPh>
    <rPh sb="5" eb="7">
      <t>タイセイ</t>
    </rPh>
    <rPh sb="8" eb="9">
      <t>カカ</t>
    </rPh>
    <rPh sb="10" eb="13">
      <t>トドケデショ</t>
    </rPh>
    <phoneticPr fontId="2"/>
  </si>
  <si>
    <t>（別紙34）</t>
    <phoneticPr fontId="2"/>
  </si>
  <si>
    <t>　⑤　夜間看護体制加算の届出をしている。</t>
    <rPh sb="3" eb="5">
      <t>ヤカン</t>
    </rPh>
    <rPh sb="5" eb="7">
      <t>カンゴ</t>
    </rPh>
    <rPh sb="7" eb="9">
      <t>タイセイ</t>
    </rPh>
    <rPh sb="9" eb="11">
      <t>カサン</t>
    </rPh>
    <rPh sb="12" eb="14">
      <t>トドケデ</t>
    </rPh>
    <phoneticPr fontId="2"/>
  </si>
  <si>
    <t>　④　「人生の最終段階における医療・ケアの決定プロセスに関す
　　るガイドライン」等の内容に沿った取組を行っている。</t>
    <rPh sb="4" eb="6">
      <t>ジンセイ</t>
    </rPh>
    <rPh sb="7" eb="9">
      <t>サイシュウ</t>
    </rPh>
    <rPh sb="9" eb="11">
      <t>ダンカイ</t>
    </rPh>
    <rPh sb="15" eb="17">
      <t>イリョウ</t>
    </rPh>
    <rPh sb="21" eb="23">
      <t>ケッテイ</t>
    </rPh>
    <rPh sb="28" eb="29">
      <t>カン</t>
    </rPh>
    <rPh sb="41" eb="42">
      <t>トウ</t>
    </rPh>
    <rPh sb="43" eb="45">
      <t>ナイヨウ</t>
    </rPh>
    <rPh sb="46" eb="47">
      <t>ソ</t>
    </rPh>
    <rPh sb="49" eb="51">
      <t>トリクミ</t>
    </rPh>
    <rPh sb="52" eb="53">
      <t>オコナ</t>
    </rPh>
    <phoneticPr fontId="2"/>
  </si>
  <si>
    <t>　③　看取りに関する職員研修を行う体制を整備している。</t>
    <rPh sb="3" eb="5">
      <t>ミト</t>
    </rPh>
    <rPh sb="7" eb="8">
      <t>カン</t>
    </rPh>
    <rPh sb="10" eb="12">
      <t>ショクイン</t>
    </rPh>
    <rPh sb="12" eb="14">
      <t>ケンシュウ</t>
    </rPh>
    <rPh sb="15" eb="16">
      <t>オコナ</t>
    </rPh>
    <rPh sb="17" eb="19">
      <t>タイセイ</t>
    </rPh>
    <rPh sb="20" eb="22">
      <t>セイビ</t>
    </rPh>
    <phoneticPr fontId="2"/>
  </si>
  <si>
    <t>　②　医師、看護職員、生活相談員、介護職員、介護支援専門員、
　　その他の職種の者による協議の上、施設における看取りの実績
　　等を踏まえ、適宜、看取りに関する指針の見直しを行う体制を
　　整備している。</t>
    <rPh sb="11" eb="13">
      <t>セイカツ</t>
    </rPh>
    <rPh sb="13" eb="16">
      <t>ソウダンイン</t>
    </rPh>
    <phoneticPr fontId="2"/>
  </si>
  <si>
    <t>　①　看取りに関する指針を定め、入居の際に、利用者又は
　　その家族等に説明し、同意を得る体制を整備している。</t>
    <rPh sb="3" eb="5">
      <t>ミト</t>
    </rPh>
    <rPh sb="7" eb="8">
      <t>カン</t>
    </rPh>
    <rPh sb="10" eb="12">
      <t>シシン</t>
    </rPh>
    <rPh sb="13" eb="14">
      <t>サダ</t>
    </rPh>
    <rPh sb="16" eb="18">
      <t>ニュウキョ</t>
    </rPh>
    <rPh sb="19" eb="20">
      <t>サイ</t>
    </rPh>
    <rPh sb="22" eb="25">
      <t>リヨウシャ</t>
    </rPh>
    <rPh sb="25" eb="26">
      <t>マタ</t>
    </rPh>
    <rPh sb="32" eb="34">
      <t>カゾク</t>
    </rPh>
    <rPh sb="34" eb="35">
      <t>トウ</t>
    </rPh>
    <rPh sb="36" eb="38">
      <t>セツメイ</t>
    </rPh>
    <rPh sb="40" eb="42">
      <t>ドウイ</t>
    </rPh>
    <rPh sb="43" eb="44">
      <t>エ</t>
    </rPh>
    <rPh sb="45" eb="47">
      <t>タイセイ</t>
    </rPh>
    <rPh sb="48" eb="50">
      <t>セイビ</t>
    </rPh>
    <phoneticPr fontId="2"/>
  </si>
  <si>
    <t xml:space="preserve"> １　看取り介護体制に関する届出内容（看取り介護加算（Ⅰ）（Ⅱ）共通）</t>
    <rPh sb="3" eb="5">
      <t>ミト</t>
    </rPh>
    <rPh sb="6" eb="8">
      <t>カイゴ</t>
    </rPh>
    <rPh sb="8" eb="10">
      <t>タイセイ</t>
    </rPh>
    <rPh sb="11" eb="12">
      <t>カン</t>
    </rPh>
    <rPh sb="19" eb="21">
      <t>ミト</t>
    </rPh>
    <rPh sb="22" eb="24">
      <t>カイゴ</t>
    </rPh>
    <rPh sb="24" eb="26">
      <t>カサン</t>
    </rPh>
    <rPh sb="32" eb="34">
      <t>キョウツウ</t>
    </rPh>
    <phoneticPr fontId="2"/>
  </si>
  <si>
    <t>2 地域密着型特定施設入居者生活介護</t>
    <phoneticPr fontId="2"/>
  </si>
  <si>
    <t>1 特定施設入居者生活介護</t>
    <phoneticPr fontId="2"/>
  </si>
  <si>
    <t>（別紙34－2）</t>
    <phoneticPr fontId="2"/>
  </si>
  <si>
    <t>研修若しくは訓練を行った医療機関又は地域の医師会のいずれかを記載してください。</t>
    <rPh sb="2" eb="3">
      <t>モ</t>
    </rPh>
    <rPh sb="16" eb="17">
      <t>マタ</t>
    </rPh>
    <rPh sb="30" eb="32">
      <t>キサイ</t>
    </rPh>
    <phoneticPr fontId="2"/>
  </si>
  <si>
    <t>（※１）</t>
    <phoneticPr fontId="2"/>
  </si>
  <si>
    <t>「院内感染対策の研修または訓練を行った医療機関または地域の医師会」については、医療機関名又は地域の医師会の名称のいずれかを記載してください。医療機関名を記載する場合には、当該医療機関が届け出ている診療報酬の種類を併せて記載してください。</t>
    <rPh sb="39" eb="41">
      <t>イリョウ</t>
    </rPh>
    <rPh sb="41" eb="44">
      <t>キカンメイ</t>
    </rPh>
    <rPh sb="44" eb="45">
      <t>マタ</t>
    </rPh>
    <rPh sb="46" eb="48">
      <t>チイキ</t>
    </rPh>
    <rPh sb="49" eb="52">
      <t>イシカイ</t>
    </rPh>
    <rPh sb="53" eb="55">
      <t>メイショウ</t>
    </rPh>
    <rPh sb="70" eb="72">
      <t>イリョウ</t>
    </rPh>
    <rPh sb="72" eb="75">
      <t>キカンメイ</t>
    </rPh>
    <rPh sb="80" eb="82">
      <t>バアイ</t>
    </rPh>
    <rPh sb="85" eb="87">
      <t>トウガイ</t>
    </rPh>
    <rPh sb="87" eb="89">
      <t>イリョウ</t>
    </rPh>
    <rPh sb="89" eb="91">
      <t>キカン</t>
    </rPh>
    <rPh sb="92" eb="93">
      <t>トド</t>
    </rPh>
    <rPh sb="94" eb="95">
      <t>デ</t>
    </rPh>
    <rPh sb="98" eb="100">
      <t>シンリョウ</t>
    </rPh>
    <rPh sb="100" eb="102">
      <t>ホウシュウ</t>
    </rPh>
    <rPh sb="103" eb="105">
      <t>シュルイ</t>
    </rPh>
    <rPh sb="106" eb="107">
      <t>アワ</t>
    </rPh>
    <phoneticPr fontId="2"/>
  </si>
  <si>
    <t>備考４</t>
    <phoneticPr fontId="2"/>
  </si>
  <si>
    <t>高齢者施設等感染対策向上加算（Ⅰ）及び（Ⅱ）は併算定が可能である。</t>
    <rPh sb="17" eb="18">
      <t>オヨ</t>
    </rPh>
    <rPh sb="23" eb="24">
      <t>ヘイ</t>
    </rPh>
    <rPh sb="24" eb="26">
      <t>サンテイ</t>
    </rPh>
    <rPh sb="27" eb="29">
      <t>カノウ</t>
    </rPh>
    <phoneticPr fontId="2"/>
  </si>
  <si>
    <t>高齢者施設等感染対策向上加算（Ⅱ）で実地指導を行う医療機関等は、診療報酬の感染対策向上加算に係る届出を行っている必要がある。</t>
    <rPh sb="18" eb="20">
      <t>ジッチ</t>
    </rPh>
    <rPh sb="20" eb="22">
      <t>シドウ</t>
    </rPh>
    <rPh sb="23" eb="24">
      <t>オコナ</t>
    </rPh>
    <rPh sb="25" eb="27">
      <t>イリョウ</t>
    </rPh>
    <rPh sb="27" eb="29">
      <t>キカン</t>
    </rPh>
    <rPh sb="29" eb="30">
      <t>トウ</t>
    </rPh>
    <rPh sb="32" eb="34">
      <t>シンリョウ</t>
    </rPh>
    <rPh sb="34" eb="36">
      <t>ホウシュウ</t>
    </rPh>
    <rPh sb="37" eb="39">
      <t>カンセン</t>
    </rPh>
    <rPh sb="39" eb="41">
      <t>タイサク</t>
    </rPh>
    <rPh sb="41" eb="43">
      <t>コウジョウ</t>
    </rPh>
    <rPh sb="43" eb="45">
      <t>カサン</t>
    </rPh>
    <rPh sb="46" eb="47">
      <t>カカ</t>
    </rPh>
    <rPh sb="48" eb="50">
      <t>トドケデ</t>
    </rPh>
    <rPh sb="51" eb="52">
      <t>オコナ</t>
    </rPh>
    <rPh sb="56" eb="58">
      <t>ヒツヨウ</t>
    </rPh>
    <phoneticPr fontId="2"/>
  </si>
  <si>
    <t>実地指導を受けた日時</t>
    <rPh sb="0" eb="2">
      <t>ジッチ</t>
    </rPh>
    <rPh sb="2" eb="4">
      <t>シドウ</t>
    </rPh>
    <rPh sb="5" eb="6">
      <t>ウ</t>
    </rPh>
    <rPh sb="8" eb="10">
      <t>ニチジ</t>
    </rPh>
    <phoneticPr fontId="2"/>
  </si>
  <si>
    <t>3 感染対策向上加算３</t>
    <rPh sb="2" eb="4">
      <t>カンセン</t>
    </rPh>
    <rPh sb="4" eb="6">
      <t>タイサク</t>
    </rPh>
    <rPh sb="6" eb="8">
      <t>コウジョウ</t>
    </rPh>
    <rPh sb="8" eb="10">
      <t>カサン</t>
    </rPh>
    <phoneticPr fontId="2"/>
  </si>
  <si>
    <t>2 感染対策向上加算２</t>
    <rPh sb="2" eb="4">
      <t>カンセン</t>
    </rPh>
    <rPh sb="4" eb="6">
      <t>タイサク</t>
    </rPh>
    <rPh sb="6" eb="8">
      <t>コウジョウ</t>
    </rPh>
    <rPh sb="8" eb="10">
      <t>カサン</t>
    </rPh>
    <phoneticPr fontId="2"/>
  </si>
  <si>
    <t>1 感染対策向上加算１</t>
    <rPh sb="2" eb="4">
      <t>カンセン</t>
    </rPh>
    <rPh sb="4" eb="6">
      <t>タイサク</t>
    </rPh>
    <rPh sb="6" eb="8">
      <t>コウジョウ</t>
    </rPh>
    <rPh sb="8" eb="10">
      <t>カサン</t>
    </rPh>
    <phoneticPr fontId="2"/>
  </si>
  <si>
    <t>医療機関が届け出ている診療報酬</t>
    <rPh sb="0" eb="2">
      <t>イリョウ</t>
    </rPh>
    <rPh sb="2" eb="4">
      <t>キカン</t>
    </rPh>
    <rPh sb="5" eb="6">
      <t>トド</t>
    </rPh>
    <rPh sb="7" eb="8">
      <t>デ</t>
    </rPh>
    <rPh sb="11" eb="13">
      <t>シンリョウ</t>
    </rPh>
    <rPh sb="13" eb="15">
      <t>ホウシュウ</t>
    </rPh>
    <phoneticPr fontId="2"/>
  </si>
  <si>
    <t>医療機関コード</t>
    <rPh sb="0" eb="2">
      <t>イリョウ</t>
    </rPh>
    <rPh sb="2" eb="4">
      <t>キカン</t>
    </rPh>
    <phoneticPr fontId="2"/>
  </si>
  <si>
    <t>医療機関名</t>
    <rPh sb="0" eb="2">
      <t>イリョウキカンメイ</t>
    </rPh>
    <phoneticPr fontId="2"/>
  </si>
  <si>
    <t>施設内で感染者が発生した場合の対応に係る実地指導を行った医療機関の名称</t>
    <rPh sb="0" eb="3">
      <t>シセツナイ</t>
    </rPh>
    <rPh sb="4" eb="7">
      <t>カンセンシャ</t>
    </rPh>
    <rPh sb="8" eb="10">
      <t>ハッセイ</t>
    </rPh>
    <rPh sb="12" eb="14">
      <t>バアイ</t>
    </rPh>
    <rPh sb="15" eb="17">
      <t>タイオウ</t>
    </rPh>
    <rPh sb="18" eb="19">
      <t>カカ</t>
    </rPh>
    <rPh sb="20" eb="22">
      <t>ジッチ</t>
    </rPh>
    <rPh sb="22" eb="24">
      <t>シドウ</t>
    </rPh>
    <rPh sb="25" eb="26">
      <t>オコナ</t>
    </rPh>
    <rPh sb="28" eb="30">
      <t>イリョウ</t>
    </rPh>
    <rPh sb="30" eb="32">
      <t>キカン</t>
    </rPh>
    <rPh sb="33" eb="35">
      <t>メイショウ</t>
    </rPh>
    <phoneticPr fontId="2"/>
  </si>
  <si>
    <t>6　高齢者施設等感染対策向上加算（Ⅱ）に係る届出</t>
    <rPh sb="20" eb="21">
      <t>カカ</t>
    </rPh>
    <rPh sb="22" eb="24">
      <t>トドケデ</t>
    </rPh>
    <phoneticPr fontId="2"/>
  </si>
  <si>
    <t>院内感染対策に関する研修又は訓練に参加した日時</t>
    <phoneticPr fontId="2"/>
  </si>
  <si>
    <t>地域の医師会の名称（※１）</t>
    <rPh sb="0" eb="2">
      <t>チイキ</t>
    </rPh>
    <rPh sb="3" eb="6">
      <t>イシカイ</t>
    </rPh>
    <rPh sb="7" eb="9">
      <t>メイショウ</t>
    </rPh>
    <phoneticPr fontId="2"/>
  </si>
  <si>
    <t>4 外来感染対策向上加算</t>
    <rPh sb="2" eb="4">
      <t>ガイライ</t>
    </rPh>
    <rPh sb="4" eb="6">
      <t>カンセン</t>
    </rPh>
    <rPh sb="6" eb="8">
      <t>タイサク</t>
    </rPh>
    <rPh sb="8" eb="10">
      <t>コウジョウ</t>
    </rPh>
    <rPh sb="10" eb="12">
      <t>カサン</t>
    </rPh>
    <phoneticPr fontId="2"/>
  </si>
  <si>
    <t>　　　　医療機関名（※１）</t>
    <rPh sb="4" eb="6">
      <t>イリョウキカンメイ</t>
    </rPh>
    <phoneticPr fontId="2"/>
  </si>
  <si>
    <t>院内感染対策の研修または訓練を行った医療機関または地域の医師会</t>
    <rPh sb="0" eb="6">
      <t>インナイカンセンタイサク</t>
    </rPh>
    <rPh sb="7" eb="9">
      <t>ケンシュウ</t>
    </rPh>
    <rPh sb="12" eb="14">
      <t>クンレン</t>
    </rPh>
    <rPh sb="15" eb="16">
      <t>オコナ</t>
    </rPh>
    <rPh sb="18" eb="20">
      <t>イリョウ</t>
    </rPh>
    <rPh sb="20" eb="22">
      <t>キカン</t>
    </rPh>
    <rPh sb="25" eb="27">
      <t>チイキ</t>
    </rPh>
    <rPh sb="28" eb="31">
      <t>イシカイ</t>
    </rPh>
    <phoneticPr fontId="2"/>
  </si>
  <si>
    <t>連携している第二種協定指定医療機関</t>
    <rPh sb="0" eb="2">
      <t>レンケイ</t>
    </rPh>
    <rPh sb="6" eb="17">
      <t>ダイニシュキョウテイシテイイリョウキカン</t>
    </rPh>
    <phoneticPr fontId="2"/>
  </si>
  <si>
    <t>5　高齢者施設等感染対策向上加算（Ⅰ）に係る届出</t>
    <rPh sb="2" eb="5">
      <t>コウレイシャ</t>
    </rPh>
    <rPh sb="5" eb="7">
      <t>シセツ</t>
    </rPh>
    <rPh sb="7" eb="8">
      <t>トウ</t>
    </rPh>
    <rPh sb="8" eb="10">
      <t>カンセン</t>
    </rPh>
    <rPh sb="10" eb="12">
      <t>タイサク</t>
    </rPh>
    <rPh sb="12" eb="14">
      <t>コウジョウ</t>
    </rPh>
    <rPh sb="14" eb="16">
      <t>カサン</t>
    </rPh>
    <rPh sb="20" eb="21">
      <t>カカワ</t>
    </rPh>
    <rPh sb="22" eb="24">
      <t>トドケデ</t>
    </rPh>
    <phoneticPr fontId="2"/>
  </si>
  <si>
    <t>2　高齢者施設等感染対策向上加算（Ⅱ）</t>
    <phoneticPr fontId="2"/>
  </si>
  <si>
    <t>1　高齢者施設等感染対策向上加算（Ⅰ）</t>
    <rPh sb="2" eb="5">
      <t>コウレイシャ</t>
    </rPh>
    <rPh sb="5" eb="7">
      <t>シセツ</t>
    </rPh>
    <rPh sb="7" eb="8">
      <t>トウ</t>
    </rPh>
    <rPh sb="8" eb="10">
      <t>カンセン</t>
    </rPh>
    <rPh sb="10" eb="12">
      <t>タイサク</t>
    </rPh>
    <rPh sb="12" eb="14">
      <t>コウジョウ</t>
    </rPh>
    <rPh sb="14" eb="16">
      <t>カサン</t>
    </rPh>
    <phoneticPr fontId="2"/>
  </si>
  <si>
    <t>7　介護医療院</t>
    <rPh sb="2" eb="4">
      <t>カイゴ</t>
    </rPh>
    <rPh sb="4" eb="6">
      <t>イリョウ</t>
    </rPh>
    <rPh sb="6" eb="7">
      <t>イン</t>
    </rPh>
    <phoneticPr fontId="2"/>
  </si>
  <si>
    <t>6　介護老人保健施設</t>
    <rPh sb="2" eb="4">
      <t>カイゴ</t>
    </rPh>
    <rPh sb="4" eb="6">
      <t>ロウジン</t>
    </rPh>
    <rPh sb="6" eb="8">
      <t>ホケン</t>
    </rPh>
    <rPh sb="8" eb="10">
      <t>シセツ</t>
    </rPh>
    <phoneticPr fontId="2"/>
  </si>
  <si>
    <r>
      <t>5　</t>
    </r>
    <r>
      <rPr>
        <sz val="10"/>
        <rFont val="HGSｺﾞｼｯｸM"/>
        <family val="3"/>
        <charset val="128"/>
      </rPr>
      <t>地域密着型介護老人福祉施設入所者生活介護</t>
    </r>
    <rPh sb="2" eb="4">
      <t>チイキ</t>
    </rPh>
    <rPh sb="4" eb="7">
      <t>ミッチャクガタ</t>
    </rPh>
    <rPh sb="7" eb="9">
      <t>カイゴ</t>
    </rPh>
    <rPh sb="9" eb="11">
      <t>ロウジン</t>
    </rPh>
    <rPh sb="11" eb="13">
      <t>フクシ</t>
    </rPh>
    <rPh sb="13" eb="15">
      <t>シセツ</t>
    </rPh>
    <rPh sb="15" eb="18">
      <t>ニュウショシャ</t>
    </rPh>
    <rPh sb="18" eb="20">
      <t>セイカツ</t>
    </rPh>
    <rPh sb="20" eb="22">
      <t>カイゴ</t>
    </rPh>
    <phoneticPr fontId="2"/>
  </si>
  <si>
    <t>4　介護老人福祉施設</t>
    <rPh sb="2" eb="4">
      <t>カイゴ</t>
    </rPh>
    <rPh sb="4" eb="6">
      <t>ロウジン</t>
    </rPh>
    <rPh sb="6" eb="8">
      <t>フクシ</t>
    </rPh>
    <rPh sb="8" eb="10">
      <t>シセツ</t>
    </rPh>
    <phoneticPr fontId="2"/>
  </si>
  <si>
    <t>3 （介護予防）認知症対応型共同生活介護</t>
    <rPh sb="3" eb="5">
      <t>カイゴ</t>
    </rPh>
    <rPh sb="5" eb="7">
      <t>ヨボウ</t>
    </rPh>
    <phoneticPr fontId="2"/>
  </si>
  <si>
    <t>1 （介護予防）特定施設入居者生活介護</t>
    <rPh sb="3" eb="5">
      <t>カイゴ</t>
    </rPh>
    <rPh sb="5" eb="7">
      <t>ヨボウ</t>
    </rPh>
    <phoneticPr fontId="2"/>
  </si>
  <si>
    <t>高齢者施設等感染対策向上加算に係る届出書</t>
    <rPh sb="0" eb="3">
      <t>コウレイシャ</t>
    </rPh>
    <rPh sb="3" eb="5">
      <t>シセツ</t>
    </rPh>
    <rPh sb="5" eb="6">
      <t>トウ</t>
    </rPh>
    <rPh sb="6" eb="8">
      <t>カンセン</t>
    </rPh>
    <rPh sb="8" eb="10">
      <t>タイサク</t>
    </rPh>
    <rPh sb="10" eb="12">
      <t>コウジョウ</t>
    </rPh>
    <rPh sb="12" eb="14">
      <t>カサン</t>
    </rPh>
    <rPh sb="15" eb="16">
      <t>カカ</t>
    </rPh>
    <rPh sb="17" eb="20">
      <t>トドケデショ</t>
    </rPh>
    <phoneticPr fontId="2"/>
  </si>
  <si>
    <t>（別紙35）</t>
    <phoneticPr fontId="2"/>
  </si>
  <si>
    <t xml:space="preserve">     　を行うことができる体制を整備している。</t>
    <phoneticPr fontId="2"/>
  </si>
  <si>
    <t>　     時間連絡できる体制を確保しており、かつ、必要に応じて指定居宅介護支援</t>
    <phoneticPr fontId="2"/>
  </si>
  <si>
    <t>(1) 　ターミナルケアマネジメントを受けることに同意した利用者について、24</t>
    <rPh sb="19" eb="20">
      <t>ウ</t>
    </rPh>
    <rPh sb="25" eb="27">
      <t>ドウイ</t>
    </rPh>
    <rPh sb="29" eb="32">
      <t>リヨウシャ</t>
    </rPh>
    <phoneticPr fontId="2"/>
  </si>
  <si>
    <t>３．ターミナルケアマネジメント加算に係る届出内容</t>
    <rPh sb="15" eb="17">
      <t>カサン</t>
    </rPh>
    <rPh sb="18" eb="19">
      <t>カカ</t>
    </rPh>
    <rPh sb="20" eb="22">
      <t>トドケデ</t>
    </rPh>
    <rPh sb="22" eb="24">
      <t>ナイヨウ</t>
    </rPh>
    <phoneticPr fontId="2"/>
  </si>
  <si>
    <t>(3) 　特定事業所加算(Ⅰ)、(Ⅱ)又は(Ⅲ)を算定している。</t>
    <rPh sb="5" eb="7">
      <t>トクテイ</t>
    </rPh>
    <rPh sb="7" eb="10">
      <t>ジギョウショ</t>
    </rPh>
    <rPh sb="10" eb="12">
      <t>カサン</t>
    </rPh>
    <rPh sb="19" eb="20">
      <t>マタ</t>
    </rPh>
    <rPh sb="25" eb="27">
      <t>サンテイ</t>
    </rPh>
    <phoneticPr fontId="2"/>
  </si>
  <si>
    <t>　算定回数を加えた数が15以上である場合に有にチェックすること。</t>
    <rPh sb="13" eb="15">
      <t>イジョウ</t>
    </rPh>
    <rPh sb="18" eb="20">
      <t>バアイ</t>
    </rPh>
    <rPh sb="21" eb="22">
      <t>アリ</t>
    </rPh>
    <phoneticPr fontId="2"/>
  </si>
  <si>
    <t>　算定回数に３を乗じた数に令和６年４月から令和７年２月までの間における</t>
    <phoneticPr fontId="2"/>
  </si>
  <si>
    <t>※　令和７年４月１日から令和８年３月31日までの間は、令和６年３月における</t>
    <rPh sb="2" eb="4">
      <t>レイワ</t>
    </rPh>
    <rPh sb="5" eb="6">
      <t>ネン</t>
    </rPh>
    <rPh sb="7" eb="8">
      <t>ガツ</t>
    </rPh>
    <rPh sb="9" eb="10">
      <t>ニチ</t>
    </rPh>
    <rPh sb="12" eb="14">
      <t>レイワ</t>
    </rPh>
    <rPh sb="15" eb="16">
      <t>ネン</t>
    </rPh>
    <rPh sb="17" eb="18">
      <t>ガツ</t>
    </rPh>
    <rPh sb="20" eb="21">
      <t>ニチ</t>
    </rPh>
    <rPh sb="24" eb="25">
      <t>アイダ</t>
    </rPh>
    <phoneticPr fontId="2"/>
  </si>
  <si>
    <t>　すること。</t>
    <phoneticPr fontId="2"/>
  </si>
  <si>
    <t>※　令和７年３月31日までの間は、５回以上算定している場合に有にチェック</t>
    <rPh sb="18" eb="19">
      <t>カイ</t>
    </rPh>
    <rPh sb="19" eb="21">
      <t>イジョウ</t>
    </rPh>
    <rPh sb="21" eb="23">
      <t>サンテイ</t>
    </rPh>
    <rPh sb="27" eb="29">
      <t>バアイ</t>
    </rPh>
    <rPh sb="30" eb="31">
      <t>アリ</t>
    </rPh>
    <phoneticPr fontId="2"/>
  </si>
  <si>
    <t>(2) 　ターミナルケアマネジメント加算を年間１５回以上算定している。</t>
    <phoneticPr fontId="2"/>
  </si>
  <si>
    <t>　  　３５回以上である。</t>
    <phoneticPr fontId="2"/>
  </si>
  <si>
    <t>(1) 　退院・退所加算の算定に係る病院又は診療所等との連携回数の合計が年間</t>
    <rPh sb="5" eb="7">
      <t>タイイン</t>
    </rPh>
    <rPh sb="8" eb="12">
      <t>タイショカサン</t>
    </rPh>
    <rPh sb="13" eb="15">
      <t>サンテイ</t>
    </rPh>
    <rPh sb="36" eb="38">
      <t>ネンカン</t>
    </rPh>
    <phoneticPr fontId="2"/>
  </si>
  <si>
    <t>２．特定事業所医療介護連携加算に係る届出内容</t>
    <rPh sb="2" eb="4">
      <t>トクテイ</t>
    </rPh>
    <rPh sb="4" eb="7">
      <t>ジギョウショ</t>
    </rPh>
    <rPh sb="7" eb="9">
      <t>イリョウ</t>
    </rPh>
    <rPh sb="9" eb="11">
      <t>カイゴ</t>
    </rPh>
    <rPh sb="11" eb="13">
      <t>レンケイ</t>
    </rPh>
    <rPh sb="13" eb="15">
      <t>カサン</t>
    </rPh>
    <rPh sb="16" eb="17">
      <t>カカ</t>
    </rPh>
    <rPh sb="18" eb="20">
      <t>トドケデ</t>
    </rPh>
    <rPh sb="20" eb="22">
      <t>ナイヨウ</t>
    </rPh>
    <phoneticPr fontId="2"/>
  </si>
  <si>
    <t>　　　作成している。</t>
  </si>
  <si>
    <t>　　　支援するサービスが包括的に提供されるような居宅サービス計画を</t>
    <rPh sb="3" eb="5">
      <t>シエン</t>
    </rPh>
    <rPh sb="12" eb="15">
      <t>ホウカツテキ</t>
    </rPh>
    <rPh sb="16" eb="18">
      <t>テイキョウ</t>
    </rPh>
    <rPh sb="24" eb="26">
      <t>キョタク</t>
    </rPh>
    <rPh sb="30" eb="32">
      <t>ケイカク</t>
    </rPh>
    <phoneticPr fontId="2"/>
  </si>
  <si>
    <t>(13)　必要に応じて、多様な主体により提供される利用者の日常生活全般を</t>
  </si>
  <si>
    <t>　　　等を実施している。</t>
    <phoneticPr fontId="2"/>
  </si>
  <si>
    <t>(12)　他の法人が運営する指定居宅介護支援事業者と共同で事例検討会、研修会</t>
  </si>
  <si>
    <t>　　　する実習」等に協力又は協力体制の確保の有無</t>
    <phoneticPr fontId="2"/>
  </si>
  <si>
    <t>(11)　介護支援専門員実務研修における科目「ケアマネジメントの基礎技術に関</t>
  </si>
  <si>
    <t>　②居宅介護支援費(Ⅱ)を算定している場合　50件以上の有無</t>
  </si>
  <si>
    <t>　①居宅介護支援費(Ⅰ)を算定している場合　45件以上の有無</t>
  </si>
  <si>
    <t>(10)　介護支援専門員1人当たり（常勤換算方法による）の担当件数について</t>
  </si>
  <si>
    <t>(9)  　特定事業所集中減算の適用の有無</t>
    <phoneticPr fontId="2"/>
  </si>
  <si>
    <t>　　　事例検討会、研修等に参加している。</t>
  </si>
  <si>
    <t>　　　難病患者等、高齢者以外の対象者への支援に関する知識等に関する</t>
  </si>
  <si>
    <t>(8)  　家族に対する介護等を日常的に行っている児童や、障害者、生活困窮者、</t>
    <phoneticPr fontId="2"/>
  </si>
  <si>
    <t>　      ケースを受託する体制を整備している。</t>
    <rPh sb="11" eb="13">
      <t>ジュタク</t>
    </rPh>
    <rPh sb="15" eb="17">
      <t>タイセイ</t>
    </rPh>
    <rPh sb="18" eb="20">
      <t>セイビ</t>
    </rPh>
    <phoneticPr fontId="2"/>
  </si>
  <si>
    <t>(7)  　地域包括支援センターからの支援困難ケースが紹介された場合に、当該</t>
  </si>
  <si>
    <t>(6)　  介護支援専門員に対し、計画的に、研修を実施している。</t>
  </si>
  <si>
    <t>　      割合が４０％以上</t>
    <rPh sb="7" eb="9">
      <t>ワリアイ</t>
    </rPh>
    <rPh sb="13" eb="15">
      <t>イジョウ</t>
    </rPh>
    <phoneticPr fontId="2"/>
  </si>
  <si>
    <t>(5)  　利用者の総数のうち、要介護３、要介護４又は要介護５である者の占める</t>
  </si>
  <si>
    <t xml:space="preserve">  </t>
    <phoneticPr fontId="2"/>
  </si>
  <si>
    <t>(4)  　24時間常時連絡できる体制を整備している。</t>
  </si>
  <si>
    <t xml:space="preserve">         を目的とした会議を定期的に開催している。</t>
    <rPh sb="10" eb="12">
      <t>モクテキ</t>
    </rPh>
    <rPh sb="15" eb="17">
      <t>カイギ</t>
    </rPh>
    <rPh sb="18" eb="21">
      <t>テイキテキ</t>
    </rPh>
    <rPh sb="22" eb="24">
      <t>カイサイ</t>
    </rPh>
    <phoneticPr fontId="2"/>
  </si>
  <si>
    <t>(3)  　利用者に関する情報又はサービス提供に当たっての留意事項に係る伝達等</t>
  </si>
  <si>
    <t>　常勤専従</t>
    <rPh sb="1" eb="3">
      <t>ジョウキン</t>
    </rPh>
    <rPh sb="3" eb="5">
      <t>センジュウ</t>
    </rPh>
    <phoneticPr fontId="2"/>
  </si>
  <si>
    <t>介護支援専門員</t>
    <rPh sb="0" eb="2">
      <t>カイゴ</t>
    </rPh>
    <rPh sb="2" eb="4">
      <t>シエン</t>
    </rPh>
    <rPh sb="4" eb="7">
      <t>センモンイン</t>
    </rPh>
    <phoneticPr fontId="2"/>
  </si>
  <si>
    <t>(2)  　介護支援専門員の配置状況</t>
  </si>
  <si>
    <t>主任介護支援専門員</t>
  </si>
  <si>
    <t>(1)  　主任介護支援専門員の配置状況</t>
  </si>
  <si>
    <t>１．特定事業所加算(Ⅰ)～(Ⅲ)に係る届出内容</t>
    <rPh sb="2" eb="4">
      <t>トクテイ</t>
    </rPh>
    <rPh sb="4" eb="7">
      <t>ジギョウショ</t>
    </rPh>
    <rPh sb="7" eb="9">
      <t>カサン</t>
    </rPh>
    <rPh sb="17" eb="18">
      <t>カカ</t>
    </rPh>
    <rPh sb="19" eb="21">
      <t>トドケデ</t>
    </rPh>
    <rPh sb="21" eb="23">
      <t>ナイヨウ</t>
    </rPh>
    <phoneticPr fontId="2"/>
  </si>
  <si>
    <t>5　ターミナルケアマネジメント加算</t>
    <rPh sb="15" eb="17">
      <t>カサン</t>
    </rPh>
    <phoneticPr fontId="2"/>
  </si>
  <si>
    <t>4　特定事業所医療介護連携加算</t>
    <rPh sb="2" eb="4">
      <t>トクテイ</t>
    </rPh>
    <rPh sb="4" eb="7">
      <t>ジギョウショ</t>
    </rPh>
    <rPh sb="7" eb="9">
      <t>イリョウ</t>
    </rPh>
    <rPh sb="9" eb="11">
      <t>カイゴ</t>
    </rPh>
    <rPh sb="11" eb="13">
      <t>レンケイ</t>
    </rPh>
    <rPh sb="13" eb="15">
      <t>カサン</t>
    </rPh>
    <phoneticPr fontId="2"/>
  </si>
  <si>
    <t>届出項目</t>
    <phoneticPr fontId="2"/>
  </si>
  <si>
    <t>特定事業所加算(Ⅰ)～(Ⅲ)・特定事業所医療介護連携加算・ターミナルケアマネジメント加算に係る届出書
（居宅介護支援事業所）</t>
    <rPh sb="0" eb="2">
      <t>トクテイ</t>
    </rPh>
    <rPh sb="2" eb="5">
      <t>ジギョウショ</t>
    </rPh>
    <rPh sb="5" eb="7">
      <t>カサン</t>
    </rPh>
    <rPh sb="15" eb="17">
      <t>トクテイ</t>
    </rPh>
    <rPh sb="17" eb="20">
      <t>ジギョウショ</t>
    </rPh>
    <rPh sb="20" eb="22">
      <t>イリョウ</t>
    </rPh>
    <rPh sb="22" eb="24">
      <t>カイゴ</t>
    </rPh>
    <rPh sb="24" eb="26">
      <t>レンケイ</t>
    </rPh>
    <rPh sb="26" eb="28">
      <t>カサン</t>
    </rPh>
    <rPh sb="42" eb="44">
      <t>カサン</t>
    </rPh>
    <rPh sb="45" eb="46">
      <t>カカ</t>
    </rPh>
    <rPh sb="47" eb="50">
      <t>トドケデショ</t>
    </rPh>
    <rPh sb="52" eb="54">
      <t>キョタク</t>
    </rPh>
    <rPh sb="54" eb="56">
      <t>カイゴ</t>
    </rPh>
    <rPh sb="56" eb="58">
      <t>シエン</t>
    </rPh>
    <rPh sb="58" eb="61">
      <t>ジギョウショ</t>
    </rPh>
    <phoneticPr fontId="2"/>
  </si>
  <si>
    <t>（別紙36）</t>
    <phoneticPr fontId="2"/>
  </si>
  <si>
    <t>　　　作成している</t>
    <rPh sb="3" eb="5">
      <t>サクセイ</t>
    </rPh>
    <phoneticPr fontId="2"/>
  </si>
  <si>
    <t>(12)　必要に応じて、多様な主体により提供される利用者の日常生活全般を</t>
    <rPh sb="5" eb="7">
      <t>ヒツヨウ</t>
    </rPh>
    <rPh sb="8" eb="9">
      <t>オウ</t>
    </rPh>
    <rPh sb="12" eb="14">
      <t>タヨウ</t>
    </rPh>
    <rPh sb="15" eb="17">
      <t>シュタイ</t>
    </rPh>
    <rPh sb="20" eb="22">
      <t>テイキョウ</t>
    </rPh>
    <rPh sb="25" eb="28">
      <t>リヨウシャ</t>
    </rPh>
    <rPh sb="29" eb="31">
      <t>ニチジョウ</t>
    </rPh>
    <rPh sb="31" eb="33">
      <t>セイカツ</t>
    </rPh>
    <rPh sb="33" eb="35">
      <t>ゼンパン</t>
    </rPh>
    <phoneticPr fontId="2"/>
  </si>
  <si>
    <t>　　　事例検討会、研修会等を実施している。（連携可）</t>
    <phoneticPr fontId="2"/>
  </si>
  <si>
    <t>(11)　他の法人が運営する指定居宅介護支援事業者と共同で</t>
    <rPh sb="5" eb="6">
      <t>タ</t>
    </rPh>
    <rPh sb="7" eb="9">
      <t>ホウジン</t>
    </rPh>
    <rPh sb="10" eb="12">
      <t>ウンエイ</t>
    </rPh>
    <rPh sb="14" eb="16">
      <t>シテイ</t>
    </rPh>
    <rPh sb="16" eb="18">
      <t>キョタク</t>
    </rPh>
    <rPh sb="18" eb="20">
      <t>カイゴ</t>
    </rPh>
    <rPh sb="20" eb="22">
      <t>シエン</t>
    </rPh>
    <rPh sb="22" eb="25">
      <t>ジギョウシャ</t>
    </rPh>
    <rPh sb="26" eb="28">
      <t>キョウドウ</t>
    </rPh>
    <phoneticPr fontId="2"/>
  </si>
  <si>
    <t>　　　基礎技術に関する実習」等に協力又は協力体制の確保の有無（連携可）</t>
    <phoneticPr fontId="2"/>
  </si>
  <si>
    <t>(10)　介護支援専門員実務研修における科目「ケアマネジメントの</t>
    <phoneticPr fontId="2"/>
  </si>
  <si>
    <t>(9)  　介護支援専門員1人当たり（常勤換算方法による）の担当件数について</t>
    <rPh sb="6" eb="8">
      <t>カイゴ</t>
    </rPh>
    <rPh sb="8" eb="10">
      <t>シエン</t>
    </rPh>
    <rPh sb="10" eb="13">
      <t>センモンイン</t>
    </rPh>
    <rPh sb="14" eb="15">
      <t>ニン</t>
    </rPh>
    <rPh sb="15" eb="16">
      <t>ア</t>
    </rPh>
    <rPh sb="19" eb="21">
      <t>ジョウキン</t>
    </rPh>
    <rPh sb="21" eb="23">
      <t>カンサン</t>
    </rPh>
    <rPh sb="23" eb="25">
      <t>ホウホウ</t>
    </rPh>
    <rPh sb="30" eb="32">
      <t>タントウ</t>
    </rPh>
    <rPh sb="32" eb="34">
      <t>ケンスウ</t>
    </rPh>
    <phoneticPr fontId="2"/>
  </si>
  <si>
    <t>(8)  　特定事業所集中減算の適用の有無</t>
  </si>
  <si>
    <t>(7)  　家族に対する介護等を日常的に行っている児童や、障害者、生活困窮者、</t>
  </si>
  <si>
    <t>　      当該ケースを受託する体制を整備している。</t>
    <rPh sb="7" eb="9">
      <t>トウガイ</t>
    </rPh>
    <rPh sb="13" eb="15">
      <t>ジュタク</t>
    </rPh>
    <rPh sb="17" eb="19">
      <t>タイセイ</t>
    </rPh>
    <rPh sb="20" eb="22">
      <t>セイビ</t>
    </rPh>
    <phoneticPr fontId="2"/>
  </si>
  <si>
    <t>(6)  　地域包括支援センターからの支援困難ケースが紹介された場合に、</t>
    <rPh sb="6" eb="8">
      <t>チイキ</t>
    </rPh>
    <rPh sb="8" eb="10">
      <t>ホウカツ</t>
    </rPh>
    <rPh sb="10" eb="12">
      <t>シエン</t>
    </rPh>
    <rPh sb="19" eb="21">
      <t>シエン</t>
    </rPh>
    <rPh sb="21" eb="23">
      <t>コンナン</t>
    </rPh>
    <rPh sb="27" eb="29">
      <t>ショウカイ</t>
    </rPh>
    <rPh sb="32" eb="34">
      <t>バアイ</t>
    </rPh>
    <phoneticPr fontId="2"/>
  </si>
  <si>
    <t>(5)　  介護支援専門員に対し、計画的に、研修を実施している。（連携可）</t>
    <rPh sb="6" eb="8">
      <t>カイゴ</t>
    </rPh>
    <rPh sb="8" eb="10">
      <t>シエン</t>
    </rPh>
    <rPh sb="10" eb="13">
      <t>センモンイン</t>
    </rPh>
    <rPh sb="14" eb="15">
      <t>タイ</t>
    </rPh>
    <rPh sb="17" eb="20">
      <t>ケイカクテキ</t>
    </rPh>
    <rPh sb="22" eb="24">
      <t>ケンシュウ</t>
    </rPh>
    <rPh sb="25" eb="27">
      <t>ジッシ</t>
    </rPh>
    <phoneticPr fontId="2"/>
  </si>
  <si>
    <t>(4)  　24時間常時連絡できる体制を整備している。（連携可）</t>
    <rPh sb="28" eb="30">
      <t>レンケイ</t>
    </rPh>
    <rPh sb="30" eb="31">
      <t>カ</t>
    </rPh>
    <phoneticPr fontId="2"/>
  </si>
  <si>
    <t xml:space="preserve">         伝達等を目的とした会議を定期的に開催している。</t>
    <rPh sb="9" eb="11">
      <t>デンタツ</t>
    </rPh>
    <rPh sb="11" eb="12">
      <t>トウ</t>
    </rPh>
    <rPh sb="13" eb="15">
      <t>モクテキ</t>
    </rPh>
    <rPh sb="18" eb="20">
      <t>カイギ</t>
    </rPh>
    <rPh sb="21" eb="24">
      <t>テイキテキ</t>
    </rPh>
    <rPh sb="25" eb="27">
      <t>カイサイ</t>
    </rPh>
    <phoneticPr fontId="2"/>
  </si>
  <si>
    <t>(3)  　利用者に関する情報又はサービス提供に当たっての留意事項に係る</t>
    <rPh sb="6" eb="9">
      <t>リヨウシャ</t>
    </rPh>
    <rPh sb="10" eb="11">
      <t>カン</t>
    </rPh>
    <rPh sb="13" eb="15">
      <t>ジョウホウ</t>
    </rPh>
    <rPh sb="15" eb="16">
      <t>マタ</t>
    </rPh>
    <rPh sb="21" eb="23">
      <t>テイキョウ</t>
    </rPh>
    <rPh sb="29" eb="31">
      <t>リュウイ</t>
    </rPh>
    <rPh sb="31" eb="33">
      <t>ジコウ</t>
    </rPh>
    <rPh sb="34" eb="35">
      <t>カカ</t>
    </rPh>
    <phoneticPr fontId="2"/>
  </si>
  <si>
    <t>　非常勤</t>
    <rPh sb="1" eb="4">
      <t>ヒジョウキン</t>
    </rPh>
    <phoneticPr fontId="2"/>
  </si>
  <si>
    <t>(2)  　介護支援専門員の配置状況</t>
    <phoneticPr fontId="2"/>
  </si>
  <si>
    <t>(1)  　常勤かつ専従の主任介護支援専門員を配置している。</t>
    <rPh sb="6" eb="8">
      <t>ジョウキン</t>
    </rPh>
    <rPh sb="13" eb="15">
      <t>シュニン</t>
    </rPh>
    <rPh sb="15" eb="17">
      <t>カイゴ</t>
    </rPh>
    <rPh sb="17" eb="19">
      <t>シエン</t>
    </rPh>
    <rPh sb="19" eb="22">
      <t>センモンイン</t>
    </rPh>
    <rPh sb="23" eb="25">
      <t>ハイチ</t>
    </rPh>
    <phoneticPr fontId="2"/>
  </si>
  <si>
    <t xml:space="preserve"> 特定事業所加算(A)に係る届出内容</t>
    <rPh sb="1" eb="3">
      <t>トクテイ</t>
    </rPh>
    <rPh sb="3" eb="6">
      <t>ジギョウショ</t>
    </rPh>
    <rPh sb="6" eb="8">
      <t>カサン</t>
    </rPh>
    <rPh sb="12" eb="13">
      <t>カカ</t>
    </rPh>
    <rPh sb="14" eb="16">
      <t>トドケデ</t>
    </rPh>
    <rPh sb="16" eb="18">
      <t>ナイヨウ</t>
    </rPh>
    <phoneticPr fontId="2"/>
  </si>
  <si>
    <t>異　動　等　区　分</t>
    <phoneticPr fontId="2"/>
  </si>
  <si>
    <t>連 携 先 事 業 所 名</t>
    <rPh sb="0" eb="1">
      <t>レン</t>
    </rPh>
    <rPh sb="2" eb="3">
      <t>ケイ</t>
    </rPh>
    <rPh sb="4" eb="5">
      <t>サキ</t>
    </rPh>
    <rPh sb="6" eb="7">
      <t>コト</t>
    </rPh>
    <rPh sb="8" eb="9">
      <t>ゴウ</t>
    </rPh>
    <rPh sb="10" eb="11">
      <t>ショ</t>
    </rPh>
    <rPh sb="12" eb="13">
      <t>メイ</t>
    </rPh>
    <phoneticPr fontId="2"/>
  </si>
  <si>
    <t>事　  業 　 所　  名</t>
    <phoneticPr fontId="2"/>
  </si>
  <si>
    <t>特定事業所加算(A)に係る届出書（居宅介護支援事業所）</t>
    <rPh sb="0" eb="2">
      <t>トクテイ</t>
    </rPh>
    <rPh sb="2" eb="5">
      <t>ジギョウショ</t>
    </rPh>
    <rPh sb="5" eb="7">
      <t>カサン</t>
    </rPh>
    <rPh sb="11" eb="12">
      <t>カカ</t>
    </rPh>
    <rPh sb="13" eb="16">
      <t>トドケデショ</t>
    </rPh>
    <rPh sb="17" eb="19">
      <t>キョタク</t>
    </rPh>
    <rPh sb="19" eb="21">
      <t>カイゴ</t>
    </rPh>
    <rPh sb="21" eb="23">
      <t>シエン</t>
    </rPh>
    <rPh sb="23" eb="26">
      <t>ジギョウショ</t>
    </rPh>
    <phoneticPr fontId="2"/>
  </si>
  <si>
    <t>（別紙36－2）</t>
    <phoneticPr fontId="2"/>
  </si>
  <si>
    <t>備考２　①で前６月（前12月）の新規入所者の総数を用いる場合、②及び③については、当該前
　　　６月（前12月）の新規入所者の総数に占めるそれぞれの要件に該当する者の数を記載して
　　　ください。</t>
    <rPh sb="0" eb="2">
      <t>ビコウ</t>
    </rPh>
    <rPh sb="6" eb="7">
      <t>ゼン</t>
    </rPh>
    <rPh sb="8" eb="9">
      <t>ガツ</t>
    </rPh>
    <rPh sb="10" eb="11">
      <t>ゼン</t>
    </rPh>
    <rPh sb="13" eb="14">
      <t>ツキ</t>
    </rPh>
    <rPh sb="16" eb="18">
      <t>シンキ</t>
    </rPh>
    <rPh sb="18" eb="21">
      <t>ニュウショシャ</t>
    </rPh>
    <rPh sb="22" eb="24">
      <t>ソウスウ</t>
    </rPh>
    <rPh sb="25" eb="26">
      <t>モチ</t>
    </rPh>
    <rPh sb="28" eb="30">
      <t>バアイ</t>
    </rPh>
    <rPh sb="32" eb="33">
      <t>オヨ</t>
    </rPh>
    <rPh sb="41" eb="43">
      <t>トウガイ</t>
    </rPh>
    <rPh sb="43" eb="44">
      <t>ゼン</t>
    </rPh>
    <rPh sb="49" eb="50">
      <t>ガツ</t>
    </rPh>
    <rPh sb="51" eb="52">
      <t>ゼン</t>
    </rPh>
    <rPh sb="54" eb="55">
      <t>ツキ</t>
    </rPh>
    <rPh sb="57" eb="59">
      <t>シンキ</t>
    </rPh>
    <rPh sb="59" eb="62">
      <t>ニュウショシャ</t>
    </rPh>
    <rPh sb="63" eb="65">
      <t>ソウスウ</t>
    </rPh>
    <rPh sb="66" eb="67">
      <t>シ</t>
    </rPh>
    <rPh sb="74" eb="76">
      <t>ヨウケン</t>
    </rPh>
    <rPh sb="77" eb="79">
      <t>ガイトウ</t>
    </rPh>
    <rPh sb="81" eb="82">
      <t>モノ</t>
    </rPh>
    <rPh sb="83" eb="84">
      <t>カズ</t>
    </rPh>
    <rPh sb="85" eb="87">
      <t>キサイ</t>
    </rPh>
    <phoneticPr fontId="2"/>
  </si>
  <si>
    <t>備考１　要件を満たすことが分かる根拠書類を準備し、指定権者からの求めがあった場合には、
　　　速やかに提出してください。</t>
    <rPh sb="0" eb="2">
      <t>ビコウ</t>
    </rPh>
    <rPh sb="4" eb="6">
      <t>ヨウケン</t>
    </rPh>
    <rPh sb="7" eb="8">
      <t>ミ</t>
    </rPh>
    <rPh sb="13" eb="14">
      <t>ワ</t>
    </rPh>
    <rPh sb="16" eb="18">
      <t>コンキョ</t>
    </rPh>
    <rPh sb="18" eb="20">
      <t>ショルイ</t>
    </rPh>
    <rPh sb="21" eb="23">
      <t>ジュンビ</t>
    </rPh>
    <rPh sb="25" eb="27">
      <t>シテイ</t>
    </rPh>
    <rPh sb="27" eb="28">
      <t>ケン</t>
    </rPh>
    <rPh sb="28" eb="29">
      <t>シャ</t>
    </rPh>
    <rPh sb="32" eb="33">
      <t>モト</t>
    </rPh>
    <rPh sb="38" eb="40">
      <t>バアイ</t>
    </rPh>
    <rPh sb="47" eb="48">
      <t>スミ</t>
    </rPh>
    <rPh sb="51" eb="53">
      <t>テイシュツ</t>
    </rPh>
    <phoneticPr fontId="2"/>
  </si>
  <si>
    <t>介護福祉士数：入所者数が１：６以上</t>
    <rPh sb="0" eb="2">
      <t>カイゴ</t>
    </rPh>
    <rPh sb="2" eb="5">
      <t>フクシシ</t>
    </rPh>
    <rPh sb="5" eb="6">
      <t>スウ</t>
    </rPh>
    <rPh sb="7" eb="10">
      <t>ニュウショシャ</t>
    </rPh>
    <rPh sb="10" eb="11">
      <t>スウ</t>
    </rPh>
    <rPh sb="15" eb="17">
      <t>イジョウ</t>
    </rPh>
    <phoneticPr fontId="2"/>
  </si>
  <si>
    <t>介護福祉士数</t>
    <rPh sb="0" eb="2">
      <t>カイゴ</t>
    </rPh>
    <rPh sb="2" eb="5">
      <t>フクシシ</t>
    </rPh>
    <rPh sb="5" eb="6">
      <t>スウ</t>
    </rPh>
    <phoneticPr fontId="2"/>
  </si>
  <si>
    <t>④に占める⑤の割合が
１５％以上</t>
    <rPh sb="2" eb="3">
      <t>シ</t>
    </rPh>
    <rPh sb="7" eb="8">
      <t>ワリ</t>
    </rPh>
    <rPh sb="8" eb="9">
      <t>ゴウ</t>
    </rPh>
    <rPh sb="14" eb="16">
      <t>イジョウ</t>
    </rPh>
    <phoneticPr fontId="2"/>
  </si>
  <si>
    <r>
      <rPr>
        <sz val="10"/>
        <color indexed="8"/>
        <rFont val="HGSｺﾞｼｯｸM"/>
        <family val="3"/>
        <charset val="128"/>
      </rPr>
      <t>①のうち社会福祉士及び介護福祉士法施行規則第１条各号に掲げる行為を必要とする者の数</t>
    </r>
    <rPh sb="4" eb="6">
      <t>シャカイ</t>
    </rPh>
    <rPh sb="6" eb="8">
      <t>フクシ</t>
    </rPh>
    <rPh sb="8" eb="9">
      <t>シ</t>
    </rPh>
    <rPh sb="9" eb="10">
      <t>オヨ</t>
    </rPh>
    <rPh sb="11" eb="13">
      <t>カイゴ</t>
    </rPh>
    <rPh sb="13" eb="16">
      <t>フクシシ</t>
    </rPh>
    <rPh sb="16" eb="17">
      <t>ホウ</t>
    </rPh>
    <rPh sb="17" eb="19">
      <t>セコウ</t>
    </rPh>
    <rPh sb="19" eb="21">
      <t>キソク</t>
    </rPh>
    <rPh sb="21" eb="22">
      <t>ダイ</t>
    </rPh>
    <rPh sb="23" eb="24">
      <t>ジョウ</t>
    </rPh>
    <rPh sb="24" eb="26">
      <t>カクゴウ</t>
    </rPh>
    <rPh sb="27" eb="28">
      <t>カカ</t>
    </rPh>
    <rPh sb="30" eb="32">
      <t>コウイ</t>
    </rPh>
    <rPh sb="33" eb="35">
      <t>ヒツヨウ</t>
    </rPh>
    <rPh sb="38" eb="39">
      <t>モノ</t>
    </rPh>
    <rPh sb="40" eb="41">
      <t>カズ</t>
    </rPh>
    <phoneticPr fontId="2"/>
  </si>
  <si>
    <t>入所者総数</t>
    <rPh sb="0" eb="2">
      <t>ニュウショ</t>
    </rPh>
    <rPh sb="2" eb="3">
      <t>シャ</t>
    </rPh>
    <rPh sb="3" eb="5">
      <t>ソウスウ</t>
    </rPh>
    <phoneticPr fontId="2"/>
  </si>
  <si>
    <t>①に占める③の割合が
６５％以上</t>
    <rPh sb="2" eb="3">
      <t>シ</t>
    </rPh>
    <rPh sb="7" eb="8">
      <t>ワリ</t>
    </rPh>
    <rPh sb="8" eb="9">
      <t>ゴウ</t>
    </rPh>
    <rPh sb="14" eb="16">
      <t>イジョウ</t>
    </rPh>
    <phoneticPr fontId="2"/>
  </si>
  <si>
    <r>
      <t>①のうち</t>
    </r>
    <r>
      <rPr>
        <sz val="10"/>
        <color indexed="8"/>
        <rFont val="HGSｺﾞｼｯｸM"/>
        <family val="3"/>
        <charset val="128"/>
      </rPr>
      <t>入所した日の日常生活自立度がランクⅢ、Ⅳ又はⅤに該当する者の数</t>
    </r>
    <rPh sb="10" eb="12">
      <t>ニチジョウ</t>
    </rPh>
    <rPh sb="12" eb="14">
      <t>セイカツ</t>
    </rPh>
    <rPh sb="14" eb="17">
      <t>ジリツド</t>
    </rPh>
    <rPh sb="24" eb="25">
      <t>マタ</t>
    </rPh>
    <rPh sb="28" eb="30">
      <t>ガイトウ</t>
    </rPh>
    <rPh sb="32" eb="33">
      <t>シャ</t>
    </rPh>
    <rPh sb="34" eb="35">
      <t>スウ</t>
    </rPh>
    <phoneticPr fontId="2"/>
  </si>
  <si>
    <t>①に占める②の割合が
７０％以上</t>
    <rPh sb="2" eb="3">
      <t>シ</t>
    </rPh>
    <rPh sb="7" eb="8">
      <t>ワリ</t>
    </rPh>
    <rPh sb="8" eb="9">
      <t>ゴウ</t>
    </rPh>
    <rPh sb="14" eb="16">
      <t>イジョウ</t>
    </rPh>
    <phoneticPr fontId="2"/>
  </si>
  <si>
    <r>
      <t>①のうち</t>
    </r>
    <r>
      <rPr>
        <sz val="10"/>
        <color indexed="8"/>
        <rFont val="HGSｺﾞｼｯｸM"/>
        <family val="3"/>
        <charset val="128"/>
      </rPr>
      <t>入所した日の要介護状態区分が要介護４又は要介護５の者の数</t>
    </r>
    <rPh sb="10" eb="13">
      <t>ヨウカイゴ</t>
    </rPh>
    <rPh sb="13" eb="15">
      <t>ジョウタイ</t>
    </rPh>
    <rPh sb="15" eb="17">
      <t>クブン</t>
    </rPh>
    <rPh sb="18" eb="21">
      <t>ヨウカイゴ</t>
    </rPh>
    <rPh sb="22" eb="23">
      <t>マタ</t>
    </rPh>
    <rPh sb="24" eb="27">
      <t>ヨウカイゴ</t>
    </rPh>
    <rPh sb="29" eb="30">
      <t>シャ</t>
    </rPh>
    <rPh sb="31" eb="32">
      <t>スウ</t>
    </rPh>
    <phoneticPr fontId="2"/>
  </si>
  <si>
    <t>前６月又は前12月の新規新規入所者の総数</t>
    <rPh sb="0" eb="1">
      <t>ゼン</t>
    </rPh>
    <rPh sb="2" eb="3">
      <t>ガツ</t>
    </rPh>
    <rPh sb="3" eb="4">
      <t>マタ</t>
    </rPh>
    <rPh sb="5" eb="6">
      <t>ゼン</t>
    </rPh>
    <rPh sb="8" eb="9">
      <t>ガツ</t>
    </rPh>
    <rPh sb="10" eb="12">
      <t>シンキ</t>
    </rPh>
    <rPh sb="12" eb="14">
      <t>シンキ</t>
    </rPh>
    <rPh sb="14" eb="17">
      <t>ニュウショシャ</t>
    </rPh>
    <rPh sb="18" eb="20">
      <t>ソウスウ</t>
    </rPh>
    <phoneticPr fontId="2"/>
  </si>
  <si>
    <r>
      <t>入所者の状況
（</t>
    </r>
    <r>
      <rPr>
        <sz val="11"/>
        <color indexed="8"/>
        <rFont val="HGSｺﾞｼｯｸM"/>
        <family val="3"/>
        <charset val="128"/>
      </rPr>
      <t>下表については①を記載した場合は②若しくは③のいずれかを、④を記載した場合は⑤を必ず記載すること。）</t>
    </r>
    <rPh sb="0" eb="3">
      <t>ニュウショシャ</t>
    </rPh>
    <rPh sb="4" eb="6">
      <t>ジョウキョウ</t>
    </rPh>
    <rPh sb="8" eb="10">
      <t>カヒョウ</t>
    </rPh>
    <rPh sb="17" eb="19">
      <t>キサイ</t>
    </rPh>
    <rPh sb="21" eb="23">
      <t>バアイ</t>
    </rPh>
    <rPh sb="25" eb="26">
      <t>モ</t>
    </rPh>
    <rPh sb="39" eb="41">
      <t>キサイ</t>
    </rPh>
    <rPh sb="43" eb="45">
      <t>バアイ</t>
    </rPh>
    <rPh sb="48" eb="49">
      <t>カナラ</t>
    </rPh>
    <rPh sb="50" eb="52">
      <t>キサイ</t>
    </rPh>
    <phoneticPr fontId="2"/>
  </si>
  <si>
    <t>　5　入所者の
      状況及び介護
      福祉士の状況</t>
    <rPh sb="3" eb="6">
      <t>ニュウショシャ</t>
    </rPh>
    <rPh sb="14" eb="15">
      <t>ジョウ</t>
    </rPh>
    <rPh sb="16" eb="17">
      <t>オヨ</t>
    </rPh>
    <rPh sb="18" eb="20">
      <t>カイゴ</t>
    </rPh>
    <rPh sb="27" eb="28">
      <t>フク</t>
    </rPh>
    <rPh sb="31" eb="32">
      <t>ジョウ</t>
    </rPh>
    <rPh sb="32" eb="33">
      <t>キョウ</t>
    </rPh>
    <phoneticPr fontId="2"/>
  </si>
  <si>
    <t>2　日常生活継続支援加算（Ⅱ）</t>
    <phoneticPr fontId="2"/>
  </si>
  <si>
    <t>1　日常生活継続支援加算（Ⅰ）</t>
    <phoneticPr fontId="2"/>
  </si>
  <si>
    <t>4　届 出 項 目</t>
    <rPh sb="2" eb="3">
      <t>トドケ</t>
    </rPh>
    <rPh sb="4" eb="5">
      <t>デ</t>
    </rPh>
    <rPh sb="6" eb="7">
      <t>コウ</t>
    </rPh>
    <rPh sb="8" eb="9">
      <t>モク</t>
    </rPh>
    <phoneticPr fontId="2"/>
  </si>
  <si>
    <t>日常生活継続支援加算に関する届出書
（介護老人福祉施設・地域密着型介護老人福祉施設）　</t>
    <rPh sb="0" eb="2">
      <t>ニチジョウ</t>
    </rPh>
    <rPh sb="2" eb="4">
      <t>セイカツ</t>
    </rPh>
    <rPh sb="4" eb="6">
      <t>ケイゾク</t>
    </rPh>
    <rPh sb="6" eb="8">
      <t>シエン</t>
    </rPh>
    <rPh sb="8" eb="10">
      <t>カサン</t>
    </rPh>
    <rPh sb="11" eb="12">
      <t>カン</t>
    </rPh>
    <rPh sb="14" eb="17">
      <t>トドケデショ</t>
    </rPh>
    <rPh sb="19" eb="21">
      <t>カイゴ</t>
    </rPh>
    <rPh sb="21" eb="23">
      <t>ロウジン</t>
    </rPh>
    <rPh sb="23" eb="25">
      <t>フクシ</t>
    </rPh>
    <rPh sb="25" eb="27">
      <t>シセツ</t>
    </rPh>
    <rPh sb="28" eb="30">
      <t>チイキ</t>
    </rPh>
    <rPh sb="30" eb="32">
      <t>ミッチャク</t>
    </rPh>
    <rPh sb="33" eb="35">
      <t>カイゴ</t>
    </rPh>
    <rPh sb="35" eb="37">
      <t>ロウジン</t>
    </rPh>
    <rPh sb="37" eb="39">
      <t>フクシ</t>
    </rPh>
    <rPh sb="39" eb="41">
      <t>シセツ</t>
    </rPh>
    <rPh sb="41" eb="42">
      <t>ツウショ</t>
    </rPh>
    <phoneticPr fontId="2"/>
  </si>
  <si>
    <t>（別紙37）</t>
    <phoneticPr fontId="2"/>
  </si>
  <si>
    <t>備考３　６②ⅰの委員会には、介護福祉士をはじめ実際にケア等を行う多職種の職員が参画すること。</t>
    <rPh sb="0" eb="2">
      <t>ビコウ</t>
    </rPh>
    <rPh sb="8" eb="11">
      <t>イインカイ</t>
    </rPh>
    <rPh sb="14" eb="16">
      <t>カイゴ</t>
    </rPh>
    <rPh sb="16" eb="19">
      <t>フクシシ</t>
    </rPh>
    <rPh sb="23" eb="25">
      <t>ジッサイ</t>
    </rPh>
    <rPh sb="28" eb="29">
      <t>トウ</t>
    </rPh>
    <rPh sb="30" eb="31">
      <t>オコナ</t>
    </rPh>
    <rPh sb="32" eb="33">
      <t>オオ</t>
    </rPh>
    <rPh sb="33" eb="35">
      <t>ショクシュ</t>
    </rPh>
    <rPh sb="36" eb="38">
      <t>ショクイン</t>
    </rPh>
    <rPh sb="39" eb="41">
      <t>サンカク</t>
    </rPh>
    <phoneticPr fontId="2"/>
  </si>
  <si>
    <t>備考２　５①で前６月（前12月）の新規入所者の総数を用いる場合、②及び③については、当該前６月
　　　（前12月）の新規入所者の総数に占めるそれぞれの要件に該当する者の数を記載すること。</t>
    <rPh sb="0" eb="2">
      <t>ビコウ</t>
    </rPh>
    <rPh sb="7" eb="8">
      <t>ゼン</t>
    </rPh>
    <rPh sb="9" eb="10">
      <t>ガツ</t>
    </rPh>
    <rPh sb="11" eb="12">
      <t>ゼン</t>
    </rPh>
    <rPh sb="14" eb="15">
      <t>ツキ</t>
    </rPh>
    <rPh sb="17" eb="19">
      <t>シンキ</t>
    </rPh>
    <rPh sb="19" eb="22">
      <t>ニュウショシャ</t>
    </rPh>
    <rPh sb="23" eb="25">
      <t>ソウスウ</t>
    </rPh>
    <rPh sb="26" eb="27">
      <t>モチ</t>
    </rPh>
    <rPh sb="29" eb="31">
      <t>バアイ</t>
    </rPh>
    <rPh sb="33" eb="34">
      <t>オヨ</t>
    </rPh>
    <rPh sb="42" eb="44">
      <t>トウガイ</t>
    </rPh>
    <rPh sb="44" eb="45">
      <t>ゼン</t>
    </rPh>
    <rPh sb="46" eb="47">
      <t>ガツ</t>
    </rPh>
    <rPh sb="52" eb="53">
      <t>ゼン</t>
    </rPh>
    <rPh sb="55" eb="56">
      <t>ツキ</t>
    </rPh>
    <rPh sb="58" eb="60">
      <t>シンキ</t>
    </rPh>
    <rPh sb="60" eb="63">
      <t>ニュウショシャ</t>
    </rPh>
    <rPh sb="64" eb="66">
      <t>ソウスウ</t>
    </rPh>
    <rPh sb="67" eb="68">
      <t>シ</t>
    </rPh>
    <rPh sb="75" eb="77">
      <t>ヨウケン</t>
    </rPh>
    <rPh sb="78" eb="80">
      <t>ガイトウ</t>
    </rPh>
    <rPh sb="82" eb="83">
      <t>モノ</t>
    </rPh>
    <rPh sb="84" eb="85">
      <t>カズ</t>
    </rPh>
    <rPh sb="86" eb="88">
      <t>キサイ</t>
    </rPh>
    <phoneticPr fontId="2"/>
  </si>
  <si>
    <t>③ ②のⅰの委員会で安全体制やケアの質の確保、職員の負担軽減が図られていることを確認</t>
    <rPh sb="6" eb="9">
      <t>イインカイ</t>
    </rPh>
    <rPh sb="10" eb="12">
      <t>アンゼン</t>
    </rPh>
    <rPh sb="12" eb="14">
      <t>タイセイ</t>
    </rPh>
    <rPh sb="18" eb="19">
      <t>シツ</t>
    </rPh>
    <rPh sb="20" eb="22">
      <t>カクホ</t>
    </rPh>
    <rPh sb="23" eb="25">
      <t>ショクイン</t>
    </rPh>
    <rPh sb="26" eb="28">
      <t>フタン</t>
    </rPh>
    <rPh sb="28" eb="30">
      <t>ケイゲン</t>
    </rPh>
    <rPh sb="31" eb="32">
      <t>ハカ</t>
    </rPh>
    <rPh sb="40" eb="42">
      <t>カクニン</t>
    </rPh>
    <phoneticPr fontId="2"/>
  </si>
  <si>
    <t>　ⅱ 職員に対する十分な休憩時間の確保等の勤務・雇用条件への配慮</t>
    <rPh sb="3" eb="5">
      <t>ショクイン</t>
    </rPh>
    <rPh sb="6" eb="7">
      <t>タイ</t>
    </rPh>
    <rPh sb="9" eb="11">
      <t>ジュウブン</t>
    </rPh>
    <rPh sb="12" eb="14">
      <t>キュウケイ</t>
    </rPh>
    <rPh sb="14" eb="16">
      <t>ジカン</t>
    </rPh>
    <rPh sb="17" eb="19">
      <t>カクホ</t>
    </rPh>
    <rPh sb="19" eb="20">
      <t>トウ</t>
    </rPh>
    <rPh sb="21" eb="23">
      <t>キンム</t>
    </rPh>
    <rPh sb="24" eb="26">
      <t>コヨウ</t>
    </rPh>
    <rPh sb="26" eb="28">
      <t>ジョウケン</t>
    </rPh>
    <rPh sb="30" eb="32">
      <t>ハイリョ</t>
    </rPh>
    <phoneticPr fontId="2"/>
  </si>
  <si>
    <t>　ⅰ 利用者の安全並びに介護サービスの質の確保及び職員の負担軽減に資する方策を検討するための
       委員会を設置</t>
    <rPh sb="3" eb="6">
      <t>リヨウシャ</t>
    </rPh>
    <rPh sb="7" eb="9">
      <t>アンゼン</t>
    </rPh>
    <rPh sb="9" eb="10">
      <t>ナラ</t>
    </rPh>
    <rPh sb="12" eb="14">
      <t>カイゴ</t>
    </rPh>
    <rPh sb="19" eb="20">
      <t>シツ</t>
    </rPh>
    <rPh sb="21" eb="23">
      <t>カクホ</t>
    </rPh>
    <rPh sb="23" eb="24">
      <t>オヨ</t>
    </rPh>
    <rPh sb="25" eb="27">
      <t>ショクイン</t>
    </rPh>
    <rPh sb="28" eb="30">
      <t>フタン</t>
    </rPh>
    <rPh sb="30" eb="32">
      <t>ケイゲン</t>
    </rPh>
    <rPh sb="33" eb="34">
      <t>シ</t>
    </rPh>
    <rPh sb="36" eb="38">
      <t>ホウサク</t>
    </rPh>
    <rPh sb="39" eb="41">
      <t>ケントウ</t>
    </rPh>
    <rPh sb="54" eb="57">
      <t>イインカイ</t>
    </rPh>
    <rPh sb="58" eb="60">
      <t>セッチ</t>
    </rPh>
    <phoneticPr fontId="2"/>
  </si>
  <si>
    <t>② 利用者の安全やケアの質の確保、職員の負担の軽減を図るため、以下のすべての項目に
　ついて、テクノロジー導入後、少なくとも３か月以上実施</t>
    <rPh sb="2" eb="5">
      <t>リヨウシャ</t>
    </rPh>
    <rPh sb="6" eb="8">
      <t>アンゼン</t>
    </rPh>
    <rPh sb="12" eb="13">
      <t>シツ</t>
    </rPh>
    <rPh sb="14" eb="16">
      <t>カクホ</t>
    </rPh>
    <rPh sb="17" eb="19">
      <t>ショクイン</t>
    </rPh>
    <rPh sb="20" eb="22">
      <t>フタン</t>
    </rPh>
    <rPh sb="23" eb="25">
      <t>ケイゲン</t>
    </rPh>
    <rPh sb="26" eb="27">
      <t>ハカ</t>
    </rPh>
    <rPh sb="31" eb="33">
      <t>イカ</t>
    </rPh>
    <rPh sb="38" eb="40">
      <t>コウモク</t>
    </rPh>
    <rPh sb="53" eb="55">
      <t>ドウニュウ</t>
    </rPh>
    <rPh sb="55" eb="56">
      <t>ゴ</t>
    </rPh>
    <rPh sb="57" eb="58">
      <t>スク</t>
    </rPh>
    <rPh sb="64" eb="65">
      <t>ツキ</t>
    </rPh>
    <rPh sb="65" eb="67">
      <t>イジョウ</t>
    </rPh>
    <rPh sb="67" eb="69">
      <t>ジッシ</t>
    </rPh>
    <phoneticPr fontId="2"/>
  </si>
  <si>
    <t>　6　テクノロ
　　ジーの使用
　　状況</t>
    <rPh sb="13" eb="15">
      <t>シヨウ</t>
    </rPh>
    <rPh sb="18" eb="20">
      <t>ジョウキョウ</t>
    </rPh>
    <phoneticPr fontId="2"/>
  </si>
  <si>
    <t>介護福祉士数：入所者数が１：７以上</t>
    <rPh sb="0" eb="2">
      <t>カイゴ</t>
    </rPh>
    <rPh sb="2" eb="5">
      <t>フクシシ</t>
    </rPh>
    <rPh sb="5" eb="6">
      <t>スウ</t>
    </rPh>
    <rPh sb="7" eb="10">
      <t>ニュウショシャ</t>
    </rPh>
    <rPh sb="10" eb="11">
      <t>スウ</t>
    </rPh>
    <rPh sb="15" eb="17">
      <t>イジョウ</t>
    </rPh>
    <phoneticPr fontId="2"/>
  </si>
  <si>
    <t>①に占める③の割合が６５％以上</t>
    <rPh sb="2" eb="3">
      <t>シ</t>
    </rPh>
    <rPh sb="7" eb="8">
      <t>ワリ</t>
    </rPh>
    <rPh sb="8" eb="9">
      <t>ゴウ</t>
    </rPh>
    <rPh sb="13" eb="15">
      <t>イジョウ</t>
    </rPh>
    <phoneticPr fontId="2"/>
  </si>
  <si>
    <t>①のうち入所した日の日常生活自立度がランクⅢ、Ⅳ又はⅤに該当する者の数</t>
    <rPh sb="10" eb="12">
      <t>ニチジョウ</t>
    </rPh>
    <rPh sb="12" eb="14">
      <t>セイカツ</t>
    </rPh>
    <rPh sb="14" eb="17">
      <t>ジリツド</t>
    </rPh>
    <rPh sb="24" eb="25">
      <t>マタ</t>
    </rPh>
    <rPh sb="28" eb="30">
      <t>ガイトウ</t>
    </rPh>
    <rPh sb="32" eb="33">
      <t>シャ</t>
    </rPh>
    <rPh sb="34" eb="35">
      <t>スウ</t>
    </rPh>
    <phoneticPr fontId="2"/>
  </si>
  <si>
    <t>①に占める②の割合が７０％以上</t>
    <rPh sb="2" eb="3">
      <t>シ</t>
    </rPh>
    <rPh sb="7" eb="8">
      <t>ワリ</t>
    </rPh>
    <rPh sb="8" eb="9">
      <t>ゴウ</t>
    </rPh>
    <rPh sb="13" eb="15">
      <t>イジョウ</t>
    </rPh>
    <phoneticPr fontId="2"/>
  </si>
  <si>
    <t>①のうち入所した日の要介護状態区分が要介護４又は要介護５の者の数</t>
    <rPh sb="10" eb="13">
      <t>ヨウカイゴ</t>
    </rPh>
    <rPh sb="13" eb="15">
      <t>ジョウタイ</t>
    </rPh>
    <rPh sb="15" eb="17">
      <t>クブン</t>
    </rPh>
    <rPh sb="18" eb="21">
      <t>ヨウカイゴ</t>
    </rPh>
    <rPh sb="22" eb="23">
      <t>マタ</t>
    </rPh>
    <rPh sb="24" eb="27">
      <t>ヨウカイゴ</t>
    </rPh>
    <rPh sb="29" eb="30">
      <t>シャ</t>
    </rPh>
    <rPh sb="31" eb="32">
      <t>スウ</t>
    </rPh>
    <phoneticPr fontId="2"/>
  </si>
  <si>
    <t>入所者の状況
（下表については①を記載した場合は②若しくは③のいずれかを、④を記載した場合は⑤を必ず記載すること。）</t>
    <rPh sb="0" eb="3">
      <t>ニュウショシャ</t>
    </rPh>
    <rPh sb="4" eb="6">
      <t>ジョウキョウ</t>
    </rPh>
    <rPh sb="8" eb="10">
      <t>カヒョウ</t>
    </rPh>
    <rPh sb="17" eb="19">
      <t>キサイ</t>
    </rPh>
    <rPh sb="21" eb="23">
      <t>バアイ</t>
    </rPh>
    <rPh sb="25" eb="26">
      <t>モ</t>
    </rPh>
    <rPh sb="39" eb="41">
      <t>キサイ</t>
    </rPh>
    <rPh sb="43" eb="45">
      <t>バアイ</t>
    </rPh>
    <rPh sb="48" eb="49">
      <t>カナラ</t>
    </rPh>
    <rPh sb="50" eb="52">
      <t>キサイ</t>
    </rPh>
    <phoneticPr fontId="2"/>
  </si>
  <si>
    <t>テクノロジーの導入による日常生活継続支援加算に関する届出書</t>
    <rPh sb="7" eb="9">
      <t>ドウニュウ</t>
    </rPh>
    <rPh sb="12" eb="14">
      <t>ニチジョウ</t>
    </rPh>
    <rPh sb="14" eb="16">
      <t>セイカツ</t>
    </rPh>
    <rPh sb="16" eb="18">
      <t>ケイゾク</t>
    </rPh>
    <rPh sb="18" eb="20">
      <t>シエン</t>
    </rPh>
    <rPh sb="20" eb="22">
      <t>カサン</t>
    </rPh>
    <rPh sb="23" eb="24">
      <t>カン</t>
    </rPh>
    <rPh sb="26" eb="29">
      <t>トドケデショ</t>
    </rPh>
    <phoneticPr fontId="2"/>
  </si>
  <si>
    <t>（別紙37－２）</t>
    <rPh sb="1" eb="3">
      <t>ベッシ</t>
    </rPh>
    <phoneticPr fontId="2"/>
  </si>
  <si>
    <t>注　「栄養マネジメントに関わる者」には、共同で栄養ケア計画を作成している者の職種及び氏名を記入してください。</t>
    <rPh sb="0" eb="1">
      <t>チュウ</t>
    </rPh>
    <phoneticPr fontId="2"/>
  </si>
  <si>
    <t>ｃ．給食管理を行っている常勤栄養士
（ｂ．の管理栄養士は含まない）</t>
    <rPh sb="2" eb="4">
      <t>キュウショク</t>
    </rPh>
    <rPh sb="4" eb="6">
      <t>カンリ</t>
    </rPh>
    <rPh sb="7" eb="8">
      <t>オコナ</t>
    </rPh>
    <rPh sb="12" eb="14">
      <t>ジョウキン</t>
    </rPh>
    <rPh sb="14" eb="17">
      <t>エイヨウシ</t>
    </rPh>
    <rPh sb="22" eb="24">
      <t>カンリ</t>
    </rPh>
    <rPh sb="24" eb="27">
      <t>エイヨウシ</t>
    </rPh>
    <rPh sb="28" eb="29">
      <t>フク</t>
    </rPh>
    <phoneticPr fontId="2"/>
  </si>
  <si>
    <t>（給食管理を行う常勤栄養士が1名以上配置されている場合）70で除した数以上</t>
    <rPh sb="1" eb="3">
      <t>キュウショク</t>
    </rPh>
    <rPh sb="3" eb="5">
      <t>カンリ</t>
    </rPh>
    <rPh sb="6" eb="7">
      <t>オコナ</t>
    </rPh>
    <rPh sb="8" eb="10">
      <t>ジョウキン</t>
    </rPh>
    <rPh sb="10" eb="13">
      <t>エイヨウシ</t>
    </rPh>
    <rPh sb="15" eb="16">
      <t>メイ</t>
    </rPh>
    <rPh sb="16" eb="18">
      <t>イジョウ</t>
    </rPh>
    <rPh sb="18" eb="20">
      <t>ハイチ</t>
    </rPh>
    <rPh sb="25" eb="27">
      <t>バアイ</t>
    </rPh>
    <rPh sb="31" eb="32">
      <t>ジョ</t>
    </rPh>
    <rPh sb="34" eb="35">
      <t>カズ</t>
    </rPh>
    <rPh sb="35" eb="37">
      <t>イジョウ</t>
    </rPh>
    <phoneticPr fontId="2"/>
  </si>
  <si>
    <t>入所者数を
50で除した
数以上</t>
    <rPh sb="0" eb="3">
      <t>ニュウショシャ</t>
    </rPh>
    <rPh sb="3" eb="4">
      <t>スウ</t>
    </rPh>
    <rPh sb="9" eb="10">
      <t>ジョ</t>
    </rPh>
    <rPh sb="13" eb="14">
      <t>カズ</t>
    </rPh>
    <rPh sb="14" eb="16">
      <t>イジョウ</t>
    </rPh>
    <phoneticPr fontId="2"/>
  </si>
  <si>
    <t>ｂ．栄養マネジメントを実施している管理栄養士の総数（常勤換算）</t>
    <rPh sb="2" eb="4">
      <t>エイヨウ</t>
    </rPh>
    <rPh sb="11" eb="13">
      <t>ジッシ</t>
    </rPh>
    <rPh sb="17" eb="19">
      <t>カンリ</t>
    </rPh>
    <rPh sb="19" eb="22">
      <t>エイヨウシ</t>
    </rPh>
    <rPh sb="23" eb="25">
      <t>ソウスウ</t>
    </rPh>
    <rPh sb="26" eb="28">
      <t>ジョウキン</t>
    </rPh>
    <rPh sb="28" eb="30">
      <t>カンサン</t>
    </rPh>
    <phoneticPr fontId="2"/>
  </si>
  <si>
    <t>ａ．入所者数</t>
    <rPh sb="2" eb="5">
      <t>ニュウショシャ</t>
    </rPh>
    <rPh sb="5" eb="6">
      <t>スウ</t>
    </rPh>
    <phoneticPr fontId="2"/>
  </si>
  <si>
    <t>２．栄養マネジメント強化加算</t>
    <rPh sb="2" eb="4">
      <t>エイヨウ</t>
    </rPh>
    <rPh sb="10" eb="12">
      <t>キョウカ</t>
    </rPh>
    <rPh sb="12" eb="14">
      <t>カサン</t>
    </rPh>
    <phoneticPr fontId="2"/>
  </si>
  <si>
    <t>看　護　師</t>
    <rPh sb="0" eb="1">
      <t>ミ</t>
    </rPh>
    <rPh sb="2" eb="3">
      <t>ユズル</t>
    </rPh>
    <rPh sb="4" eb="5">
      <t>シ</t>
    </rPh>
    <phoneticPr fontId="2"/>
  </si>
  <si>
    <t>管 理 栄 養 士</t>
    <rPh sb="0" eb="1">
      <t>カン</t>
    </rPh>
    <rPh sb="2" eb="3">
      <t>リ</t>
    </rPh>
    <rPh sb="4" eb="5">
      <t>エイ</t>
    </rPh>
    <rPh sb="6" eb="7">
      <t>オサム</t>
    </rPh>
    <rPh sb="8" eb="9">
      <t>シ</t>
    </rPh>
    <phoneticPr fontId="2"/>
  </si>
  <si>
    <t>歯科医師</t>
    <rPh sb="0" eb="2">
      <t>シカ</t>
    </rPh>
    <rPh sb="2" eb="4">
      <t>イシ</t>
    </rPh>
    <phoneticPr fontId="2"/>
  </si>
  <si>
    <t>医　　　師</t>
    <rPh sb="0" eb="1">
      <t>イ</t>
    </rPh>
    <rPh sb="4" eb="5">
      <t>シ</t>
    </rPh>
    <phoneticPr fontId="2"/>
  </si>
  <si>
    <t>氏　名</t>
    <rPh sb="0" eb="1">
      <t>シ</t>
    </rPh>
    <rPh sb="2" eb="3">
      <t>メイ</t>
    </rPh>
    <phoneticPr fontId="2"/>
  </si>
  <si>
    <t>職　種</t>
    <rPh sb="0" eb="1">
      <t>ショク</t>
    </rPh>
    <rPh sb="2" eb="3">
      <t>タネ</t>
    </rPh>
    <phoneticPr fontId="2"/>
  </si>
  <si>
    <t>栄養マネジメントに関わる者（注）</t>
    <rPh sb="0" eb="2">
      <t>エイヨウ</t>
    </rPh>
    <rPh sb="9" eb="10">
      <t>カカ</t>
    </rPh>
    <rPh sb="12" eb="13">
      <t>モノ</t>
    </rPh>
    <rPh sb="14" eb="15">
      <t>チュウ</t>
    </rPh>
    <phoneticPr fontId="2"/>
  </si>
  <si>
    <t>１．基本サービス（栄養ケア・マネジメントの実施）</t>
    <rPh sb="2" eb="4">
      <t>キホン</t>
    </rPh>
    <rPh sb="9" eb="11">
      <t>エイヨウ</t>
    </rPh>
    <rPh sb="21" eb="23">
      <t>ジッシ</t>
    </rPh>
    <phoneticPr fontId="2"/>
  </si>
  <si>
    <t>栄養マネジメントの状況</t>
    <rPh sb="0" eb="2">
      <t>エイヨウ</t>
    </rPh>
    <rPh sb="9" eb="11">
      <t>ジョウキョウ</t>
    </rPh>
    <phoneticPr fontId="2"/>
  </si>
  <si>
    <t>4　介護医療院</t>
    <rPh sb="2" eb="4">
      <t>カイゴ</t>
    </rPh>
    <rPh sb="4" eb="6">
      <t>イリョウ</t>
    </rPh>
    <rPh sb="6" eb="7">
      <t>イン</t>
    </rPh>
    <phoneticPr fontId="2"/>
  </si>
  <si>
    <t>3　地域密着型介護老人福祉施設</t>
    <rPh sb="2" eb="4">
      <t>チイキ</t>
    </rPh>
    <rPh sb="4" eb="7">
      <t>ミッチャクガタ</t>
    </rPh>
    <rPh sb="7" eb="9">
      <t>カイゴ</t>
    </rPh>
    <rPh sb="9" eb="11">
      <t>ロウジン</t>
    </rPh>
    <rPh sb="11" eb="13">
      <t>フクシ</t>
    </rPh>
    <rPh sb="13" eb="15">
      <t>シセツ</t>
    </rPh>
    <phoneticPr fontId="2"/>
  </si>
  <si>
    <t>2　介護老人保健施設</t>
    <rPh sb="2" eb="4">
      <t>カイゴ</t>
    </rPh>
    <rPh sb="4" eb="6">
      <t>ロウジン</t>
    </rPh>
    <rPh sb="6" eb="8">
      <t>ホケン</t>
    </rPh>
    <rPh sb="8" eb="10">
      <t>シセツ</t>
    </rPh>
    <phoneticPr fontId="2"/>
  </si>
  <si>
    <t>1　介護老人福祉施設</t>
    <rPh sb="2" eb="4">
      <t>カイゴ</t>
    </rPh>
    <rPh sb="4" eb="6">
      <t>ロウジン</t>
    </rPh>
    <rPh sb="6" eb="8">
      <t>フクシ</t>
    </rPh>
    <rPh sb="8" eb="10">
      <t>シセツ</t>
    </rPh>
    <phoneticPr fontId="2"/>
  </si>
  <si>
    <t>栄養マネジメント体制に関する届出書</t>
    <rPh sb="0" eb="2">
      <t>エイヨウ</t>
    </rPh>
    <rPh sb="8" eb="10">
      <t>タイセイ</t>
    </rPh>
    <rPh sb="11" eb="12">
      <t>カン</t>
    </rPh>
    <rPh sb="14" eb="17">
      <t>トドケデショ</t>
    </rPh>
    <phoneticPr fontId="2"/>
  </si>
  <si>
    <t>（別紙38）</t>
    <rPh sb="1" eb="3">
      <t>ベッシ</t>
    </rPh>
    <phoneticPr fontId="2"/>
  </si>
  <si>
    <t>備考１　配置医師については、「特別養護老人ホーム等における療養の給付の取扱いについ
　　　て」（平成18年３月31日保医発0331002）別紙様式「特別養護老人ホーム等の施設の
　　　状況及び配置医師等について」に記載された配置医師を記載してください。
備考２　各要件を満たす場合については、それぞれ根拠となる（要件を満たすことがわかる）
         書類も提出してください。　　</t>
    <rPh sb="0" eb="2">
      <t>ビコウ</t>
    </rPh>
    <rPh sb="4" eb="6">
      <t>ハイチ</t>
    </rPh>
    <rPh sb="6" eb="8">
      <t>イシ</t>
    </rPh>
    <rPh sb="15" eb="17">
      <t>トクベツ</t>
    </rPh>
    <rPh sb="17" eb="19">
      <t>ヨウゴ</t>
    </rPh>
    <rPh sb="19" eb="21">
      <t>ロウジン</t>
    </rPh>
    <rPh sb="24" eb="25">
      <t>ナド</t>
    </rPh>
    <rPh sb="29" eb="31">
      <t>リョウヨウ</t>
    </rPh>
    <rPh sb="32" eb="34">
      <t>キュウフ</t>
    </rPh>
    <rPh sb="35" eb="37">
      <t>トリアツカイ</t>
    </rPh>
    <rPh sb="48" eb="50">
      <t>ヘイセイ</t>
    </rPh>
    <rPh sb="52" eb="53">
      <t>ネン</t>
    </rPh>
    <rPh sb="54" eb="55">
      <t>ガツ</t>
    </rPh>
    <rPh sb="57" eb="58">
      <t>ニチ</t>
    </rPh>
    <rPh sb="58" eb="59">
      <t>ホ</t>
    </rPh>
    <rPh sb="59" eb="60">
      <t>イ</t>
    </rPh>
    <rPh sb="60" eb="61">
      <t>ハツ</t>
    </rPh>
    <rPh sb="69" eb="71">
      <t>ベッシ</t>
    </rPh>
    <rPh sb="71" eb="73">
      <t>ヨウシキ</t>
    </rPh>
    <rPh sb="74" eb="76">
      <t>トクベツ</t>
    </rPh>
    <rPh sb="76" eb="78">
      <t>ヨウゴ</t>
    </rPh>
    <rPh sb="78" eb="80">
      <t>ロウジン</t>
    </rPh>
    <rPh sb="83" eb="84">
      <t>ナド</t>
    </rPh>
    <rPh sb="85" eb="87">
      <t>シセツ</t>
    </rPh>
    <rPh sb="92" eb="94">
      <t>ジョウキョウ</t>
    </rPh>
    <rPh sb="94" eb="95">
      <t>オヨ</t>
    </rPh>
    <rPh sb="96" eb="98">
      <t>ハイチ</t>
    </rPh>
    <rPh sb="98" eb="100">
      <t>イシ</t>
    </rPh>
    <rPh sb="100" eb="101">
      <t>トウ</t>
    </rPh>
    <rPh sb="107" eb="109">
      <t>キサイ</t>
    </rPh>
    <rPh sb="112" eb="114">
      <t>ハイチ</t>
    </rPh>
    <rPh sb="114" eb="116">
      <t>イシ</t>
    </rPh>
    <rPh sb="117" eb="119">
      <t>キサイ</t>
    </rPh>
    <rPh sb="127" eb="129">
      <t>ビコウ</t>
    </rPh>
    <phoneticPr fontId="2"/>
  </si>
  <si>
    <t>　④　②及び③の内容について届出を行っている。</t>
    <rPh sb="4" eb="5">
      <t>オヨ</t>
    </rPh>
    <rPh sb="8" eb="10">
      <t>ナイヨウ</t>
    </rPh>
    <rPh sb="14" eb="16">
      <t>トドケデ</t>
    </rPh>
    <rPh sb="17" eb="18">
      <t>オコナ</t>
    </rPh>
    <phoneticPr fontId="2"/>
  </si>
  <si>
    <t>　③　複数名の配置医師を置いている、若しくは配置医と協力
　　医療機関の医師が連携し、施設の求めに応じて24時間対応
　　できる体制を確保している。</t>
    <rPh sb="3" eb="5">
      <t>フクスウ</t>
    </rPh>
    <rPh sb="5" eb="6">
      <t>メイ</t>
    </rPh>
    <rPh sb="7" eb="9">
      <t>ハイチ</t>
    </rPh>
    <rPh sb="9" eb="11">
      <t>イシ</t>
    </rPh>
    <rPh sb="12" eb="13">
      <t>オ</t>
    </rPh>
    <rPh sb="18" eb="19">
      <t>モ</t>
    </rPh>
    <rPh sb="22" eb="24">
      <t>ハイチ</t>
    </rPh>
    <rPh sb="24" eb="25">
      <t>イ</t>
    </rPh>
    <rPh sb="26" eb="28">
      <t>キョウリョク</t>
    </rPh>
    <rPh sb="31" eb="33">
      <t>イリョウ</t>
    </rPh>
    <rPh sb="33" eb="35">
      <t>キカン</t>
    </rPh>
    <rPh sb="36" eb="38">
      <t>イシ</t>
    </rPh>
    <rPh sb="39" eb="41">
      <t>レンケイ</t>
    </rPh>
    <rPh sb="43" eb="45">
      <t>シセツ</t>
    </rPh>
    <rPh sb="46" eb="47">
      <t>モト</t>
    </rPh>
    <rPh sb="49" eb="50">
      <t>オウ</t>
    </rPh>
    <rPh sb="56" eb="58">
      <t>タイオウ</t>
    </rPh>
    <rPh sb="64" eb="66">
      <t>タイセイ</t>
    </rPh>
    <rPh sb="67" eb="69">
      <t>カクホ</t>
    </rPh>
    <phoneticPr fontId="2"/>
  </si>
  <si>
    <t>　②　入所者に対する注意事項や病状等の情報共有並びに、曜
　　日や時間帯ごとの配置医師又は協力医療機関との連絡方法
　　や診察を依頼するタイミング等について、配置医師又は協
　　力医療機関と施設の間で具体的な取り決めがなされている。</t>
    <rPh sb="3" eb="6">
      <t>ニュウショシャ</t>
    </rPh>
    <rPh sb="7" eb="8">
      <t>タイ</t>
    </rPh>
    <rPh sb="10" eb="12">
      <t>チュウイ</t>
    </rPh>
    <rPh sb="12" eb="14">
      <t>ジコウ</t>
    </rPh>
    <rPh sb="15" eb="18">
      <t>ビョウジョウナド</t>
    </rPh>
    <rPh sb="19" eb="21">
      <t>ジョウホウ</t>
    </rPh>
    <rPh sb="21" eb="23">
      <t>キョウユウ</t>
    </rPh>
    <rPh sb="23" eb="24">
      <t>ナラ</t>
    </rPh>
    <rPh sb="33" eb="35">
      <t>ジカン</t>
    </rPh>
    <rPh sb="35" eb="36">
      <t>オビ</t>
    </rPh>
    <rPh sb="39" eb="41">
      <t>ハイチ</t>
    </rPh>
    <rPh sb="41" eb="43">
      <t>イシ</t>
    </rPh>
    <rPh sb="43" eb="44">
      <t>マタ</t>
    </rPh>
    <rPh sb="45" eb="47">
      <t>キョウリョク</t>
    </rPh>
    <rPh sb="47" eb="49">
      <t>イリョウ</t>
    </rPh>
    <rPh sb="49" eb="51">
      <t>キカン</t>
    </rPh>
    <rPh sb="53" eb="55">
      <t>レンラク</t>
    </rPh>
    <rPh sb="55" eb="57">
      <t>ホウホウ</t>
    </rPh>
    <rPh sb="61" eb="63">
      <t>シンサツ</t>
    </rPh>
    <rPh sb="64" eb="66">
      <t>イライ</t>
    </rPh>
    <rPh sb="73" eb="74">
      <t>ナド</t>
    </rPh>
    <rPh sb="79" eb="81">
      <t>ハイチ</t>
    </rPh>
    <rPh sb="81" eb="83">
      <t>イシ</t>
    </rPh>
    <rPh sb="83" eb="84">
      <t>マタ</t>
    </rPh>
    <rPh sb="90" eb="92">
      <t>イリョウ</t>
    </rPh>
    <rPh sb="92" eb="94">
      <t>キカン</t>
    </rPh>
    <rPh sb="95" eb="97">
      <t>シセツ</t>
    </rPh>
    <rPh sb="98" eb="99">
      <t>アイダ</t>
    </rPh>
    <rPh sb="100" eb="103">
      <t>グタイテキ</t>
    </rPh>
    <rPh sb="104" eb="105">
      <t>ト</t>
    </rPh>
    <rPh sb="106" eb="107">
      <t>キ</t>
    </rPh>
    <phoneticPr fontId="2"/>
  </si>
  <si>
    <t>　①　看護体制加算（Ⅱ）を算定している。</t>
    <rPh sb="3" eb="5">
      <t>カンゴ</t>
    </rPh>
    <rPh sb="5" eb="7">
      <t>タイセイ</t>
    </rPh>
    <rPh sb="7" eb="9">
      <t>カサン</t>
    </rPh>
    <rPh sb="13" eb="15">
      <t>サンテイ</t>
    </rPh>
    <phoneticPr fontId="2"/>
  </si>
  <si>
    <t>医療機関コード</t>
    <phoneticPr fontId="2"/>
  </si>
  <si>
    <t>協力医療機関名</t>
    <rPh sb="0" eb="2">
      <t>キョウリョク</t>
    </rPh>
    <rPh sb="2" eb="4">
      <t>イリョウ</t>
    </rPh>
    <rPh sb="4" eb="6">
      <t>キカン</t>
    </rPh>
    <rPh sb="6" eb="7">
      <t>メイ</t>
    </rPh>
    <phoneticPr fontId="2"/>
  </si>
  <si>
    <t>連携する協力医療機関</t>
    <rPh sb="0" eb="2">
      <t>レンケイ</t>
    </rPh>
    <rPh sb="4" eb="6">
      <t>キョウリョク</t>
    </rPh>
    <rPh sb="6" eb="8">
      <t>イリョウ</t>
    </rPh>
    <rPh sb="8" eb="10">
      <t>キカン</t>
    </rPh>
    <phoneticPr fontId="2"/>
  </si>
  <si>
    <t>配置医師名</t>
    <rPh sb="0" eb="2">
      <t>ハイチ</t>
    </rPh>
    <rPh sb="2" eb="4">
      <t>イシ</t>
    </rPh>
    <rPh sb="4" eb="5">
      <t>メイ</t>
    </rPh>
    <phoneticPr fontId="2"/>
  </si>
  <si>
    <t xml:space="preserve"> 配置医師緊急時対応加算に関する届出内容</t>
    <rPh sb="1" eb="3">
      <t>ハイチ</t>
    </rPh>
    <rPh sb="3" eb="5">
      <t>イシ</t>
    </rPh>
    <rPh sb="5" eb="8">
      <t>キンキュウジ</t>
    </rPh>
    <rPh sb="8" eb="10">
      <t>タイオウ</t>
    </rPh>
    <rPh sb="10" eb="12">
      <t>カサン</t>
    </rPh>
    <rPh sb="13" eb="14">
      <t>カン</t>
    </rPh>
    <phoneticPr fontId="2"/>
  </si>
  <si>
    <t>配置医師緊急時対応加算に係る届出書</t>
    <rPh sb="0" eb="2">
      <t>ハイチ</t>
    </rPh>
    <rPh sb="2" eb="4">
      <t>イシ</t>
    </rPh>
    <rPh sb="4" eb="7">
      <t>キンキュウジ</t>
    </rPh>
    <rPh sb="7" eb="9">
      <t>タイオウ</t>
    </rPh>
    <rPh sb="9" eb="11">
      <t>カサン</t>
    </rPh>
    <rPh sb="12" eb="13">
      <t>カカ</t>
    </rPh>
    <rPh sb="14" eb="17">
      <t>トドケデショ</t>
    </rPh>
    <phoneticPr fontId="2"/>
  </si>
  <si>
    <t>（別紙39）</t>
    <rPh sb="1" eb="3">
      <t>ベッシ</t>
    </rPh>
    <phoneticPr fontId="2"/>
  </si>
  <si>
    <t>　要件を満たすことが分かる根拠書類を準備し、指定権者からの求めがあった場合には、速やかに提出</t>
    <phoneticPr fontId="2"/>
  </si>
  <si>
    <t>研修を修了している者の数</t>
    <phoneticPr fontId="2"/>
  </si>
  <si>
    <t>認知症の行動・心理症状の予防等に資する認知症介護に係る専門的な</t>
    <rPh sb="0" eb="3">
      <t>ニンチショウ</t>
    </rPh>
    <rPh sb="4" eb="6">
      <t>コウドウ</t>
    </rPh>
    <rPh sb="7" eb="9">
      <t>シンリ</t>
    </rPh>
    <rPh sb="9" eb="11">
      <t>ショウジョウ</t>
    </rPh>
    <rPh sb="12" eb="14">
      <t>ヨボウ</t>
    </rPh>
    <rPh sb="14" eb="15">
      <t>トウ</t>
    </rPh>
    <rPh sb="16" eb="17">
      <t>シ</t>
    </rPh>
    <rPh sb="19" eb="22">
      <t>ニンチショウ</t>
    </rPh>
    <rPh sb="22" eb="24">
      <t>カイゴ</t>
    </rPh>
    <rPh sb="25" eb="26">
      <t>カカ</t>
    </rPh>
    <phoneticPr fontId="2"/>
  </si>
  <si>
    <t>チームを組んでいる</t>
    <phoneticPr fontId="2"/>
  </si>
  <si>
    <t>を必要数以上配置し、かつ、複数人の介護職員からなる認知症の行動・心理症状に対応する</t>
    <rPh sb="1" eb="4">
      <t>ヒツヨウスウ</t>
    </rPh>
    <rPh sb="4" eb="6">
      <t>イジョウ</t>
    </rPh>
    <rPh sb="6" eb="8">
      <t>ハイチ</t>
    </rPh>
    <rPh sb="37" eb="39">
      <t>タイオウ</t>
    </rPh>
    <phoneticPr fontId="2"/>
  </si>
  <si>
    <t>認知症の行動・心理症状の予防等に資する認知症介護に係る専門的な研修を修了している者</t>
    <phoneticPr fontId="2"/>
  </si>
  <si>
    <t>※認知症チームケア推進加算（Ⅰ）に係る届出内容（1）、（3）、（4）も記入すること。</t>
    <rPh sb="17" eb="18">
      <t>カカ</t>
    </rPh>
    <rPh sb="19" eb="21">
      <t>トドケデ</t>
    </rPh>
    <rPh sb="21" eb="23">
      <t>ナイヨウ</t>
    </rPh>
    <rPh sb="35" eb="37">
      <t>キニュウ</t>
    </rPh>
    <phoneticPr fontId="2"/>
  </si>
  <si>
    <t>認知症チームケア推進加算（Ⅰ）の（1）、（3）、（4）に該当している</t>
    <phoneticPr fontId="2"/>
  </si>
  <si>
    <t>２．認知症チームケア推進加算（Ⅱ）に係る届出内容</t>
    <rPh sb="18" eb="19">
      <t>カカ</t>
    </rPh>
    <rPh sb="20" eb="21">
      <t>トド</t>
    </rPh>
    <rPh sb="21" eb="22">
      <t>デ</t>
    </rPh>
    <rPh sb="22" eb="24">
      <t>ナイヨウ</t>
    </rPh>
    <phoneticPr fontId="2"/>
  </si>
  <si>
    <t>ケアの振り返り、計画の見直し等を行っている</t>
    <phoneticPr fontId="2"/>
  </si>
  <si>
    <t>計画の作成、認知症の行動・心理症状の有無及び程度についての定期的な評価、</t>
    <phoneticPr fontId="2"/>
  </si>
  <si>
    <t>認知症の行動・心理症状の予防等に資する認知症ケアについて、カンファレンスの開催、</t>
    <phoneticPr fontId="2"/>
  </si>
  <si>
    <t>(4）</t>
    <phoneticPr fontId="2"/>
  </si>
  <si>
    <t>基づく値を測定し、認知症の行動・心理症状の予防等に資するチームケアを実施している</t>
    <phoneticPr fontId="2"/>
  </si>
  <si>
    <t>対象者に対し、個別に認知症の行動・心理症状の評価を計画的に行い、その評価に</t>
    <phoneticPr fontId="2"/>
  </si>
  <si>
    <t>含んだ研修を修了している者の数</t>
    <phoneticPr fontId="2"/>
  </si>
  <si>
    <t>研修及び認知症の行動・心理症状の予防に資するケアプログラムを</t>
    <phoneticPr fontId="2"/>
  </si>
  <si>
    <t>専門的な研修を修了している者又は認知症介護に係る専門的な</t>
    <rPh sb="14" eb="15">
      <t>マタ</t>
    </rPh>
    <phoneticPr fontId="2"/>
  </si>
  <si>
    <t>認知症の行動・心理症状の予防等に資する認知症介護の指導に係る</t>
    <rPh sb="0" eb="3">
      <t>ニンチショウ</t>
    </rPh>
    <rPh sb="4" eb="6">
      <t>コウドウ</t>
    </rPh>
    <rPh sb="7" eb="9">
      <t>シンリ</t>
    </rPh>
    <rPh sb="9" eb="11">
      <t>ショウジョウ</t>
    </rPh>
    <rPh sb="12" eb="14">
      <t>ヨボウ</t>
    </rPh>
    <rPh sb="14" eb="15">
      <t>トウ</t>
    </rPh>
    <rPh sb="16" eb="17">
      <t>シ</t>
    </rPh>
    <rPh sb="19" eb="22">
      <t>ニンチショウ</t>
    </rPh>
    <rPh sb="22" eb="24">
      <t>カイゴ</t>
    </rPh>
    <rPh sb="25" eb="27">
      <t>シドウ</t>
    </rPh>
    <rPh sb="28" eb="29">
      <t>カカ</t>
    </rPh>
    <phoneticPr fontId="2"/>
  </si>
  <si>
    <t>からなる認知症の行動・心理症状に対応するチームを組んでいる</t>
    <phoneticPr fontId="2"/>
  </si>
  <si>
    <t>ケアプログラムを含んだ研修を修了している者を必要数以上配置し、かつ、複数人の介護職員</t>
    <phoneticPr fontId="2"/>
  </si>
  <si>
    <t>している者又は認知症介護に係る専門的な研修及び認知症の行動・心理症状の予防等に資する</t>
    <rPh sb="4" eb="5">
      <t>モノ</t>
    </rPh>
    <rPh sb="5" eb="6">
      <t>マタ</t>
    </rPh>
    <rPh sb="37" eb="38">
      <t>トウ</t>
    </rPh>
    <phoneticPr fontId="2"/>
  </si>
  <si>
    <t>認知症の行動・心理症状の予防等に資する認知症介護の指導に係る専門的な研修を修了</t>
    <phoneticPr fontId="2"/>
  </si>
  <si>
    <t>の平均で算定。</t>
    <phoneticPr fontId="2"/>
  </si>
  <si>
    <t>注　届出日の属する月の前３月の各月末時点の利用者又は入所者の数</t>
    <rPh sb="24" eb="25">
      <t>マタ</t>
    </rPh>
    <rPh sb="26" eb="29">
      <t>ニュウショシャ</t>
    </rPh>
    <phoneticPr fontId="2"/>
  </si>
  <si>
    <t>利用者又は入所者の総数のうち、日常生活自立度のランクⅡ、Ⅲ、Ⅳ又はＭに該当する者</t>
    <rPh sb="3" eb="4">
      <t>マタ</t>
    </rPh>
    <rPh sb="5" eb="8">
      <t>ニュウショシャ</t>
    </rPh>
    <rPh sb="19" eb="22">
      <t>ジリツド</t>
    </rPh>
    <rPh sb="31" eb="32">
      <t>マタ</t>
    </rPh>
    <rPh sb="35" eb="37">
      <t>ガイトウ</t>
    </rPh>
    <rPh sb="39" eb="40">
      <t>シャ</t>
    </rPh>
    <phoneticPr fontId="2"/>
  </si>
  <si>
    <t>１．認知症チームケア推進加算（Ⅰ）に係る届出内容</t>
    <rPh sb="18" eb="19">
      <t>カカ</t>
    </rPh>
    <rPh sb="20" eb="21">
      <t>トド</t>
    </rPh>
    <rPh sb="21" eb="22">
      <t>デ</t>
    </rPh>
    <rPh sb="22" eb="24">
      <t>ナイヨウ</t>
    </rPh>
    <phoneticPr fontId="2"/>
  </si>
  <si>
    <t>２　認知症チームケア推進加算（Ⅱ）</t>
  </si>
  <si>
    <t>１　認知症チームケア推進加算（Ⅰ）　　　</t>
  </si>
  <si>
    <t>５　介護医療院</t>
    <phoneticPr fontId="2"/>
  </si>
  <si>
    <t>４　介護老人保健施設</t>
    <phoneticPr fontId="2"/>
  </si>
  <si>
    <r>
      <rPr>
        <sz val="11"/>
        <rFont val="HGSｺﾞｼｯｸM"/>
        <family val="3"/>
        <charset val="128"/>
      </rPr>
      <t>３</t>
    </r>
    <r>
      <rPr>
        <sz val="10"/>
        <rFont val="HGSｺﾞｼｯｸM"/>
        <family val="3"/>
        <charset val="128"/>
      </rPr>
      <t>　</t>
    </r>
    <r>
      <rPr>
        <sz val="9"/>
        <rFont val="HGSｺﾞｼｯｸM"/>
        <family val="3"/>
        <charset val="128"/>
      </rPr>
      <t>地域密着型介護老人福祉施設入所者生活介護</t>
    </r>
    <r>
      <rPr>
        <sz val="10"/>
        <rFont val="HGSｺﾞｼｯｸM"/>
        <family val="3"/>
        <charset val="128"/>
      </rPr>
      <t>　</t>
    </r>
    <phoneticPr fontId="2"/>
  </si>
  <si>
    <t>２　介護老人福祉施設</t>
    <phoneticPr fontId="2"/>
  </si>
  <si>
    <t>１（介護予防）認知症対応型共同生活介護</t>
    <phoneticPr fontId="2"/>
  </si>
  <si>
    <t>認知症チームケア推進加算に係る届出書</t>
    <rPh sb="13" eb="14">
      <t>カカ</t>
    </rPh>
    <rPh sb="15" eb="18">
      <t>トドケデショ</t>
    </rPh>
    <phoneticPr fontId="2"/>
  </si>
  <si>
    <t>（別紙40）</t>
    <phoneticPr fontId="2"/>
  </si>
  <si>
    <t>　「褥瘡マネジメントに関わる者」には、共同で褥瘡ケア計画を作成している者の職種及び氏名を記入してください。</t>
    <rPh sb="2" eb="4">
      <t>ジョクソウ</t>
    </rPh>
    <rPh sb="11" eb="12">
      <t>カカ</t>
    </rPh>
    <rPh sb="14" eb="15">
      <t>モノ</t>
    </rPh>
    <rPh sb="19" eb="21">
      <t>キョウドウ</t>
    </rPh>
    <rPh sb="22" eb="24">
      <t>ジョクソウ</t>
    </rPh>
    <rPh sb="26" eb="28">
      <t>ケイカク</t>
    </rPh>
    <rPh sb="29" eb="31">
      <t>サクセイ</t>
    </rPh>
    <rPh sb="35" eb="36">
      <t>モノ</t>
    </rPh>
    <rPh sb="37" eb="39">
      <t>ショクシュ</t>
    </rPh>
    <rPh sb="39" eb="40">
      <t>オヨ</t>
    </rPh>
    <rPh sb="41" eb="43">
      <t>シメイ</t>
    </rPh>
    <rPh sb="44" eb="46">
      <t>キニュウ</t>
    </rPh>
    <phoneticPr fontId="2"/>
  </si>
  <si>
    <t>管 理 栄 養 士</t>
    <phoneticPr fontId="2"/>
  </si>
  <si>
    <t>看　護　師</t>
    <phoneticPr fontId="2"/>
  </si>
  <si>
    <t>褥瘡マネジメントに関わる者</t>
    <rPh sb="0" eb="2">
      <t>ジョクソウ</t>
    </rPh>
    <rPh sb="9" eb="10">
      <t>カカ</t>
    </rPh>
    <rPh sb="12" eb="13">
      <t>モノ</t>
    </rPh>
    <phoneticPr fontId="2"/>
  </si>
  <si>
    <t>褥瘡マネジメントの状況</t>
    <rPh sb="0" eb="2">
      <t>ジョクソウ</t>
    </rPh>
    <rPh sb="9" eb="11">
      <t>ジョウキョウ</t>
    </rPh>
    <phoneticPr fontId="2"/>
  </si>
  <si>
    <t>４　看護小規模多機能型居宅介護</t>
    <phoneticPr fontId="2"/>
  </si>
  <si>
    <t>３　介護老人保健施設</t>
    <phoneticPr fontId="2"/>
  </si>
  <si>
    <t>２　地域密着型介護老人福祉施設入所者生活介護</t>
    <rPh sb="2" eb="4">
      <t>チイキ</t>
    </rPh>
    <rPh sb="4" eb="7">
      <t>ミッチャクガタ</t>
    </rPh>
    <rPh sb="7" eb="9">
      <t>カイゴ</t>
    </rPh>
    <rPh sb="9" eb="11">
      <t>ロウジン</t>
    </rPh>
    <rPh sb="11" eb="13">
      <t>フクシ</t>
    </rPh>
    <rPh sb="13" eb="15">
      <t>シセツ</t>
    </rPh>
    <rPh sb="15" eb="18">
      <t>ニュウショシャ</t>
    </rPh>
    <rPh sb="18" eb="20">
      <t>セイカツ</t>
    </rPh>
    <rPh sb="20" eb="22">
      <t>カイゴ</t>
    </rPh>
    <phoneticPr fontId="2"/>
  </si>
  <si>
    <t>１　介護老人福祉施設</t>
    <phoneticPr fontId="2"/>
  </si>
  <si>
    <t>褥瘡マネジメント加算に関する届出書</t>
    <rPh sb="0" eb="2">
      <t>ジョクソウ</t>
    </rPh>
    <rPh sb="8" eb="10">
      <t>カサン</t>
    </rPh>
    <rPh sb="11" eb="12">
      <t>カン</t>
    </rPh>
    <rPh sb="14" eb="17">
      <t>トドケデショ</t>
    </rPh>
    <phoneticPr fontId="2"/>
  </si>
  <si>
    <t>（別紙41）</t>
    <rPh sb="1" eb="3">
      <t>ベッシ</t>
    </rPh>
    <phoneticPr fontId="2"/>
  </si>
  <si>
    <t>総合マネジメント体制強化加算（Ⅰ）の基準の①～③のいずれにも該当している。</t>
    <phoneticPr fontId="2"/>
  </si>
  <si>
    <r>
      <t xml:space="preserve">○看護小規模多機能型居宅介護
</t>
    </r>
    <r>
      <rPr>
        <sz val="8"/>
        <rFont val="HGSｺﾞｼｯｸM"/>
        <family val="3"/>
        <charset val="128"/>
      </rPr>
      <t>※該当する要件は、「総合マネジメント体制強化加算（Ⅰ）に係る体制の届出内容」に記入すること。</t>
    </r>
    <rPh sb="1" eb="3">
      <t>カンゴ</t>
    </rPh>
    <phoneticPr fontId="2"/>
  </si>
  <si>
    <t>総合マネジメント体制強化加算（Ⅰ）の基準の①～②のいずれにも該当している。</t>
    <phoneticPr fontId="2"/>
  </si>
  <si>
    <r>
      <t xml:space="preserve">○定期巡回・随時対応型訪問介護看護、（介護予防）小規模多機能型居宅介護
</t>
    </r>
    <r>
      <rPr>
        <sz val="8"/>
        <rFont val="HGSｺﾞｼｯｸM"/>
        <family val="3"/>
        <charset val="128"/>
      </rPr>
      <t>※該当する要件は、「総合マネジメント体制強化加算（Ⅰ）に係る体制の届出内容」に記入すること。</t>
    </r>
    <rPh sb="37" eb="39">
      <t>ガイトウ</t>
    </rPh>
    <rPh sb="41" eb="43">
      <t>ヨウケン</t>
    </rPh>
    <phoneticPr fontId="2"/>
  </si>
  <si>
    <t>２　総合マネジメント体制強化加算（Ⅱ）に係る体制の届出内容</t>
    <rPh sb="2" eb="4">
      <t>ソウゴウ</t>
    </rPh>
    <rPh sb="10" eb="12">
      <t>タイセイ</t>
    </rPh>
    <rPh sb="12" eb="14">
      <t>キョウカ</t>
    </rPh>
    <rPh sb="14" eb="16">
      <t>カサン</t>
    </rPh>
    <rPh sb="22" eb="24">
      <t>タイセイ</t>
    </rPh>
    <rPh sb="25" eb="27">
      <t>トドケデ</t>
    </rPh>
    <phoneticPr fontId="2"/>
  </si>
  <si>
    <t>市町村が実施する通いの場や在宅医療・介護連携推進事業等の地域支援事業等に参加している。</t>
    <phoneticPr fontId="2"/>
  </si>
  <si>
    <t xml:space="preserve">地域住民等、他事業所等と共同で事例検討会、研修会等を実施している。 </t>
    <phoneticPr fontId="2"/>
  </si>
  <si>
    <t>障害福祉サービス事業所、児童福祉施設等と協働し、地域において世代間の交流の場の拠点となっている。</t>
    <phoneticPr fontId="2"/>
  </si>
  <si>
    <t>地域住民等との連携により、地域資源を効果的に活用し、利用者の状態に応じた支援を行っている。</t>
  </si>
  <si>
    <t>事業所の
特性に
応じて
１つ以上実施している</t>
    <phoneticPr fontId="2"/>
  </si>
  <si>
    <t>必要に応じて、多様な主体が提供する生活支援のサービス（インフォーマルサービス含む）が包括的に提供されるような居宅サービス計画を作成している。</t>
    <phoneticPr fontId="2"/>
  </si>
  <si>
    <t>日常的に利用者と関わりのある地域住民等の相談に対応する体制を確保していること。</t>
    <phoneticPr fontId="2"/>
  </si>
  <si>
    <t>利用者の地域における多様な活動が確保されるよう、日常的に地域住民等との交流を図り、利用者の状態に応じて、地域の行事や活動等に積極的に参加している。</t>
    <phoneticPr fontId="2"/>
  </si>
  <si>
    <t>地域の病院、診療所、介護老人保健施設その他の関係施設に対し、指定看護小規模多機能型居宅介護事業所が提供することのできる指定看護小規模多機能型居宅介護の具体的な内容に関する情報提供を行っている。</t>
    <phoneticPr fontId="2"/>
  </si>
  <si>
    <t>利用者の心身の状況又はその家族等を取り巻く環境の変化に応じ、随時、介護支援専門員、看護師、准看護師、介護職員その他の関係者が共同し、看護小規模多機能型居宅介護計画の見直しを行っている。</t>
    <phoneticPr fontId="2"/>
  </si>
  <si>
    <t>○看護小規模多機能型居宅介護</t>
    <phoneticPr fontId="2"/>
  </si>
  <si>
    <t>利用者の心身の状況又はその家族等を取り巻く環境の変化に応じ、随時、介護支援専門員、看護師、准看護師、介護職員その他の関係者が共同し、小規模多機能型居宅介護計画の見直しを行っている。</t>
    <phoneticPr fontId="2"/>
  </si>
  <si>
    <t xml:space="preserve">① </t>
    <phoneticPr fontId="2"/>
  </si>
  <si>
    <t>○（介護予防）小規模多機能型居宅介護</t>
    <phoneticPr fontId="2"/>
  </si>
  <si>
    <t>地域住民及び利用者の住まいに関する相談に応じ、必要な支援を行っている。</t>
    <phoneticPr fontId="2"/>
  </si>
  <si>
    <t>障害福祉サービス事業所、児童福祉施設等と協働し、地域において世代間の交流を行っている。</t>
    <rPh sb="37" eb="38">
      <t>オコナ</t>
    </rPh>
    <phoneticPr fontId="2"/>
  </si>
  <si>
    <t>地域住民等との連携により、地域資源を効果的に活用し、利用者の状態に応じた支援を行っている。</t>
    <phoneticPr fontId="2"/>
  </si>
  <si>
    <t>地域の病院、診療所、介護老人保健施設その他の関係施設に対し、指定定期巡回・随時対応型訪問介護看護事業所が提供することのできる指定定期巡回・随時対応型訪問介護看護の具体的な内容に関する情報提供を行っている。</t>
    <phoneticPr fontId="2"/>
  </si>
  <si>
    <t>利用者の心身の状況又はその家族等を取り巻く環境の変化に応じ、随時、計画作成責任者、看護師、准看護師、介護職員その他の関係者が共同し、定期巡回・随時対応型訪問介護看護計画の見直しを行っている。</t>
    <phoneticPr fontId="2"/>
  </si>
  <si>
    <t>○定期巡回・随時対応型訪問介護看護</t>
    <phoneticPr fontId="2"/>
  </si>
  <si>
    <t>１　総合マネジメント体制強化加算（Ⅰ）に係る体制の届出内容</t>
    <rPh sb="2" eb="4">
      <t>ソウゴウ</t>
    </rPh>
    <rPh sb="10" eb="12">
      <t>タイセイ</t>
    </rPh>
    <rPh sb="12" eb="14">
      <t>キョウカ</t>
    </rPh>
    <rPh sb="14" eb="16">
      <t>カサン</t>
    </rPh>
    <rPh sb="22" eb="24">
      <t>タイセイ</t>
    </rPh>
    <rPh sb="25" eb="27">
      <t>トドケデ</t>
    </rPh>
    <phoneticPr fontId="2"/>
  </si>
  <si>
    <t>2　総合マネジメント体制強化加算（Ⅱ）</t>
    <phoneticPr fontId="2"/>
  </si>
  <si>
    <t>1　総合マネジメント体制強化加算（Ⅰ）</t>
    <rPh sb="2" eb="4">
      <t>ソウゴウ</t>
    </rPh>
    <rPh sb="10" eb="12">
      <t>タイセイ</t>
    </rPh>
    <rPh sb="12" eb="14">
      <t>キョウカ</t>
    </rPh>
    <rPh sb="14" eb="16">
      <t>カサン</t>
    </rPh>
    <phoneticPr fontId="2"/>
  </si>
  <si>
    <t>2　(介護予防）小規模多機能型居宅介護事業所</t>
    <rPh sb="8" eb="11">
      <t>ショウキボ</t>
    </rPh>
    <rPh sb="11" eb="15">
      <t>タキノウガタ</t>
    </rPh>
    <rPh sb="15" eb="17">
      <t>キョタク</t>
    </rPh>
    <rPh sb="17" eb="19">
      <t>カイゴ</t>
    </rPh>
    <rPh sb="19" eb="22">
      <t>ジギョウショ</t>
    </rPh>
    <phoneticPr fontId="2"/>
  </si>
  <si>
    <t>1　定期巡回・随時対応型訪問介護看護事業所</t>
    <rPh sb="2" eb="4">
      <t>テイキ</t>
    </rPh>
    <rPh sb="4" eb="6">
      <t>ジュンカイ</t>
    </rPh>
    <rPh sb="7" eb="9">
      <t>ズイジ</t>
    </rPh>
    <rPh sb="9" eb="12">
      <t>タイオウガタ</t>
    </rPh>
    <rPh sb="12" eb="14">
      <t>ホウモン</t>
    </rPh>
    <rPh sb="14" eb="16">
      <t>カイゴ</t>
    </rPh>
    <rPh sb="16" eb="18">
      <t>カンゴ</t>
    </rPh>
    <rPh sb="18" eb="21">
      <t>ジギョウショ</t>
    </rPh>
    <phoneticPr fontId="2"/>
  </si>
  <si>
    <t>総合マネジメント体制強化加算に係る届出書</t>
    <rPh sb="0" eb="2">
      <t>ソウゴウ</t>
    </rPh>
    <rPh sb="8" eb="10">
      <t>タイセイ</t>
    </rPh>
    <rPh sb="10" eb="12">
      <t>キョウカ</t>
    </rPh>
    <rPh sb="12" eb="14">
      <t>カサン</t>
    </rPh>
    <rPh sb="15" eb="16">
      <t>カカ</t>
    </rPh>
    <rPh sb="17" eb="20">
      <t>トドケデショ</t>
    </rPh>
    <phoneticPr fontId="2"/>
  </si>
  <si>
    <t>（別紙42）</t>
    <phoneticPr fontId="2"/>
  </si>
  <si>
    <t>事業所名</t>
    <rPh sb="0" eb="2">
      <t>ジギョウ</t>
    </rPh>
    <rPh sb="2" eb="3">
      <t>ショ</t>
    </rPh>
    <rPh sb="3" eb="4">
      <t>メイ</t>
    </rPh>
    <phoneticPr fontId="2"/>
  </si>
  <si>
    <t>連携する指定訪問介護事業所</t>
    <rPh sb="0" eb="2">
      <t>レンケイ</t>
    </rPh>
    <rPh sb="4" eb="6">
      <t>シテイ</t>
    </rPh>
    <rPh sb="6" eb="8">
      <t>ホウモン</t>
    </rPh>
    <rPh sb="8" eb="10">
      <t>カイゴ</t>
    </rPh>
    <rPh sb="10" eb="12">
      <t>ジギョウ</t>
    </rPh>
    <rPh sb="12" eb="13">
      <t>ジョ</t>
    </rPh>
    <phoneticPr fontId="2"/>
  </si>
  <si>
    <t>利用者からの通報について、通報日時、通報内容、具体的対応の内容について、記録を行う。</t>
    <phoneticPr fontId="2"/>
  </si>
  <si>
    <t>対象となる利用者の夜間の同居家族等の状況の把握に加え、日中における居宅サービス利用状況等を把握している。</t>
    <rPh sb="9" eb="11">
      <t>ヤカン</t>
    </rPh>
    <rPh sb="12" eb="14">
      <t>ドウキョ</t>
    </rPh>
    <rPh sb="14" eb="16">
      <t>カゾク</t>
    </rPh>
    <rPh sb="16" eb="17">
      <t>トウ</t>
    </rPh>
    <rPh sb="18" eb="20">
      <t>ジョウキョウ</t>
    </rPh>
    <rPh sb="21" eb="23">
      <t>ハアク</t>
    </rPh>
    <rPh sb="24" eb="25">
      <t>クワ</t>
    </rPh>
    <phoneticPr fontId="2"/>
  </si>
  <si>
    <t>連携する指定訪問介護事業所の具体的な対応体制について定期的に把握している。</t>
    <rPh sb="0" eb="2">
      <t>レンケイ</t>
    </rPh>
    <rPh sb="4" eb="6">
      <t>シテイ</t>
    </rPh>
    <rPh sb="6" eb="8">
      <t>ホウモン</t>
    </rPh>
    <rPh sb="8" eb="10">
      <t>カイゴ</t>
    </rPh>
    <rPh sb="10" eb="13">
      <t>ジギョウショ</t>
    </rPh>
    <rPh sb="14" eb="17">
      <t>グタイテキ</t>
    </rPh>
    <rPh sb="18" eb="20">
      <t>タイオウ</t>
    </rPh>
    <rPh sb="20" eb="22">
      <t>タイセイ</t>
    </rPh>
    <rPh sb="26" eb="29">
      <t>テイキテキ</t>
    </rPh>
    <rPh sb="30" eb="32">
      <t>ハアク</t>
    </rPh>
    <phoneticPr fontId="2"/>
  </si>
  <si>
    <t>　③</t>
    <phoneticPr fontId="2"/>
  </si>
  <si>
    <t>連携する全ての指定訪問介護事業所と利用者がサービスの利用に係る契約を締結している。</t>
    <phoneticPr fontId="2"/>
  </si>
  <si>
    <t>利用者の通報から緊急対応が必要と認められる場合に、連携する指定訪問介護事業所に速やかに連絡する体制を確保している。</t>
    <rPh sb="39" eb="40">
      <t>スミ</t>
    </rPh>
    <phoneticPr fontId="2"/>
  </si>
  <si>
    <t>日中のオペレーションセンターサービスに必要な人員を確保している。</t>
    <phoneticPr fontId="2"/>
  </si>
  <si>
    <t>24時間通報対応加算に係る届出内容</t>
    <rPh sb="2" eb="4">
      <t>ジカン</t>
    </rPh>
    <rPh sb="4" eb="6">
      <t>ツウホウ</t>
    </rPh>
    <rPh sb="6" eb="8">
      <t>タイオウ</t>
    </rPh>
    <rPh sb="8" eb="10">
      <t>カサン</t>
    </rPh>
    <rPh sb="11" eb="12">
      <t>カカワ</t>
    </rPh>
    <rPh sb="13" eb="15">
      <t>トドケデ</t>
    </rPh>
    <rPh sb="15" eb="17">
      <t>ナイヨウ</t>
    </rPh>
    <phoneticPr fontId="2"/>
  </si>
  <si>
    <t>24時間通報対応加算に係る届出書（夜間対応型訪問介護事業所）</t>
    <rPh sb="2" eb="4">
      <t>ジカン</t>
    </rPh>
    <rPh sb="4" eb="6">
      <t>ツウホウ</t>
    </rPh>
    <rPh sb="6" eb="8">
      <t>タイオウ</t>
    </rPh>
    <rPh sb="8" eb="10">
      <t>カサン</t>
    </rPh>
    <rPh sb="11" eb="12">
      <t>カカ</t>
    </rPh>
    <rPh sb="13" eb="16">
      <t>トドケデショ</t>
    </rPh>
    <rPh sb="17" eb="19">
      <t>ヤカン</t>
    </rPh>
    <rPh sb="19" eb="22">
      <t>タイオウガタ</t>
    </rPh>
    <rPh sb="22" eb="24">
      <t>ホウモン</t>
    </rPh>
    <rPh sb="24" eb="26">
      <t>カイゴ</t>
    </rPh>
    <rPh sb="26" eb="29">
      <t>ジギョウショ</t>
    </rPh>
    <phoneticPr fontId="2"/>
  </si>
  <si>
    <t>（別紙43）</t>
    <phoneticPr fontId="2"/>
  </si>
  <si>
    <t>備考３　認知症加算（Ⅰ ）の算定にあっては、認知症介護実践リーダー研修と認知症介護指導者養成研修
　　　の両方を修了した者、又は認知症看護に係る適切な研修を修了した者を１名配置する場合、「認知症
　　　介護に係る専門的な研修」及び「認知症介護の指導に係る専門的な研修」の修了者をそれぞれ１名
　　　配置したことになる。</t>
    <rPh sb="0" eb="2">
      <t>ビコウ</t>
    </rPh>
    <rPh sb="4" eb="7">
      <t>ニンチショウ</t>
    </rPh>
    <rPh sb="7" eb="9">
      <t>カサン</t>
    </rPh>
    <rPh sb="14" eb="16">
      <t>サンテイ</t>
    </rPh>
    <rPh sb="22" eb="25">
      <t>ニンチショウ</t>
    </rPh>
    <rPh sb="25" eb="27">
      <t>カイゴ</t>
    </rPh>
    <rPh sb="27" eb="29">
      <t>ジッセン</t>
    </rPh>
    <rPh sb="33" eb="35">
      <t>ケンシュウ</t>
    </rPh>
    <rPh sb="36" eb="39">
      <t>ニンチショウ</t>
    </rPh>
    <rPh sb="39" eb="41">
      <t>カイゴ</t>
    </rPh>
    <rPh sb="41" eb="44">
      <t>シドウシャ</t>
    </rPh>
    <rPh sb="44" eb="45">
      <t>ヨウ</t>
    </rPh>
    <phoneticPr fontId="2"/>
  </si>
  <si>
    <t>①日本看護協会認定看護師教育課程「認知症看護」の研修
②日本看護協会が認定している看護系大学院の「老人看護」及び「精神看護」の専門看護師教育課程
③日本精神科看護協会が認定している「精神科認定看護師」（認定証が発行されている者に限る）</t>
    <phoneticPr fontId="2"/>
  </si>
  <si>
    <t>※認知症看護に係る適切な研修：</t>
    <phoneticPr fontId="2"/>
  </si>
  <si>
    <t>備考２　「認知症介護に係る専門的な研修」とは、認知症介護実践リーダー研修及び認知症看護に係る
　　　適切な研修を、「認知症介護の指導に係る専門的な研修」とは、認知症介護指導者養成研修及び
　　　認知症看護に係る適切な研修を指す。</t>
    <rPh sb="0" eb="2">
      <t>ビコウ</t>
    </rPh>
    <phoneticPr fontId="2"/>
  </si>
  <si>
    <t>備考１　要件を満たすことが分かる根拠書類を準備し、指定権者からの求めがあった場合には、速やかに
　　　提出すること。</t>
    <rPh sb="0" eb="2">
      <t>ビコウ</t>
    </rPh>
    <rPh sb="4" eb="6">
      <t>ヨウケン</t>
    </rPh>
    <rPh sb="7" eb="8">
      <t>ミ</t>
    </rPh>
    <rPh sb="13" eb="14">
      <t>ワ</t>
    </rPh>
    <rPh sb="16" eb="18">
      <t>コンキョ</t>
    </rPh>
    <rPh sb="18" eb="20">
      <t>ショルイ</t>
    </rPh>
    <phoneticPr fontId="2"/>
  </si>
  <si>
    <r>
      <t xml:space="preserve">認知症加算（Ⅰ）の(1)・(2)の基準のいずれにも該当している
</t>
    </r>
    <r>
      <rPr>
        <sz val="10"/>
        <rFont val="HGSｺﾞｼｯｸM"/>
        <family val="3"/>
        <charset val="128"/>
      </rPr>
      <t>※認知症加算（Ⅰ）に係る届出内容(1)・(2)も記入すること。</t>
    </r>
    <phoneticPr fontId="2"/>
  </si>
  <si>
    <t>２．認知症加算（Ⅱ）に係る届出内容</t>
    <rPh sb="11" eb="12">
      <t>カカ</t>
    </rPh>
    <rPh sb="13" eb="14">
      <t>トド</t>
    </rPh>
    <rPh sb="14" eb="15">
      <t>デ</t>
    </rPh>
    <rPh sb="15" eb="17">
      <t>ナイヨウ</t>
    </rPh>
    <phoneticPr fontId="2"/>
  </si>
  <si>
    <t>事業所において介護職員、看護職員ごとの認知症ケアに関する研修計画を作成し、当該計画に従い、研修を実施又は実施を予定している</t>
    <phoneticPr fontId="2"/>
  </si>
  <si>
    <t>認知症介護の指導に係る専門的な研修を修了している者を１名以上配置し、事業所全体の認知症ケアの指導等を実施している</t>
    <phoneticPr fontId="2"/>
  </si>
  <si>
    <t>従業者に対して、認知症ケアに関する留意事項の伝達又は技術的指導に係る会議を定期的に開催している</t>
    <phoneticPr fontId="2"/>
  </si>
  <si>
    <t>認知症介護に係る専門的な研修を修了している者を、日常生活自立度のランクⅢ、Ⅳ又はMに該当する者の数に応じて必要数以上配置し、チームとして専門的な認知症ケアを実施している</t>
    <phoneticPr fontId="2"/>
  </si>
  <si>
    <t>１．認知症加算（Ⅰ）に係る届出内容</t>
    <rPh sb="11" eb="12">
      <t>カカ</t>
    </rPh>
    <rPh sb="13" eb="14">
      <t>トド</t>
    </rPh>
    <rPh sb="14" eb="15">
      <t>デ</t>
    </rPh>
    <rPh sb="15" eb="17">
      <t>ナイヨウ</t>
    </rPh>
    <phoneticPr fontId="2"/>
  </si>
  <si>
    <t>2　看護小規模多機能型居宅介護事業所</t>
    <rPh sb="2" eb="4">
      <t>カンゴ</t>
    </rPh>
    <rPh sb="4" eb="7">
      <t>ショウキボ</t>
    </rPh>
    <rPh sb="7" eb="11">
      <t>タキノウガタ</t>
    </rPh>
    <rPh sb="11" eb="13">
      <t>キョタク</t>
    </rPh>
    <rPh sb="13" eb="15">
      <t>カイゴ</t>
    </rPh>
    <rPh sb="15" eb="18">
      <t>ジギョウショ</t>
    </rPh>
    <phoneticPr fontId="2"/>
  </si>
  <si>
    <t>1　小規模多機能型居宅介護事業所</t>
    <rPh sb="2" eb="5">
      <t>ショウキボ</t>
    </rPh>
    <rPh sb="5" eb="9">
      <t>タキノウガタ</t>
    </rPh>
    <rPh sb="9" eb="11">
      <t>キョタク</t>
    </rPh>
    <rPh sb="11" eb="13">
      <t>カイゴ</t>
    </rPh>
    <rPh sb="13" eb="16">
      <t>ジギョウショ</t>
    </rPh>
    <phoneticPr fontId="2"/>
  </si>
  <si>
    <t>（小規模多機能型居宅介護、看護小規模多機能型居宅介護）</t>
    <rPh sb="1" eb="4">
      <t>ショウキボ</t>
    </rPh>
    <rPh sb="4" eb="8">
      <t>タキノウガタ</t>
    </rPh>
    <rPh sb="8" eb="10">
      <t>キョタク</t>
    </rPh>
    <rPh sb="10" eb="12">
      <t>カイゴ</t>
    </rPh>
    <rPh sb="13" eb="15">
      <t>カンゴ</t>
    </rPh>
    <rPh sb="15" eb="18">
      <t>ショウキボ</t>
    </rPh>
    <rPh sb="18" eb="22">
      <t>タキノウガタ</t>
    </rPh>
    <rPh sb="22" eb="24">
      <t>キョタク</t>
    </rPh>
    <rPh sb="24" eb="26">
      <t>カイゴ</t>
    </rPh>
    <phoneticPr fontId="2"/>
  </si>
  <si>
    <t>認知症加算（Ⅰ）・（Ⅱ）に係る届出書</t>
    <rPh sb="0" eb="3">
      <t>ニンチショウ</t>
    </rPh>
    <rPh sb="3" eb="5">
      <t>カサン</t>
    </rPh>
    <rPh sb="13" eb="14">
      <t>カカ</t>
    </rPh>
    <rPh sb="15" eb="18">
      <t>トドケデショ</t>
    </rPh>
    <phoneticPr fontId="2"/>
  </si>
  <si>
    <t>（別紙44）</t>
    <phoneticPr fontId="2"/>
  </si>
  <si>
    <t>　②の者に対する訪問回数が１月当たり延べ200回以上である。</t>
    <rPh sb="3" eb="4">
      <t>シャ</t>
    </rPh>
    <rPh sb="5" eb="6">
      <t>タイ</t>
    </rPh>
    <rPh sb="8" eb="10">
      <t>ホウモン</t>
    </rPh>
    <rPh sb="10" eb="12">
      <t>カイスウ</t>
    </rPh>
    <rPh sb="14" eb="15">
      <t>ツキ</t>
    </rPh>
    <rPh sb="15" eb="16">
      <t>ア</t>
    </rPh>
    <rPh sb="18" eb="19">
      <t>ノ</t>
    </rPh>
    <rPh sb="23" eb="24">
      <t>カイ</t>
    </rPh>
    <rPh sb="24" eb="26">
      <t>イジョウ</t>
    </rPh>
    <phoneticPr fontId="2"/>
  </si>
  <si>
    <t>同一建物居住者以外の者（（看護）小規模多機能型居宅介護費のイ(1)を算定する者）の数</t>
    <rPh sb="0" eb="2">
      <t>ドウイツ</t>
    </rPh>
    <rPh sb="2" eb="4">
      <t>タテモノ</t>
    </rPh>
    <rPh sb="4" eb="7">
      <t>キョジュウシャ</t>
    </rPh>
    <rPh sb="7" eb="9">
      <t>イガイ</t>
    </rPh>
    <rPh sb="10" eb="11">
      <t>シャ</t>
    </rPh>
    <rPh sb="13" eb="15">
      <t>カンゴ</t>
    </rPh>
    <rPh sb="16" eb="19">
      <t>ショウキボ</t>
    </rPh>
    <rPh sb="19" eb="23">
      <t>タキノウガタ</t>
    </rPh>
    <rPh sb="23" eb="25">
      <t>キョタク</t>
    </rPh>
    <rPh sb="25" eb="27">
      <t>カイゴ</t>
    </rPh>
    <rPh sb="27" eb="28">
      <t>ヒ</t>
    </rPh>
    <rPh sb="34" eb="36">
      <t>サンテイ</t>
    </rPh>
    <rPh sb="38" eb="39">
      <t>シャ</t>
    </rPh>
    <rPh sb="41" eb="42">
      <t>カズ</t>
    </rPh>
    <phoneticPr fontId="2"/>
  </si>
  <si>
    <t>登録者の総数</t>
    <rPh sb="0" eb="3">
      <t>トウロクシャ</t>
    </rPh>
    <rPh sb="4" eb="6">
      <t>ソウスウ</t>
    </rPh>
    <phoneticPr fontId="2"/>
  </si>
  <si>
    <t>　①に占める②の割合が50％以上</t>
    <rPh sb="3" eb="4">
      <t>シ</t>
    </rPh>
    <rPh sb="8" eb="10">
      <t>ワリアイ</t>
    </rPh>
    <rPh sb="14" eb="16">
      <t>イジョウ</t>
    </rPh>
    <phoneticPr fontId="2"/>
  </si>
  <si>
    <t xml:space="preserve"> (2) 事業所が同一建物に集合住宅を併設している（２で有を選択した）場合</t>
    <rPh sb="5" eb="8">
      <t>ジギョウショ</t>
    </rPh>
    <rPh sb="9" eb="11">
      <t>ドウイツ</t>
    </rPh>
    <rPh sb="11" eb="13">
      <t>タテモノ</t>
    </rPh>
    <rPh sb="14" eb="16">
      <t>シュウゴウ</t>
    </rPh>
    <rPh sb="16" eb="18">
      <t>ジュウタク</t>
    </rPh>
    <rPh sb="19" eb="21">
      <t>ヘイセツ</t>
    </rPh>
    <rPh sb="28" eb="29">
      <t>ア</t>
    </rPh>
    <rPh sb="30" eb="32">
      <t>センタク</t>
    </rPh>
    <rPh sb="35" eb="37">
      <t>バアイ</t>
    </rPh>
    <phoneticPr fontId="2"/>
  </si>
  <si>
    <t>　訪問回数が１月当たり延べ200回以上である。</t>
    <rPh sb="1" eb="3">
      <t>ホウモン</t>
    </rPh>
    <rPh sb="3" eb="5">
      <t>カイスウ</t>
    </rPh>
    <rPh sb="7" eb="8">
      <t>ツキ</t>
    </rPh>
    <rPh sb="8" eb="9">
      <t>ア</t>
    </rPh>
    <rPh sb="11" eb="12">
      <t>ノ</t>
    </rPh>
    <rPh sb="16" eb="17">
      <t>カイ</t>
    </rPh>
    <rPh sb="17" eb="19">
      <t>イジョウ</t>
    </rPh>
    <phoneticPr fontId="2"/>
  </si>
  <si>
    <t xml:space="preserve"> (1) 事業所が同一建物に集合住宅を併設していない（２で無を選択した）場合</t>
    <rPh sb="5" eb="8">
      <t>ジギョウショ</t>
    </rPh>
    <rPh sb="9" eb="11">
      <t>ドウイツ</t>
    </rPh>
    <rPh sb="11" eb="13">
      <t>タテモノ</t>
    </rPh>
    <rPh sb="14" eb="16">
      <t>シュウゴウ</t>
    </rPh>
    <rPh sb="16" eb="18">
      <t>ジュウタク</t>
    </rPh>
    <rPh sb="19" eb="21">
      <t>ヘイセツ</t>
    </rPh>
    <rPh sb="29" eb="30">
      <t>ナ</t>
    </rPh>
    <rPh sb="31" eb="33">
      <t>センタク</t>
    </rPh>
    <rPh sb="36" eb="38">
      <t>バアイ</t>
    </rPh>
    <phoneticPr fontId="2"/>
  </si>
  <si>
    <t>サービス提供の状況</t>
    <rPh sb="4" eb="6">
      <t>テイキョウ</t>
    </rPh>
    <rPh sb="7" eb="9">
      <t>ジョウキョウ</t>
    </rPh>
    <phoneticPr fontId="2"/>
  </si>
  <si>
    <t>事業所と同一建物に集合住宅（養護老人ホーム、軽費老人ホーム、有料老人ホーム、サービス付き高齢者向け住宅であって登録を受けたもの）を併設している。</t>
    <rPh sb="0" eb="3">
      <t>ジギョウショ</t>
    </rPh>
    <rPh sb="4" eb="6">
      <t>ドウイツ</t>
    </rPh>
    <rPh sb="6" eb="8">
      <t>タテモノ</t>
    </rPh>
    <rPh sb="9" eb="11">
      <t>シュウゴウ</t>
    </rPh>
    <rPh sb="11" eb="13">
      <t>ジュウタク</t>
    </rPh>
    <rPh sb="55" eb="57">
      <t>トウロク</t>
    </rPh>
    <rPh sb="58" eb="59">
      <t>ウ</t>
    </rPh>
    <rPh sb="65" eb="67">
      <t>ヘイセツ</t>
    </rPh>
    <phoneticPr fontId="2"/>
  </si>
  <si>
    <t>事業所の
状況</t>
    <rPh sb="0" eb="3">
      <t>ジギョウショ</t>
    </rPh>
    <rPh sb="5" eb="7">
      <t>ジョウキョウ</t>
    </rPh>
    <phoneticPr fontId="2"/>
  </si>
  <si>
    <r>
      <t xml:space="preserve">事業所が提供する訪問サービスの提供に当たる常勤の従業者を２名以上配置している。
</t>
    </r>
    <r>
      <rPr>
        <sz val="8"/>
        <rFont val="HGSｺﾞｼｯｸM"/>
        <family val="3"/>
        <charset val="128"/>
      </rPr>
      <t>※ただし、看護小規模多機能型居宅介護の場合、看護サービスを除く。また、常勤の従業者については、保健師、看護師、准看護師、理学療法士、作業療法士、言語聴覚士を除く。</t>
    </r>
    <rPh sb="0" eb="3">
      <t>ジギョウショ</t>
    </rPh>
    <rPh sb="4" eb="6">
      <t>テイキョウ</t>
    </rPh>
    <rPh sb="8" eb="10">
      <t>ホウモン</t>
    </rPh>
    <rPh sb="15" eb="17">
      <t>テイキョウ</t>
    </rPh>
    <rPh sb="18" eb="19">
      <t>ア</t>
    </rPh>
    <rPh sb="21" eb="23">
      <t>ジョウキン</t>
    </rPh>
    <rPh sb="24" eb="27">
      <t>ジュウギョウシャ</t>
    </rPh>
    <rPh sb="29" eb="30">
      <t>メイ</t>
    </rPh>
    <rPh sb="30" eb="32">
      <t>イジョウ</t>
    </rPh>
    <rPh sb="32" eb="34">
      <t>ハイチ</t>
    </rPh>
    <rPh sb="45" eb="47">
      <t>カンゴ</t>
    </rPh>
    <rPh sb="47" eb="50">
      <t>ショウキボ</t>
    </rPh>
    <rPh sb="50" eb="53">
      <t>タキノウ</t>
    </rPh>
    <rPh sb="53" eb="54">
      <t>ガタ</t>
    </rPh>
    <rPh sb="54" eb="56">
      <t>キョタク</t>
    </rPh>
    <rPh sb="56" eb="58">
      <t>カイゴ</t>
    </rPh>
    <rPh sb="59" eb="61">
      <t>バアイ</t>
    </rPh>
    <rPh sb="62" eb="64">
      <t>カンゴ</t>
    </rPh>
    <rPh sb="69" eb="70">
      <t>ノゾ</t>
    </rPh>
    <rPh sb="75" eb="77">
      <t>ジョウキン</t>
    </rPh>
    <rPh sb="78" eb="81">
      <t>ジュウギョウシャ</t>
    </rPh>
    <rPh sb="87" eb="90">
      <t>ホケンシ</t>
    </rPh>
    <rPh sb="91" eb="94">
      <t>カンゴシ</t>
    </rPh>
    <rPh sb="95" eb="99">
      <t>ジュンカンゴシ</t>
    </rPh>
    <rPh sb="100" eb="102">
      <t>リガク</t>
    </rPh>
    <rPh sb="102" eb="105">
      <t>リョウホウシ</t>
    </rPh>
    <rPh sb="106" eb="108">
      <t>サギョウ</t>
    </rPh>
    <rPh sb="108" eb="111">
      <t>リョウホウシ</t>
    </rPh>
    <rPh sb="112" eb="114">
      <t>ゲンゴ</t>
    </rPh>
    <rPh sb="114" eb="117">
      <t>チョウカクシ</t>
    </rPh>
    <rPh sb="118" eb="119">
      <t>ノゾ</t>
    </rPh>
    <phoneticPr fontId="2"/>
  </si>
  <si>
    <t>職員配置の状況</t>
    <rPh sb="0" eb="2">
      <t>ショクイン</t>
    </rPh>
    <rPh sb="2" eb="4">
      <t>ハイチ</t>
    </rPh>
    <rPh sb="5" eb="7">
      <t>ジョウキョウ</t>
    </rPh>
    <phoneticPr fontId="2"/>
  </si>
  <si>
    <t>訪問体制強化加算に係る届出内容</t>
    <rPh sb="0" eb="2">
      <t>ホウモン</t>
    </rPh>
    <rPh sb="2" eb="4">
      <t>タイセイ</t>
    </rPh>
    <rPh sb="4" eb="6">
      <t>キョウカ</t>
    </rPh>
    <rPh sb="6" eb="8">
      <t>カサン</t>
    </rPh>
    <rPh sb="9" eb="10">
      <t>カカワ</t>
    </rPh>
    <rPh sb="11" eb="13">
      <t>トドケデ</t>
    </rPh>
    <rPh sb="13" eb="15">
      <t>ナイヨウ</t>
    </rPh>
    <phoneticPr fontId="2"/>
  </si>
  <si>
    <t>2　看護小規模多機能型居宅介護事業所</t>
    <phoneticPr fontId="2"/>
  </si>
  <si>
    <t>訪問体制強化加算に係る届出書</t>
    <rPh sb="0" eb="2">
      <t>ホウモン</t>
    </rPh>
    <rPh sb="2" eb="4">
      <t>タイセイ</t>
    </rPh>
    <rPh sb="4" eb="6">
      <t>キョウカ</t>
    </rPh>
    <rPh sb="6" eb="8">
      <t>カサン</t>
    </rPh>
    <rPh sb="9" eb="10">
      <t>カカ</t>
    </rPh>
    <rPh sb="11" eb="14">
      <t>トドケデショ</t>
    </rPh>
    <phoneticPr fontId="2"/>
  </si>
  <si>
    <t>（別紙45）</t>
    <phoneticPr fontId="2"/>
  </si>
  <si>
    <t>⑥ 利用者の安全並びに介護サービスの質の確保及び職員の負担軽減に資する方策を検討するための委員会を設置し、必要な検討等が行われている。</t>
    <phoneticPr fontId="2"/>
  </si>
  <si>
    <t>① 利用者数</t>
    <rPh sb="2" eb="4">
      <t>リヨウ</t>
    </rPh>
    <rPh sb="4" eb="5">
      <t>シャ</t>
    </rPh>
    <rPh sb="5" eb="6">
      <t>スウ</t>
    </rPh>
    <phoneticPr fontId="2"/>
  </si>
  <si>
    <t>２　見守り機器等を導入した場合の配置要件に該当する届出項目における必要事項</t>
    <rPh sb="16" eb="18">
      <t>ハイチ</t>
    </rPh>
    <rPh sb="18" eb="20">
      <t>ヨウケン</t>
    </rPh>
    <rPh sb="21" eb="23">
      <t>ガイトウ</t>
    </rPh>
    <rPh sb="25" eb="27">
      <t>トドケデ</t>
    </rPh>
    <rPh sb="27" eb="29">
      <t>コウモク</t>
    </rPh>
    <rPh sb="33" eb="35">
      <t>ヒツヨウ</t>
    </rPh>
    <rPh sb="35" eb="37">
      <t>ジコウ</t>
    </rPh>
    <phoneticPr fontId="2"/>
  </si>
  <si>
    <t>事業所内で宿直勤務に当たる者が１以上</t>
    <rPh sb="0" eb="3">
      <t>ジギョウショ</t>
    </rPh>
    <rPh sb="3" eb="4">
      <t>ナイ</t>
    </rPh>
    <rPh sb="5" eb="7">
      <t>シュクチョク</t>
    </rPh>
    <rPh sb="7" eb="9">
      <t>キンム</t>
    </rPh>
    <rPh sb="10" eb="11">
      <t>ア</t>
    </rPh>
    <rPh sb="13" eb="14">
      <t>モノ</t>
    </rPh>
    <phoneticPr fontId="2"/>
  </si>
  <si>
    <t>ハ</t>
    <phoneticPr fontId="2"/>
  </si>
  <si>
    <r>
      <t>見守り機器等を導入した場合で
常勤換算方法で0.9人以上の夜勤を行う介護従業者</t>
    </r>
    <r>
      <rPr>
        <sz val="9"/>
        <rFont val="HGSｺﾞｼｯｸM"/>
        <family val="3"/>
        <charset val="128"/>
      </rPr>
      <t xml:space="preserve">
※「２　見守り機器等を導入した場合の配置要件に該当する届出項目に
　おける必要事項」も記入すること。</t>
    </r>
    <rPh sb="15" eb="17">
      <t>ジョウキン</t>
    </rPh>
    <rPh sb="17" eb="19">
      <t>カンザン</t>
    </rPh>
    <rPh sb="19" eb="21">
      <t>ホウホウ</t>
    </rPh>
    <rPh sb="25" eb="28">
      <t>ニンイジョウ</t>
    </rPh>
    <rPh sb="29" eb="31">
      <t>ヤキン</t>
    </rPh>
    <rPh sb="32" eb="33">
      <t>オコナ</t>
    </rPh>
    <rPh sb="34" eb="36">
      <t>カイゴ</t>
    </rPh>
    <rPh sb="36" eb="39">
      <t>ジュウギョウシャ</t>
    </rPh>
    <phoneticPr fontId="2"/>
  </si>
  <si>
    <t>ロ</t>
    <phoneticPr fontId="2"/>
  </si>
  <si>
    <t>常勤換算方法で１人以上の夜勤を行う介護従業者</t>
    <rPh sb="0" eb="2">
      <t>ジョウキン</t>
    </rPh>
    <rPh sb="2" eb="4">
      <t>カンザン</t>
    </rPh>
    <rPh sb="4" eb="6">
      <t>ホウホウ</t>
    </rPh>
    <rPh sb="8" eb="11">
      <t>ニンイジョウ</t>
    </rPh>
    <rPh sb="12" eb="14">
      <t>ヤキン</t>
    </rPh>
    <rPh sb="15" eb="16">
      <t>オコナ</t>
    </rPh>
    <rPh sb="17" eb="19">
      <t>カイゴ</t>
    </rPh>
    <rPh sb="19" eb="22">
      <t>ジュウギョウシャ</t>
    </rPh>
    <phoneticPr fontId="2"/>
  </si>
  <si>
    <t>イ</t>
    <phoneticPr fontId="2"/>
  </si>
  <si>
    <t>④ ③へ加配をしている。</t>
    <phoneticPr fontId="2"/>
  </si>
  <si>
    <t>③ 共同生活住居１ごとに、夜間及び深夜の時間帯を通じて１の介護従業者を配置している。</t>
    <rPh sb="2" eb="4">
      <t>キョウドウ</t>
    </rPh>
    <rPh sb="4" eb="6">
      <t>セイカツ</t>
    </rPh>
    <rPh sb="6" eb="8">
      <t>ジュウキョ</t>
    </rPh>
    <rPh sb="13" eb="15">
      <t>ヤカン</t>
    </rPh>
    <rPh sb="15" eb="16">
      <t>オヨ</t>
    </rPh>
    <rPh sb="17" eb="19">
      <t>シンヤ</t>
    </rPh>
    <rPh sb="20" eb="23">
      <t>ジカンタイ</t>
    </rPh>
    <rPh sb="24" eb="25">
      <t>ツウ</t>
    </rPh>
    <rPh sb="29" eb="31">
      <t>カイゴ</t>
    </rPh>
    <rPh sb="31" eb="34">
      <t>ジュウギョウシャ</t>
    </rPh>
    <rPh sb="35" eb="37">
      <t>ハイチ</t>
    </rPh>
    <phoneticPr fontId="2"/>
  </si>
  <si>
    <t>② 定員超過利用・人員基準欠如に該当していない。</t>
    <rPh sb="2" eb="4">
      <t>テイイン</t>
    </rPh>
    <rPh sb="4" eb="6">
      <t>チョウカ</t>
    </rPh>
    <rPh sb="6" eb="8">
      <t>リヨウ</t>
    </rPh>
    <rPh sb="9" eb="11">
      <t>ジンイン</t>
    </rPh>
    <rPh sb="11" eb="13">
      <t>キジュン</t>
    </rPh>
    <rPh sb="13" eb="15">
      <t>ケツジョ</t>
    </rPh>
    <rPh sb="16" eb="18">
      <t>ガイトウ</t>
    </rPh>
    <phoneticPr fontId="2"/>
  </si>
  <si>
    <t>ユニット</t>
    <phoneticPr fontId="2"/>
  </si>
  <si>
    <t>① 共同生活住居の数</t>
    <rPh sb="2" eb="4">
      <t>キョウドウ</t>
    </rPh>
    <rPh sb="4" eb="6">
      <t>セイカツ</t>
    </rPh>
    <rPh sb="6" eb="8">
      <t>ジュウキョ</t>
    </rPh>
    <rPh sb="9" eb="10">
      <t>カズ</t>
    </rPh>
    <phoneticPr fontId="2"/>
  </si>
  <si>
    <t>１　夜間支援体制加算に係る届出内容</t>
    <rPh sb="2" eb="4">
      <t>ヤカン</t>
    </rPh>
    <rPh sb="4" eb="6">
      <t>シエン</t>
    </rPh>
    <phoneticPr fontId="2"/>
  </si>
  <si>
    <t>2　夜間支援体制加算（Ⅱ）</t>
    <rPh sb="2" eb="4">
      <t>ヤカン</t>
    </rPh>
    <rPh sb="4" eb="6">
      <t>シエン</t>
    </rPh>
    <rPh sb="6" eb="8">
      <t>タイセイ</t>
    </rPh>
    <rPh sb="8" eb="10">
      <t>カサン</t>
    </rPh>
    <phoneticPr fontId="2"/>
  </si>
  <si>
    <t>1　夜間支援体制加算（Ⅰ）</t>
    <rPh sb="2" eb="4">
      <t>ヤカン</t>
    </rPh>
    <rPh sb="4" eb="6">
      <t>シエン</t>
    </rPh>
    <rPh sb="6" eb="8">
      <t>タイセイ</t>
    </rPh>
    <rPh sb="8" eb="10">
      <t>カサン</t>
    </rPh>
    <phoneticPr fontId="2"/>
  </si>
  <si>
    <t>夜間支援体制加算に係る届出書（（介護予防）認知症対応型共同生活介護事業所）</t>
    <rPh sb="0" eb="2">
      <t>ヤカン</t>
    </rPh>
    <rPh sb="2" eb="4">
      <t>シエン</t>
    </rPh>
    <rPh sb="4" eb="6">
      <t>タイセイ</t>
    </rPh>
    <rPh sb="6" eb="8">
      <t>カサン</t>
    </rPh>
    <rPh sb="9" eb="10">
      <t>カカ</t>
    </rPh>
    <rPh sb="11" eb="14">
      <t>トドケデショ</t>
    </rPh>
    <rPh sb="16" eb="20">
      <t>カイゴヨボウ</t>
    </rPh>
    <rPh sb="21" eb="24">
      <t>ニンチショウ</t>
    </rPh>
    <rPh sb="24" eb="27">
      <t>タイオウガタ</t>
    </rPh>
    <rPh sb="27" eb="29">
      <t>キョウドウ</t>
    </rPh>
    <rPh sb="29" eb="31">
      <t>セイカツ</t>
    </rPh>
    <rPh sb="31" eb="33">
      <t>カイゴ</t>
    </rPh>
    <rPh sb="33" eb="36">
      <t>ジギョウショ</t>
    </rPh>
    <phoneticPr fontId="2"/>
  </si>
  <si>
    <t>（別紙46）</t>
    <phoneticPr fontId="2"/>
  </si>
  <si>
    <t>看護職員は事業所の職員又は当該事業所と密接な連携を確保できる範囲内の距離にある病院若しくは診療所若しくは訪問看護ステーションの職員に限る。</t>
    <rPh sb="0" eb="2">
      <t>カンゴ</t>
    </rPh>
    <rPh sb="2" eb="4">
      <t>ショクイン</t>
    </rPh>
    <rPh sb="5" eb="8">
      <t>ジギョウショ</t>
    </rPh>
    <rPh sb="9" eb="11">
      <t>ショクイン</t>
    </rPh>
    <rPh sb="11" eb="12">
      <t>マタ</t>
    </rPh>
    <rPh sb="13" eb="15">
      <t>トウガイ</t>
    </rPh>
    <rPh sb="15" eb="18">
      <t>ジギョウショ</t>
    </rPh>
    <rPh sb="19" eb="21">
      <t>ミッセツ</t>
    </rPh>
    <rPh sb="22" eb="24">
      <t>レンケイ</t>
    </rPh>
    <rPh sb="25" eb="27">
      <t>カクホ</t>
    </rPh>
    <rPh sb="30" eb="33">
      <t>ハンイナイ</t>
    </rPh>
    <rPh sb="34" eb="36">
      <t>キョリ</t>
    </rPh>
    <rPh sb="39" eb="41">
      <t>ビョウイン</t>
    </rPh>
    <rPh sb="41" eb="42">
      <t>モ</t>
    </rPh>
    <rPh sb="45" eb="48">
      <t>シンリョウショ</t>
    </rPh>
    <rPh sb="48" eb="49">
      <t>モ</t>
    </rPh>
    <rPh sb="52" eb="56">
      <t>ホウモンカンゴ</t>
    </rPh>
    <rPh sb="63" eb="65">
      <t>ショクイン</t>
    </rPh>
    <rPh sb="66" eb="67">
      <t>カギ</t>
    </rPh>
    <phoneticPr fontId="2"/>
  </si>
  <si>
    <t>「人生の最終段階における医療・ケアの決定プロセスに関するガイドライン」等の内容に沿った取組を行っている。</t>
    <rPh sb="1" eb="3">
      <t>ジンセイ</t>
    </rPh>
    <rPh sb="4" eb="6">
      <t>サイシュウ</t>
    </rPh>
    <rPh sb="6" eb="8">
      <t>ダンカイ</t>
    </rPh>
    <rPh sb="12" eb="14">
      <t>イリョウ</t>
    </rPh>
    <rPh sb="18" eb="20">
      <t>ケッテイ</t>
    </rPh>
    <rPh sb="25" eb="26">
      <t>カン</t>
    </rPh>
    <rPh sb="35" eb="36">
      <t>トウ</t>
    </rPh>
    <rPh sb="37" eb="39">
      <t>ナイヨウ</t>
    </rPh>
    <rPh sb="40" eb="41">
      <t>ソ</t>
    </rPh>
    <rPh sb="43" eb="45">
      <t>トリクミ</t>
    </rPh>
    <rPh sb="46" eb="47">
      <t>オコナ</t>
    </rPh>
    <phoneticPr fontId="2"/>
  </si>
  <si>
    <t>看取りに関する指針について、医師、看護職員（※）、介護職員、介護支援専門員その他の職種の者による協議の上、当該事業所における看取りの実績等を踏まえ、適宜、見直しを行う。</t>
    <rPh sb="0" eb="2">
      <t>ミト</t>
    </rPh>
    <rPh sb="4" eb="5">
      <t>カン</t>
    </rPh>
    <rPh sb="7" eb="9">
      <t>シシン</t>
    </rPh>
    <rPh sb="14" eb="16">
      <t>イシ</t>
    </rPh>
    <rPh sb="17" eb="19">
      <t>カンゴ</t>
    </rPh>
    <rPh sb="19" eb="21">
      <t>ショクイン</t>
    </rPh>
    <rPh sb="25" eb="27">
      <t>カイゴ</t>
    </rPh>
    <rPh sb="27" eb="29">
      <t>ショクイン</t>
    </rPh>
    <rPh sb="30" eb="32">
      <t>カイゴ</t>
    </rPh>
    <rPh sb="32" eb="34">
      <t>シエン</t>
    </rPh>
    <rPh sb="34" eb="37">
      <t>センモンイン</t>
    </rPh>
    <rPh sb="39" eb="40">
      <t>タ</t>
    </rPh>
    <rPh sb="41" eb="43">
      <t>ショクシュ</t>
    </rPh>
    <rPh sb="44" eb="45">
      <t>シャ</t>
    </rPh>
    <rPh sb="48" eb="50">
      <t>キョウギ</t>
    </rPh>
    <rPh sb="51" eb="52">
      <t>ウエ</t>
    </rPh>
    <rPh sb="53" eb="55">
      <t>トウガイ</t>
    </rPh>
    <rPh sb="55" eb="58">
      <t>ジギョウショ</t>
    </rPh>
    <rPh sb="62" eb="64">
      <t>ミト</t>
    </rPh>
    <rPh sb="66" eb="68">
      <t>ジッセキ</t>
    </rPh>
    <rPh sb="68" eb="69">
      <t>トウ</t>
    </rPh>
    <rPh sb="70" eb="71">
      <t>フ</t>
    </rPh>
    <rPh sb="74" eb="76">
      <t>テキギ</t>
    </rPh>
    <rPh sb="77" eb="79">
      <t>ミナオ</t>
    </rPh>
    <rPh sb="81" eb="82">
      <t>オコナ</t>
    </rPh>
    <phoneticPr fontId="2"/>
  </si>
  <si>
    <t>看取りに関する指針を定め、入居の際に、利用者又はその家族等に当該指針の内容を説明し、同意を得ている。</t>
    <rPh sb="4" eb="5">
      <t>カン</t>
    </rPh>
    <rPh sb="7" eb="9">
      <t>シシン</t>
    </rPh>
    <rPh sb="13" eb="15">
      <t>ニュウキョ</t>
    </rPh>
    <rPh sb="19" eb="21">
      <t>リヨウ</t>
    </rPh>
    <rPh sb="32" eb="34">
      <t>シシン</t>
    </rPh>
    <phoneticPr fontId="2"/>
  </si>
  <si>
    <t>医療連携体制加算（Ⅰ）イ～（Ⅰ）ハのいずれかを算定している。</t>
    <phoneticPr fontId="2"/>
  </si>
  <si>
    <t>看取り介護加算に係る届出内容</t>
    <rPh sb="0" eb="2">
      <t>ミト</t>
    </rPh>
    <rPh sb="3" eb="5">
      <t>カイゴ</t>
    </rPh>
    <rPh sb="5" eb="7">
      <t>カサン</t>
    </rPh>
    <rPh sb="8" eb="9">
      <t>カカワ</t>
    </rPh>
    <rPh sb="10" eb="12">
      <t>トドケデ</t>
    </rPh>
    <rPh sb="12" eb="14">
      <t>ナイヨウ</t>
    </rPh>
    <phoneticPr fontId="2"/>
  </si>
  <si>
    <t>看取り介護加算に係る届出書（認知症対応型共同生活介護事業所）</t>
    <rPh sb="0" eb="2">
      <t>ミト</t>
    </rPh>
    <rPh sb="3" eb="5">
      <t>カイゴ</t>
    </rPh>
    <rPh sb="5" eb="7">
      <t>カサン</t>
    </rPh>
    <rPh sb="8" eb="9">
      <t>カカ</t>
    </rPh>
    <rPh sb="10" eb="13">
      <t>トドケデショ</t>
    </rPh>
    <rPh sb="14" eb="17">
      <t>ニンチショウ</t>
    </rPh>
    <rPh sb="17" eb="20">
      <t>タイオウガタ</t>
    </rPh>
    <rPh sb="20" eb="22">
      <t>キョウドウ</t>
    </rPh>
    <rPh sb="22" eb="24">
      <t>セイカツ</t>
    </rPh>
    <rPh sb="24" eb="26">
      <t>カイゴ</t>
    </rPh>
    <rPh sb="26" eb="29">
      <t>ジギョウショ</t>
    </rPh>
    <phoneticPr fontId="2"/>
  </si>
  <si>
    <t>（別紙47）</t>
    <phoneticPr fontId="2"/>
  </si>
  <si>
    <t>※２</t>
    <phoneticPr fontId="2"/>
  </si>
  <si>
    <t>事業所の職員として配置している看護職員が准看護師のみである場合は、病院等の看護師により24時間連絡できる体制を確保することが必要。</t>
    <rPh sb="0" eb="3">
      <t>ジギョウショ</t>
    </rPh>
    <rPh sb="4" eb="6">
      <t>ショクイン</t>
    </rPh>
    <rPh sb="9" eb="11">
      <t>ハイチ</t>
    </rPh>
    <phoneticPr fontId="2"/>
  </si>
  <si>
    <t>※１</t>
    <phoneticPr fontId="2"/>
  </si>
  <si>
    <t>看護師により24時間連絡できる体制を確保している。</t>
    <rPh sb="0" eb="3">
      <t>カンゴシ</t>
    </rPh>
    <rPh sb="8" eb="10">
      <t>ジカン</t>
    </rPh>
    <rPh sb="10" eb="12">
      <t>レンラク</t>
    </rPh>
    <rPh sb="15" eb="17">
      <t>タイセイ</t>
    </rPh>
    <rPh sb="18" eb="20">
      <t>カクホ</t>
    </rPh>
    <phoneticPr fontId="2"/>
  </si>
  <si>
    <r>
      <t>事業所の職員として又は病院等</t>
    </r>
    <r>
      <rPr>
        <sz val="10"/>
        <rFont val="HGSｺﾞｼｯｸM"/>
        <family val="3"/>
        <charset val="128"/>
      </rPr>
      <t>（※２）</t>
    </r>
    <r>
      <rPr>
        <sz val="11"/>
        <rFont val="HGSｺﾞｼｯｸM"/>
        <family val="3"/>
        <charset val="128"/>
      </rPr>
      <t>との連携により、看護師を１名以上確保している。</t>
    </r>
    <rPh sb="0" eb="3">
      <t>ジギョウショ</t>
    </rPh>
    <rPh sb="4" eb="6">
      <t>ショクイン</t>
    </rPh>
    <rPh sb="9" eb="10">
      <t>マタ</t>
    </rPh>
    <rPh sb="11" eb="13">
      <t>ビョウイン</t>
    </rPh>
    <rPh sb="13" eb="14">
      <t>トウ</t>
    </rPh>
    <rPh sb="20" eb="22">
      <t>レンケイ</t>
    </rPh>
    <rPh sb="26" eb="29">
      <t>カンゴシ</t>
    </rPh>
    <rPh sb="31" eb="32">
      <t>メイ</t>
    </rPh>
    <rPh sb="32" eb="34">
      <t>イジョウ</t>
    </rPh>
    <rPh sb="34" eb="36">
      <t>カクホ</t>
    </rPh>
    <phoneticPr fontId="2"/>
  </si>
  <si>
    <t>看護体制の
状況</t>
    <rPh sb="0" eb="2">
      <t>カンゴ</t>
    </rPh>
    <rPh sb="2" eb="4">
      <t>タイセイ</t>
    </rPh>
    <rPh sb="6" eb="8">
      <t>ジョウキョウ</t>
    </rPh>
    <phoneticPr fontId="2"/>
  </si>
  <si>
    <t>・医療連携体制加算（Ⅰ）ハ</t>
    <rPh sb="1" eb="3">
      <t>イリョウ</t>
    </rPh>
    <rPh sb="3" eb="5">
      <t>レンケイ</t>
    </rPh>
    <rPh sb="5" eb="7">
      <t>タイセイ</t>
    </rPh>
    <rPh sb="7" eb="9">
      <t>カサン</t>
    </rPh>
    <phoneticPr fontId="2"/>
  </si>
  <si>
    <r>
      <t>事業所の職員である看護職員</t>
    </r>
    <r>
      <rPr>
        <sz val="10"/>
        <rFont val="HGSｺﾞｼｯｸM"/>
        <family val="3"/>
        <charset val="128"/>
      </rPr>
      <t>（※１）</t>
    </r>
    <r>
      <rPr>
        <sz val="11"/>
        <rFont val="HGSｺﾞｼｯｸM"/>
        <family val="3"/>
        <charset val="128"/>
      </rPr>
      <t>又は病院等の看護師との連携により24時間連絡できる体制を確保している。</t>
    </r>
    <rPh sb="0" eb="3">
      <t>ジギョウショ</t>
    </rPh>
    <rPh sb="4" eb="6">
      <t>ショクイン</t>
    </rPh>
    <rPh sb="9" eb="11">
      <t>カンゴ</t>
    </rPh>
    <rPh sb="11" eb="13">
      <t>ショクイン</t>
    </rPh>
    <rPh sb="17" eb="18">
      <t>マタ</t>
    </rPh>
    <rPh sb="19" eb="21">
      <t>ビョウイン</t>
    </rPh>
    <rPh sb="21" eb="22">
      <t>トウ</t>
    </rPh>
    <rPh sb="23" eb="26">
      <t>カンゴシ</t>
    </rPh>
    <rPh sb="28" eb="30">
      <t>レンケイ</t>
    </rPh>
    <rPh sb="35" eb="37">
      <t>ジカン</t>
    </rPh>
    <rPh sb="37" eb="39">
      <t>レンラク</t>
    </rPh>
    <rPh sb="42" eb="44">
      <t>タイセイ</t>
    </rPh>
    <rPh sb="45" eb="47">
      <t>カクホ</t>
    </rPh>
    <phoneticPr fontId="2"/>
  </si>
  <si>
    <t>事業所の職員として看護職員を常勤換算方法で１名以上配置している。</t>
    <rPh sb="0" eb="3">
      <t>ジギョウショ</t>
    </rPh>
    <rPh sb="4" eb="6">
      <t>ショクイン</t>
    </rPh>
    <rPh sb="9" eb="11">
      <t>カンゴ</t>
    </rPh>
    <rPh sb="11" eb="13">
      <t>ショクイン</t>
    </rPh>
    <rPh sb="14" eb="16">
      <t>ジョウキン</t>
    </rPh>
    <rPh sb="16" eb="18">
      <t>カンサン</t>
    </rPh>
    <rPh sb="18" eb="20">
      <t>ホウホウ</t>
    </rPh>
    <rPh sb="22" eb="23">
      <t>メイ</t>
    </rPh>
    <rPh sb="23" eb="25">
      <t>イジョウ</t>
    </rPh>
    <rPh sb="25" eb="27">
      <t>ハイチ</t>
    </rPh>
    <phoneticPr fontId="2"/>
  </si>
  <si>
    <t>・医療連携体制加算（Ⅰ）ロ</t>
    <rPh sb="1" eb="3">
      <t>イリョウ</t>
    </rPh>
    <rPh sb="3" eb="5">
      <t>レンケイ</t>
    </rPh>
    <rPh sb="5" eb="7">
      <t>タイセイ</t>
    </rPh>
    <rPh sb="7" eb="9">
      <t>カサン</t>
    </rPh>
    <phoneticPr fontId="2"/>
  </si>
  <si>
    <t>事業所の職員である看護師又は病院等の看護師との連携により24時間連絡できる体制を確保している。</t>
    <rPh sb="0" eb="3">
      <t>ジギョウショ</t>
    </rPh>
    <rPh sb="4" eb="6">
      <t>ショクイン</t>
    </rPh>
    <rPh sb="9" eb="12">
      <t>カンゴシ</t>
    </rPh>
    <rPh sb="12" eb="13">
      <t>マタ</t>
    </rPh>
    <rPh sb="14" eb="16">
      <t>ビョウイン</t>
    </rPh>
    <rPh sb="16" eb="17">
      <t>トウ</t>
    </rPh>
    <rPh sb="18" eb="21">
      <t>カンゴシ</t>
    </rPh>
    <rPh sb="23" eb="25">
      <t>レンケイ</t>
    </rPh>
    <rPh sb="30" eb="32">
      <t>ジカン</t>
    </rPh>
    <rPh sb="32" eb="34">
      <t>レンラク</t>
    </rPh>
    <rPh sb="37" eb="39">
      <t>タイセイ</t>
    </rPh>
    <rPh sb="40" eb="42">
      <t>カクホ</t>
    </rPh>
    <phoneticPr fontId="2"/>
  </si>
  <si>
    <t>事業所の職員として看護師を常勤換算方法で１名以上配置している。</t>
    <rPh sb="9" eb="12">
      <t>カンゴシ</t>
    </rPh>
    <rPh sb="21" eb="22">
      <t>メイ</t>
    </rPh>
    <rPh sb="24" eb="26">
      <t>ハイチ</t>
    </rPh>
    <phoneticPr fontId="2"/>
  </si>
  <si>
    <t>・医療連携体制加算（Ⅰ）イ</t>
    <rPh sb="1" eb="3">
      <t>イリョウ</t>
    </rPh>
    <rPh sb="3" eb="5">
      <t>レンケイ</t>
    </rPh>
    <rPh sb="5" eb="7">
      <t>タイセイ</t>
    </rPh>
    <rPh sb="7" eb="9">
      <t>カサン</t>
    </rPh>
    <phoneticPr fontId="2"/>
  </si>
  <si>
    <t>①で定めた指針の内容を、入居に際して利用者又はその家族等に説明し同意を得ている。</t>
    <rPh sb="2" eb="3">
      <t>サダ</t>
    </rPh>
    <rPh sb="27" eb="28">
      <t>トウ</t>
    </rPh>
    <phoneticPr fontId="2"/>
  </si>
  <si>
    <t>利用者が重度化した場合の対応に係る指針を定めている。</t>
    <rPh sb="0" eb="3">
      <t>リヨウシャ</t>
    </rPh>
    <phoneticPr fontId="2"/>
  </si>
  <si>
    <t>指針整備等の
状況</t>
    <rPh sb="0" eb="2">
      <t>シシン</t>
    </rPh>
    <rPh sb="2" eb="4">
      <t>セイビ</t>
    </rPh>
    <rPh sb="4" eb="5">
      <t>トウ</t>
    </rPh>
    <rPh sb="7" eb="9">
      <t>ジョウキョウ</t>
    </rPh>
    <phoneticPr fontId="2"/>
  </si>
  <si>
    <t>・医療連携体制加算（Ⅰ）イ～（Ⅰ）ハ共通</t>
    <rPh sb="1" eb="3">
      <t>イリョウ</t>
    </rPh>
    <rPh sb="3" eb="5">
      <t>レンケイ</t>
    </rPh>
    <rPh sb="5" eb="7">
      <t>タイセイ</t>
    </rPh>
    <rPh sb="7" eb="9">
      <t>カサン</t>
    </rPh>
    <rPh sb="18" eb="20">
      <t>キョウツウ</t>
    </rPh>
    <phoneticPr fontId="2"/>
  </si>
  <si>
    <t>○医療連携体制加算（Ⅰ）に係る届出内容</t>
    <phoneticPr fontId="2"/>
  </si>
  <si>
    <t>3　医療連携体制加算（Ⅰ）ハ</t>
    <rPh sb="2" eb="4">
      <t>イリョウ</t>
    </rPh>
    <rPh sb="4" eb="6">
      <t>レンケイ</t>
    </rPh>
    <rPh sb="6" eb="8">
      <t>タイセイ</t>
    </rPh>
    <rPh sb="8" eb="10">
      <t>カサン</t>
    </rPh>
    <phoneticPr fontId="2"/>
  </si>
  <si>
    <t>2　医療連携体制加算（Ⅰ）ロ</t>
    <rPh sb="2" eb="4">
      <t>イリョウ</t>
    </rPh>
    <rPh sb="4" eb="6">
      <t>レンケイ</t>
    </rPh>
    <rPh sb="6" eb="8">
      <t>タイセイ</t>
    </rPh>
    <rPh sb="8" eb="10">
      <t>カサン</t>
    </rPh>
    <phoneticPr fontId="2"/>
  </si>
  <si>
    <t>1　医療連携体制加算（Ⅰ）イ</t>
    <rPh sb="2" eb="4">
      <t>イリョウ</t>
    </rPh>
    <rPh sb="4" eb="6">
      <t>レンケイ</t>
    </rPh>
    <rPh sb="6" eb="8">
      <t>タイセイ</t>
    </rPh>
    <rPh sb="8" eb="10">
      <t>カサン</t>
    </rPh>
    <phoneticPr fontId="2"/>
  </si>
  <si>
    <t>医療連携体制加算（Ⅰ）に係る届出書（認知症対応型共同生活介護事業所）</t>
    <rPh sb="0" eb="2">
      <t>イリョウ</t>
    </rPh>
    <rPh sb="2" eb="4">
      <t>レンケイ</t>
    </rPh>
    <rPh sb="4" eb="6">
      <t>タイセイ</t>
    </rPh>
    <rPh sb="6" eb="8">
      <t>カサン</t>
    </rPh>
    <rPh sb="12" eb="13">
      <t>カカ</t>
    </rPh>
    <rPh sb="14" eb="17">
      <t>トドケデショ</t>
    </rPh>
    <rPh sb="18" eb="21">
      <t>ニンチショウ</t>
    </rPh>
    <rPh sb="21" eb="24">
      <t>タイオウガタ</t>
    </rPh>
    <rPh sb="24" eb="26">
      <t>キョウドウ</t>
    </rPh>
    <rPh sb="26" eb="28">
      <t>セイカツ</t>
    </rPh>
    <rPh sb="28" eb="30">
      <t>カイゴ</t>
    </rPh>
    <rPh sb="30" eb="33">
      <t>ジギョウショ</t>
    </rPh>
    <phoneticPr fontId="2"/>
  </si>
  <si>
    <t>（別紙48）</t>
    <phoneticPr fontId="2"/>
  </si>
  <si>
    <t>　（サ）インスリン注射を実施している状態</t>
    <rPh sb="9" eb="11">
      <t>チュウシャ</t>
    </rPh>
    <rPh sb="12" eb="14">
      <t>ジッシ</t>
    </rPh>
    <rPh sb="18" eb="20">
      <t>ジョウタイ</t>
    </rPh>
    <phoneticPr fontId="2"/>
  </si>
  <si>
    <t>　（コ）留置カテーテルを使用している状態</t>
    <rPh sb="4" eb="6">
      <t>リュウチ</t>
    </rPh>
    <rPh sb="12" eb="14">
      <t>シヨウ</t>
    </rPh>
    <rPh sb="18" eb="20">
      <t>ジョウタイ</t>
    </rPh>
    <phoneticPr fontId="2"/>
  </si>
  <si>
    <t>　（ケ）気管切開が行われている状態</t>
    <rPh sb="4" eb="6">
      <t>キカン</t>
    </rPh>
    <rPh sb="6" eb="8">
      <t>セッカイ</t>
    </rPh>
    <rPh sb="9" eb="10">
      <t>オコナ</t>
    </rPh>
    <rPh sb="15" eb="17">
      <t>ジョウタイ</t>
    </rPh>
    <phoneticPr fontId="2"/>
  </si>
  <si>
    <t>　（ク）褥瘡に対する治療を実施している状態</t>
    <rPh sb="4" eb="6">
      <t>ジョクソウ</t>
    </rPh>
    <rPh sb="7" eb="8">
      <t>タイ</t>
    </rPh>
    <rPh sb="10" eb="12">
      <t>チリョウ</t>
    </rPh>
    <rPh sb="13" eb="15">
      <t>ジッシ</t>
    </rPh>
    <rPh sb="19" eb="21">
      <t>ジョウタイ</t>
    </rPh>
    <phoneticPr fontId="2"/>
  </si>
  <si>
    <t>　（キ）経鼻胃管や胃瘻等の経腸栄養が行われている状態</t>
    <rPh sb="4" eb="6">
      <t>ケイビ</t>
    </rPh>
    <rPh sb="6" eb="7">
      <t>イ</t>
    </rPh>
    <rPh sb="7" eb="8">
      <t>カン</t>
    </rPh>
    <rPh sb="9" eb="11">
      <t>イロウ</t>
    </rPh>
    <rPh sb="11" eb="12">
      <t>トウ</t>
    </rPh>
    <rPh sb="13" eb="15">
      <t>ケイチョウ</t>
    </rPh>
    <rPh sb="15" eb="17">
      <t>エイヨウ</t>
    </rPh>
    <rPh sb="18" eb="19">
      <t>オコナ</t>
    </rPh>
    <rPh sb="24" eb="26">
      <t>ジョウタイ</t>
    </rPh>
    <phoneticPr fontId="2"/>
  </si>
  <si>
    <t>　（カ）人工膀胱又は人工肛門の処置を実施している状態</t>
    <rPh sb="4" eb="6">
      <t>ジンコウ</t>
    </rPh>
    <rPh sb="6" eb="8">
      <t>ボウコウ</t>
    </rPh>
    <rPh sb="8" eb="9">
      <t>マタ</t>
    </rPh>
    <rPh sb="10" eb="12">
      <t>ジンコウ</t>
    </rPh>
    <rPh sb="12" eb="14">
      <t>コウモン</t>
    </rPh>
    <rPh sb="15" eb="17">
      <t>ショチ</t>
    </rPh>
    <rPh sb="18" eb="20">
      <t>ジッシ</t>
    </rPh>
    <rPh sb="24" eb="26">
      <t>ジョウタイ</t>
    </rPh>
    <phoneticPr fontId="2"/>
  </si>
  <si>
    <t>　（オ）重篤な心機能障害、呼吸障害等により常時モニター測定を実施している状態</t>
    <rPh sb="4" eb="6">
      <t>ジュウトク</t>
    </rPh>
    <rPh sb="7" eb="8">
      <t>ココロ</t>
    </rPh>
    <rPh sb="8" eb="10">
      <t>キノウ</t>
    </rPh>
    <rPh sb="10" eb="12">
      <t>ショウガイ</t>
    </rPh>
    <rPh sb="13" eb="15">
      <t>コキュウ</t>
    </rPh>
    <rPh sb="15" eb="17">
      <t>ショウガイ</t>
    </rPh>
    <rPh sb="17" eb="18">
      <t>トウ</t>
    </rPh>
    <rPh sb="21" eb="23">
      <t>ジョウジ</t>
    </rPh>
    <rPh sb="27" eb="29">
      <t>ソクテイ</t>
    </rPh>
    <rPh sb="30" eb="32">
      <t>ジッシ</t>
    </rPh>
    <rPh sb="36" eb="38">
      <t>ジョウタイ</t>
    </rPh>
    <phoneticPr fontId="2"/>
  </si>
  <si>
    <t>　（エ）人工腎臓を実施している状態</t>
    <phoneticPr fontId="2"/>
  </si>
  <si>
    <t>　（ウ）中心静脈注射を実施している状態</t>
    <rPh sb="4" eb="6">
      <t>チュウシン</t>
    </rPh>
    <rPh sb="6" eb="8">
      <t>ジョウミャク</t>
    </rPh>
    <rPh sb="8" eb="10">
      <t>チュウシャ</t>
    </rPh>
    <rPh sb="11" eb="13">
      <t>ジッシシ</t>
    </rPh>
    <rPh sb="13" eb="19">
      <t>テイルジョウタイ</t>
    </rPh>
    <phoneticPr fontId="2"/>
  </si>
  <si>
    <t>　（イ）呼吸障害等により人工呼吸器を使用している状態</t>
    <phoneticPr fontId="2"/>
  </si>
  <si>
    <t>　（ア）喀痰吸引を実施している状態</t>
    <rPh sb="4" eb="6">
      <t>カクタン</t>
    </rPh>
    <rPh sb="6" eb="8">
      <t>キュウイン</t>
    </rPh>
    <rPh sb="9" eb="11">
      <t>ジッシ</t>
    </rPh>
    <rPh sb="15" eb="17">
      <t>ジョウタイ</t>
    </rPh>
    <phoneticPr fontId="2"/>
  </si>
  <si>
    <t>算定日の属する月の前３月間において、下記いずれかに該当する状態の利用者が１人以上である。</t>
    <phoneticPr fontId="2"/>
  </si>
  <si>
    <t>医療連携体制加算（Ⅱ）に係る届出内容</t>
    <rPh sb="0" eb="2">
      <t>イリョウ</t>
    </rPh>
    <rPh sb="2" eb="4">
      <t>レンケイ</t>
    </rPh>
    <rPh sb="4" eb="6">
      <t>タイセイ</t>
    </rPh>
    <rPh sb="6" eb="8">
      <t>カサン</t>
    </rPh>
    <phoneticPr fontId="2"/>
  </si>
  <si>
    <t>医療連携体制加算（Ⅱ）に係る届出書（認知症対応型共同生活介護事業所）</t>
    <rPh sb="0" eb="2">
      <t>イリョウ</t>
    </rPh>
    <rPh sb="2" eb="4">
      <t>レンケイ</t>
    </rPh>
    <rPh sb="4" eb="6">
      <t>タイセイ</t>
    </rPh>
    <rPh sb="6" eb="8">
      <t>カサン</t>
    </rPh>
    <rPh sb="12" eb="13">
      <t>カカ</t>
    </rPh>
    <rPh sb="14" eb="17">
      <t>トドケデショ</t>
    </rPh>
    <rPh sb="18" eb="21">
      <t>ニンチショウ</t>
    </rPh>
    <rPh sb="21" eb="24">
      <t>タイオウガタ</t>
    </rPh>
    <rPh sb="24" eb="26">
      <t>キョウドウ</t>
    </rPh>
    <rPh sb="26" eb="28">
      <t>セイカツ</t>
    </rPh>
    <rPh sb="28" eb="30">
      <t>カイゴ</t>
    </rPh>
    <rPh sb="30" eb="33">
      <t>ジギョウショ</t>
    </rPh>
    <phoneticPr fontId="2"/>
  </si>
  <si>
    <t>（別紙48－2）</t>
    <phoneticPr fontId="2"/>
  </si>
  <si>
    <t>サテライト型看護小規模多機能型居宅介護事業所における訪問看護体制減算の届出</t>
    <rPh sb="35" eb="37">
      <t>トドケデ</t>
    </rPh>
    <phoneticPr fontId="2"/>
  </si>
  <si>
    <t>サテライト型看護小規模多機能型居宅介護事業所の本体事業所における訪問看護体制減算の届出</t>
    <rPh sb="41" eb="43">
      <t>トドケデ</t>
    </rPh>
    <phoneticPr fontId="2"/>
  </si>
  <si>
    <t>１　訪問看護体制減
　算の届出状況</t>
    <rPh sb="2" eb="4">
      <t>ホウモン</t>
    </rPh>
    <rPh sb="4" eb="6">
      <t>カンゴ</t>
    </rPh>
    <rPh sb="6" eb="8">
      <t>タイセイ</t>
    </rPh>
    <rPh sb="8" eb="9">
      <t>ゲン</t>
    </rPh>
    <rPh sb="11" eb="12">
      <t>サン</t>
    </rPh>
    <rPh sb="13" eb="15">
      <t>トドケデ</t>
    </rPh>
    <rPh sb="15" eb="17">
      <t>ジョウキョウ</t>
    </rPh>
    <phoneticPr fontId="2"/>
  </si>
  <si>
    <t>○　サテライト体制未整備減算に係る届出内容</t>
    <rPh sb="7" eb="9">
      <t>タイセイ</t>
    </rPh>
    <rPh sb="9" eb="12">
      <t>ミセイビ</t>
    </rPh>
    <phoneticPr fontId="2"/>
  </si>
  <si>
    <t>①に占める②の割合が
５％未満</t>
    <rPh sb="2" eb="3">
      <t>シ</t>
    </rPh>
    <rPh sb="7" eb="8">
      <t>ワリ</t>
    </rPh>
    <rPh sb="8" eb="9">
      <t>ゴウ</t>
    </rPh>
    <rPh sb="13" eb="15">
      <t>ミマン</t>
    </rPh>
    <phoneticPr fontId="2"/>
  </si>
  <si>
    <t>前３か月間の実利用者の総数</t>
    <phoneticPr fontId="2"/>
  </si>
  <si>
    <t>３　特別管理加算の
　算定状況</t>
    <phoneticPr fontId="2"/>
  </si>
  <si>
    <t>①に占める②の割合が
３０％未満</t>
    <rPh sb="2" eb="3">
      <t>シ</t>
    </rPh>
    <rPh sb="7" eb="8">
      <t>ワリ</t>
    </rPh>
    <rPh sb="8" eb="9">
      <t>ゴウ</t>
    </rPh>
    <rPh sb="14" eb="16">
      <t>ミマン</t>
    </rPh>
    <phoneticPr fontId="2"/>
  </si>
  <si>
    <t>２　緊急時訪問看護
　加算の算定状況</t>
    <phoneticPr fontId="2"/>
  </si>
  <si>
    <t>①のうち主治の医師の指示に基づき看護サービスを提供した実利用者数</t>
    <phoneticPr fontId="2"/>
  </si>
  <si>
    <t>１　看護サービスの
　提供状況</t>
    <rPh sb="2" eb="4">
      <t>カンゴ</t>
    </rPh>
    <rPh sb="11" eb="13">
      <t>テイキョウ</t>
    </rPh>
    <rPh sb="13" eb="15">
      <t>ジョウキョウ</t>
    </rPh>
    <phoneticPr fontId="2"/>
  </si>
  <si>
    <t>○　訪問看護体制減算に係る届出内容</t>
    <phoneticPr fontId="2"/>
  </si>
  <si>
    <t>５　登録特定行為事業者又は登録喀痰吸引等事業者として届出がなされている</t>
    <phoneticPr fontId="2"/>
  </si>
  <si>
    <t>４　ターミナルケア
　加算の算定状況</t>
    <phoneticPr fontId="2"/>
  </si>
  <si>
    <t>２　緊急時訪問看護
　加算の算定状況</t>
    <rPh sb="2" eb="5">
      <t>キンキュウジ</t>
    </rPh>
    <rPh sb="5" eb="7">
      <t>ホウモン</t>
    </rPh>
    <rPh sb="7" eb="9">
      <t>カンゴ</t>
    </rPh>
    <rPh sb="11" eb="13">
      <t>カサン</t>
    </rPh>
    <rPh sb="14" eb="16">
      <t>サンテイ</t>
    </rPh>
    <rPh sb="16" eb="18">
      <t>ジョウキョウ</t>
    </rPh>
    <phoneticPr fontId="2"/>
  </si>
  <si>
    <t>①に占める②の割合が
８０％以上</t>
    <rPh sb="2" eb="3">
      <t>シ</t>
    </rPh>
    <rPh sb="7" eb="8">
      <t>ワリ</t>
    </rPh>
    <rPh sb="8" eb="9">
      <t>ゴウ</t>
    </rPh>
    <rPh sb="14" eb="16">
      <t>イジョウ</t>
    </rPh>
    <phoneticPr fontId="2"/>
  </si>
  <si>
    <t>○　看護体制強化加算に係る届出内容</t>
    <phoneticPr fontId="2"/>
  </si>
  <si>
    <t>４  サテライト体制未整備減算</t>
    <phoneticPr fontId="2"/>
  </si>
  <si>
    <t>３  訪問看護体制減算</t>
    <phoneticPr fontId="2"/>
  </si>
  <si>
    <t>届出項目</t>
    <rPh sb="0" eb="2">
      <t>トドケデ</t>
    </rPh>
    <rPh sb="2" eb="4">
      <t>コウモク</t>
    </rPh>
    <phoneticPr fontId="2"/>
  </si>
  <si>
    <t>看護体制及びサテライト体制に係る届出書（看護小規模多機能型居宅介護事業所）</t>
    <rPh sb="4" eb="5">
      <t>オヨ</t>
    </rPh>
    <rPh sb="11" eb="13">
      <t>タイセイ</t>
    </rPh>
    <phoneticPr fontId="2"/>
  </si>
  <si>
    <t>（別紙49）</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7">
    <numFmt numFmtId="176" formatCode="0.0_ "/>
    <numFmt numFmtId="177" formatCode="0.0%"/>
    <numFmt numFmtId="178" formatCode="0.0"/>
    <numFmt numFmtId="179" formatCode="#,##0.0;[Red]\-#,##0.0"/>
    <numFmt numFmtId="180" formatCode="####&quot;年&quot;"/>
    <numFmt numFmtId="181" formatCode="0.000"/>
    <numFmt numFmtId="182" formatCode="[&lt;=999]000;[&lt;=9999]000\-00;000\-0000"/>
  </numFmts>
  <fonts count="45" x14ac:knownFonts="1">
    <font>
      <sz val="11"/>
      <name val="ＭＳ Ｐゴシック"/>
      <family val="3"/>
      <charset val="128"/>
    </font>
    <font>
      <sz val="11"/>
      <name val="ＭＳ Ｐゴシック"/>
      <family val="3"/>
      <charset val="128"/>
    </font>
    <font>
      <sz val="6"/>
      <name val="ＭＳ Ｐゴシック"/>
      <family val="3"/>
      <charset val="128"/>
    </font>
    <font>
      <sz val="11"/>
      <name val="HGSｺﾞｼｯｸM"/>
      <family val="3"/>
      <charset val="128"/>
    </font>
    <font>
      <sz val="10"/>
      <name val="HGSｺﾞｼｯｸM"/>
      <family val="3"/>
      <charset val="128"/>
    </font>
    <font>
      <u/>
      <sz val="11"/>
      <name val="HGSｺﾞｼｯｸM"/>
      <family val="3"/>
      <charset val="128"/>
    </font>
    <font>
      <sz val="14"/>
      <name val="HGSｺﾞｼｯｸM"/>
      <family val="3"/>
      <charset val="128"/>
    </font>
    <font>
      <sz val="12"/>
      <name val="HGSｺﾞｼｯｸM"/>
      <family val="3"/>
      <charset val="128"/>
    </font>
    <font>
      <sz val="12"/>
      <name val="HGPｺﾞｼｯｸE"/>
      <family val="3"/>
      <charset val="128"/>
    </font>
    <font>
      <sz val="10.5"/>
      <name val="HGSｺﾞｼｯｸM"/>
      <family val="3"/>
      <charset val="128"/>
    </font>
    <font>
      <sz val="20"/>
      <name val="HGSｺﾞｼｯｸM"/>
      <family val="3"/>
      <charset val="128"/>
    </font>
    <font>
      <sz val="11"/>
      <color theme="1"/>
      <name val="游ゴシック"/>
      <family val="3"/>
      <charset val="128"/>
      <scheme val="minor"/>
    </font>
    <font>
      <sz val="12"/>
      <color theme="1"/>
      <name val="游ゴシック"/>
      <family val="3"/>
      <charset val="128"/>
      <scheme val="minor"/>
    </font>
    <font>
      <sz val="9"/>
      <color theme="1"/>
      <name val="游ゴシック"/>
      <family val="3"/>
      <charset val="128"/>
      <scheme val="minor"/>
    </font>
    <font>
      <sz val="11"/>
      <name val="游ゴシック"/>
      <family val="3"/>
      <charset val="128"/>
      <scheme val="minor"/>
    </font>
    <font>
      <u/>
      <sz val="11"/>
      <name val="ＭＳ Ｐゴシック"/>
      <family val="3"/>
      <charset val="128"/>
    </font>
    <font>
      <sz val="8"/>
      <color theme="1"/>
      <name val="游ゴシック"/>
      <family val="3"/>
      <charset val="128"/>
      <scheme val="minor"/>
    </font>
    <font>
      <b/>
      <sz val="11"/>
      <color theme="1"/>
      <name val="游ゴシック"/>
      <family val="3"/>
      <charset val="128"/>
      <scheme val="minor"/>
    </font>
    <font>
      <b/>
      <u/>
      <sz val="16"/>
      <color theme="1"/>
      <name val="游ゴシック"/>
      <family val="3"/>
      <charset val="128"/>
      <scheme val="minor"/>
    </font>
    <font>
      <sz val="11"/>
      <color indexed="8"/>
      <name val="ＭＳ Ｐゴシック"/>
      <family val="3"/>
      <charset val="128"/>
    </font>
    <font>
      <sz val="9"/>
      <name val="HGSｺﾞｼｯｸM"/>
      <family val="3"/>
      <charset val="128"/>
    </font>
    <font>
      <b/>
      <sz val="11"/>
      <name val="HGSｺﾞｼｯｸM"/>
      <family val="3"/>
      <charset val="128"/>
    </font>
    <font>
      <strike/>
      <sz val="11"/>
      <name val="HGSｺﾞｼｯｸM"/>
      <family val="3"/>
      <charset val="128"/>
    </font>
    <font>
      <sz val="11"/>
      <color theme="1"/>
      <name val="HGSｺﾞｼｯｸM"/>
      <family val="3"/>
      <charset val="128"/>
    </font>
    <font>
      <sz val="10"/>
      <color theme="1"/>
      <name val="HGSｺﾞｼｯｸM"/>
      <family val="3"/>
      <charset val="128"/>
    </font>
    <font>
      <sz val="11"/>
      <color rgb="FFFF0000"/>
      <name val="HGSｺﾞｼｯｸM"/>
      <family val="3"/>
      <charset val="128"/>
    </font>
    <font>
      <b/>
      <sz val="11"/>
      <color rgb="FFFF0000"/>
      <name val="HGSｺﾞｼｯｸM"/>
      <family val="3"/>
      <charset val="128"/>
    </font>
    <font>
      <sz val="9"/>
      <color theme="1"/>
      <name val="HGSｺﾞｼｯｸM"/>
      <family val="3"/>
      <charset val="128"/>
    </font>
    <font>
      <b/>
      <u/>
      <sz val="11"/>
      <color theme="1"/>
      <name val="HGSｺﾞｼｯｸM"/>
      <family val="3"/>
      <charset val="128"/>
    </font>
    <font>
      <b/>
      <u/>
      <sz val="11"/>
      <name val="HGSｺﾞｼｯｸM"/>
      <family val="3"/>
      <charset val="128"/>
    </font>
    <font>
      <sz val="8"/>
      <name val="HGSｺﾞｼｯｸM"/>
      <family val="3"/>
      <charset val="128"/>
    </font>
    <font>
      <strike/>
      <sz val="10"/>
      <name val="HGSｺﾞｼｯｸM"/>
      <family val="3"/>
      <charset val="128"/>
    </font>
    <font>
      <u/>
      <sz val="8"/>
      <color indexed="10"/>
      <name val="HGSｺﾞｼｯｸM"/>
      <family val="3"/>
      <charset val="128"/>
    </font>
    <font>
      <sz val="7"/>
      <name val="HGSｺﾞｼｯｸM"/>
      <family val="3"/>
      <charset val="128"/>
    </font>
    <font>
      <strike/>
      <sz val="9"/>
      <color rgb="FFFF0000"/>
      <name val="HGSｺﾞｼｯｸM"/>
      <family val="3"/>
      <charset val="128"/>
    </font>
    <font>
      <b/>
      <sz val="8"/>
      <name val="HGSｺﾞｼｯｸM"/>
      <family val="3"/>
      <charset val="128"/>
    </font>
    <font>
      <b/>
      <u/>
      <sz val="11"/>
      <color theme="1"/>
      <name val="游ゴシック"/>
      <family val="3"/>
      <charset val="128"/>
      <scheme val="minor"/>
    </font>
    <font>
      <b/>
      <sz val="12"/>
      <name val="HGSｺﾞｼｯｸM"/>
      <family val="3"/>
      <charset val="128"/>
    </font>
    <font>
      <b/>
      <sz val="10"/>
      <name val="HGSｺﾞｼｯｸM"/>
      <family val="3"/>
      <charset val="128"/>
    </font>
    <font>
      <sz val="10"/>
      <name val="ＭＳ Ｐゴシック"/>
      <family val="3"/>
      <charset val="128"/>
    </font>
    <font>
      <vertAlign val="superscript"/>
      <sz val="10"/>
      <name val="HGSｺﾞｼｯｸM"/>
      <family val="3"/>
      <charset val="128"/>
    </font>
    <font>
      <sz val="11"/>
      <color indexed="8"/>
      <name val="HGSｺﾞｼｯｸM"/>
      <family val="3"/>
      <charset val="128"/>
    </font>
    <font>
      <sz val="10"/>
      <color indexed="8"/>
      <name val="HGSｺﾞｼｯｸM"/>
      <family val="3"/>
      <charset val="128"/>
    </font>
    <font>
      <sz val="10"/>
      <name val="HGPｺﾞｼｯｸM"/>
      <family val="3"/>
      <charset val="128"/>
    </font>
    <font>
      <sz val="11"/>
      <name val="HGPｺﾞｼｯｸM"/>
      <family val="3"/>
      <charset val="128"/>
    </font>
  </fonts>
  <fills count="6">
    <fill>
      <patternFill patternType="none"/>
    </fill>
    <fill>
      <patternFill patternType="gray125"/>
    </fill>
    <fill>
      <patternFill patternType="solid">
        <fgColor indexed="9"/>
        <bgColor indexed="64"/>
      </patternFill>
    </fill>
    <fill>
      <patternFill patternType="solid">
        <fgColor theme="0"/>
        <bgColor indexed="64"/>
      </patternFill>
    </fill>
    <fill>
      <patternFill patternType="solid">
        <fgColor rgb="FFCCFFFF"/>
        <bgColor indexed="64"/>
      </patternFill>
    </fill>
    <fill>
      <patternFill patternType="solid">
        <fgColor rgb="FFFFFFCC"/>
        <bgColor indexed="64"/>
      </patternFill>
    </fill>
  </fills>
  <borders count="72">
    <border>
      <left/>
      <right/>
      <top/>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right/>
      <top/>
      <bottom style="thin">
        <color indexed="64"/>
      </bottom>
      <diagonal/>
    </border>
    <border>
      <left style="thin">
        <color indexed="64"/>
      </left>
      <right/>
      <top/>
      <bottom style="thin">
        <color indexed="64"/>
      </bottom>
      <diagonal/>
    </border>
    <border>
      <left style="thin">
        <color indexed="64"/>
      </left>
      <right style="thin">
        <color indexed="64"/>
      </right>
      <top/>
      <bottom style="thin">
        <color indexed="64"/>
      </bottom>
      <diagonal/>
    </border>
    <border>
      <left/>
      <right style="thin">
        <color indexed="64"/>
      </right>
      <top/>
      <bottom/>
      <diagonal/>
    </border>
    <border>
      <left style="thin">
        <color indexed="64"/>
      </left>
      <right/>
      <top/>
      <bottom/>
      <diagonal/>
    </border>
    <border>
      <left style="thin">
        <color indexed="64"/>
      </left>
      <right style="thin">
        <color indexed="64"/>
      </right>
      <top/>
      <bottom/>
      <diagonal/>
    </border>
    <border>
      <left/>
      <right style="thin">
        <color indexed="64"/>
      </right>
      <top style="thin">
        <color indexed="64"/>
      </top>
      <bottom/>
      <diagonal/>
    </border>
    <border>
      <left/>
      <right/>
      <top style="thin">
        <color indexed="64"/>
      </top>
      <bottom/>
      <diagonal/>
    </border>
    <border>
      <left style="thin">
        <color indexed="64"/>
      </left>
      <right/>
      <top style="thin">
        <color indexed="64"/>
      </top>
      <bottom/>
      <diagonal/>
    </border>
    <border>
      <left style="thin">
        <color indexed="64"/>
      </left>
      <right style="thin">
        <color indexed="64"/>
      </right>
      <top style="thin">
        <color indexed="64"/>
      </top>
      <bottom/>
      <diagonal/>
    </border>
    <border>
      <left/>
      <right style="thin">
        <color indexed="64"/>
      </right>
      <top style="double">
        <color indexed="64"/>
      </top>
      <bottom style="thin">
        <color indexed="64"/>
      </bottom>
      <diagonal/>
    </border>
    <border>
      <left style="thin">
        <color indexed="64"/>
      </left>
      <right/>
      <top style="double">
        <color indexed="64"/>
      </top>
      <bottom style="thin">
        <color indexed="64"/>
      </bottom>
      <diagonal/>
    </border>
    <border>
      <left/>
      <right/>
      <top style="double">
        <color indexed="64"/>
      </top>
      <bottom style="thin">
        <color indexed="64"/>
      </bottom>
      <diagonal/>
    </border>
    <border>
      <left/>
      <right style="thin">
        <color indexed="64"/>
      </right>
      <top style="thin">
        <color indexed="64"/>
      </top>
      <bottom style="double">
        <color indexed="64"/>
      </bottom>
      <diagonal/>
    </border>
    <border>
      <left style="thin">
        <color indexed="64"/>
      </left>
      <right/>
      <top style="thin">
        <color indexed="64"/>
      </top>
      <bottom style="double">
        <color indexed="64"/>
      </bottom>
      <diagonal/>
    </border>
    <border>
      <left/>
      <right/>
      <top style="thin">
        <color indexed="64"/>
      </top>
      <bottom style="double">
        <color indexed="64"/>
      </bottom>
      <diagonal/>
    </border>
    <border>
      <left/>
      <right/>
      <top style="dashed">
        <color indexed="64"/>
      </top>
      <bottom/>
      <diagonal/>
    </border>
    <border>
      <left/>
      <right style="thin">
        <color indexed="64"/>
      </right>
      <top/>
      <bottom style="dashed">
        <color indexed="64"/>
      </bottom>
      <diagonal/>
    </border>
    <border>
      <left/>
      <right/>
      <top/>
      <bottom style="dashed">
        <color indexed="64"/>
      </bottom>
      <diagonal/>
    </border>
    <border>
      <left style="thin">
        <color indexed="64"/>
      </left>
      <right/>
      <top/>
      <bottom style="dashed">
        <color indexed="64"/>
      </bottom>
      <diagonal/>
    </border>
    <border diagonalUp="1">
      <left/>
      <right style="thin">
        <color indexed="64"/>
      </right>
      <top style="thin">
        <color indexed="64"/>
      </top>
      <bottom style="thin">
        <color indexed="64"/>
      </bottom>
      <diagonal style="thin">
        <color indexed="64"/>
      </diagonal>
    </border>
    <border diagonalUp="1">
      <left/>
      <right/>
      <top style="thin">
        <color indexed="64"/>
      </top>
      <bottom style="thin">
        <color indexed="64"/>
      </bottom>
      <diagonal style="thin">
        <color indexed="64"/>
      </diagonal>
    </border>
    <border diagonalUp="1">
      <left style="thin">
        <color indexed="64"/>
      </left>
      <right/>
      <top style="thin">
        <color indexed="64"/>
      </top>
      <bottom style="thin">
        <color indexed="64"/>
      </bottom>
      <diagonal style="thin">
        <color indexed="64"/>
      </diagonal>
    </border>
    <border>
      <left/>
      <right/>
      <top/>
      <bottom style="double">
        <color indexed="64"/>
      </bottom>
      <diagonal/>
    </border>
    <border>
      <left/>
      <right/>
      <top/>
      <bottom style="hair">
        <color indexed="64"/>
      </bottom>
      <diagonal/>
    </border>
    <border>
      <left/>
      <right style="thin">
        <color indexed="64"/>
      </right>
      <top/>
      <bottom style="double">
        <color indexed="64"/>
      </bottom>
      <diagonal/>
    </border>
    <border>
      <left style="thin">
        <color indexed="64"/>
      </left>
      <right/>
      <top/>
      <bottom style="double">
        <color indexed="64"/>
      </bottom>
      <diagonal/>
    </border>
    <border>
      <left style="dashed">
        <color indexed="64"/>
      </left>
      <right style="thin">
        <color indexed="64"/>
      </right>
      <top style="thin">
        <color indexed="64"/>
      </top>
      <bottom style="thin">
        <color indexed="64"/>
      </bottom>
      <diagonal/>
    </border>
    <border>
      <left style="dashed">
        <color indexed="64"/>
      </left>
      <right style="dashed">
        <color indexed="64"/>
      </right>
      <top style="thin">
        <color indexed="64"/>
      </top>
      <bottom style="thin">
        <color indexed="64"/>
      </bottom>
      <diagonal/>
    </border>
    <border>
      <left style="thin">
        <color indexed="64"/>
      </left>
      <right style="dashed">
        <color indexed="64"/>
      </right>
      <top style="thin">
        <color indexed="64"/>
      </top>
      <bottom style="thin">
        <color indexed="64"/>
      </bottom>
      <diagonal/>
    </border>
    <border>
      <left/>
      <right style="thin">
        <color indexed="64"/>
      </right>
      <top style="double">
        <color indexed="64"/>
      </top>
      <bottom/>
      <diagonal/>
    </border>
    <border>
      <left/>
      <right/>
      <top style="double">
        <color indexed="64"/>
      </top>
      <bottom/>
      <diagonal/>
    </border>
    <border>
      <left style="thin">
        <color indexed="64"/>
      </left>
      <right/>
      <top style="double">
        <color indexed="64"/>
      </top>
      <bottom/>
      <diagonal/>
    </border>
    <border>
      <left style="thin">
        <color indexed="64"/>
      </left>
      <right style="thin">
        <color indexed="64"/>
      </right>
      <top style="double">
        <color indexed="64"/>
      </top>
      <bottom style="thin">
        <color indexed="64"/>
      </bottom>
      <diagonal/>
    </border>
    <border>
      <left style="double">
        <color indexed="64"/>
      </left>
      <right style="thin">
        <color indexed="64"/>
      </right>
      <top style="thin">
        <color indexed="64"/>
      </top>
      <bottom style="thin">
        <color indexed="64"/>
      </bottom>
      <diagonal/>
    </border>
    <border>
      <left style="double">
        <color indexed="64"/>
      </left>
      <right style="thin">
        <color indexed="64"/>
      </right>
      <top/>
      <bottom style="thin">
        <color indexed="64"/>
      </bottom>
      <diagonal/>
    </border>
    <border>
      <left style="double">
        <color indexed="64"/>
      </left>
      <right style="thin">
        <color indexed="64"/>
      </right>
      <top/>
      <bottom/>
      <diagonal/>
    </border>
    <border>
      <left style="double">
        <color indexed="64"/>
      </left>
      <right style="thin">
        <color indexed="64"/>
      </right>
      <top style="thin">
        <color indexed="64"/>
      </top>
      <bottom/>
      <diagonal/>
    </border>
    <border>
      <left/>
      <right style="double">
        <color indexed="64"/>
      </right>
      <top style="thin">
        <color indexed="64"/>
      </top>
      <bottom style="thin">
        <color indexed="64"/>
      </bottom>
      <diagonal/>
    </border>
    <border>
      <left style="thin">
        <color indexed="64"/>
      </left>
      <right style="thin">
        <color indexed="64"/>
      </right>
      <top style="hair">
        <color indexed="64"/>
      </top>
      <bottom style="thin">
        <color indexed="64"/>
      </bottom>
      <diagonal/>
    </border>
    <border>
      <left style="thin">
        <color indexed="64"/>
      </left>
      <right style="thin">
        <color indexed="64"/>
      </right>
      <top/>
      <bottom style="hair">
        <color indexed="64"/>
      </bottom>
      <diagonal/>
    </border>
    <border>
      <left style="thin">
        <color indexed="64"/>
      </left>
      <right style="thin">
        <color indexed="64"/>
      </right>
      <top style="thin">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thin">
        <color indexed="64"/>
      </bottom>
      <diagonal/>
    </border>
    <border>
      <left/>
      <right/>
      <top style="hair">
        <color indexed="64"/>
      </top>
      <bottom style="thin">
        <color indexed="64"/>
      </bottom>
      <diagonal/>
    </border>
    <border>
      <left style="thin">
        <color indexed="64"/>
      </left>
      <right/>
      <top style="hair">
        <color indexed="64"/>
      </top>
      <bottom style="thin">
        <color indexed="64"/>
      </bottom>
      <diagonal/>
    </border>
    <border>
      <left/>
      <right style="thin">
        <color indexed="64"/>
      </right>
      <top/>
      <bottom style="hair">
        <color indexed="64"/>
      </bottom>
      <diagonal/>
    </border>
    <border>
      <left style="thin">
        <color indexed="64"/>
      </left>
      <right/>
      <top/>
      <bottom style="hair">
        <color indexed="64"/>
      </bottom>
      <diagonal/>
    </border>
    <border>
      <left/>
      <right/>
      <top style="thin">
        <color indexed="64"/>
      </top>
      <bottom style="hair">
        <color indexed="64"/>
      </bottom>
      <diagonal/>
    </border>
    <border>
      <left/>
      <right style="medium">
        <color indexed="64"/>
      </right>
      <top/>
      <bottom style="medium">
        <color indexed="64"/>
      </bottom>
      <diagonal/>
    </border>
    <border>
      <left style="medium">
        <color indexed="64"/>
      </left>
      <right/>
      <top/>
      <bottom style="medium">
        <color indexed="64"/>
      </bottom>
      <diagonal/>
    </border>
    <border>
      <left/>
      <right style="medium">
        <color indexed="64"/>
      </right>
      <top style="medium">
        <color indexed="64"/>
      </top>
      <bottom/>
      <diagonal/>
    </border>
    <border>
      <left style="medium">
        <color indexed="64"/>
      </left>
      <right/>
      <top style="medium">
        <color indexed="64"/>
      </top>
      <bottom/>
      <diagonal/>
    </border>
    <border>
      <left/>
      <right/>
      <top style="medium">
        <color indexed="64"/>
      </top>
      <bottom style="medium">
        <color indexed="64"/>
      </bottom>
      <diagonal/>
    </border>
    <border>
      <left/>
      <right style="medium">
        <color indexed="64"/>
      </right>
      <top/>
      <bottom/>
      <diagonal/>
    </border>
    <border>
      <left style="medium">
        <color indexed="64"/>
      </left>
      <right/>
      <top/>
      <bottom/>
      <diagonal/>
    </border>
    <border>
      <left/>
      <right style="medium">
        <color indexed="64"/>
      </right>
      <top/>
      <bottom style="thin">
        <color indexed="64"/>
      </bottom>
      <diagonal/>
    </border>
    <border>
      <left style="medium">
        <color indexed="64"/>
      </left>
      <right/>
      <top/>
      <bottom style="thin">
        <color indexed="64"/>
      </bottom>
      <diagonal/>
    </border>
    <border>
      <left/>
      <right style="medium">
        <color indexed="64"/>
      </right>
      <top style="thin">
        <color indexed="64"/>
      </top>
      <bottom/>
      <diagonal/>
    </border>
    <border>
      <left style="medium">
        <color indexed="64"/>
      </left>
      <right/>
      <top style="thin">
        <color indexed="64"/>
      </top>
      <bottom/>
      <diagonal/>
    </border>
    <border>
      <left style="thin">
        <color rgb="FFFF0000"/>
      </left>
      <right style="thin">
        <color indexed="64"/>
      </right>
      <top style="thin">
        <color indexed="64"/>
      </top>
      <bottom style="thin">
        <color indexed="64"/>
      </bottom>
      <diagonal/>
    </border>
    <border>
      <left style="thin">
        <color rgb="FFFF0000"/>
      </left>
      <right style="thin">
        <color rgb="FFFF0000"/>
      </right>
      <top style="thin">
        <color indexed="64"/>
      </top>
      <bottom style="thin">
        <color indexed="64"/>
      </bottom>
      <diagonal/>
    </border>
    <border>
      <left style="thin">
        <color indexed="64"/>
      </left>
      <right style="thin">
        <color rgb="FFFF0000"/>
      </right>
      <top style="thin">
        <color indexed="64"/>
      </top>
      <bottom style="thin">
        <color indexed="64"/>
      </bottom>
      <diagonal/>
    </border>
    <border>
      <left style="thin">
        <color rgb="FFFF0000"/>
      </left>
      <right/>
      <top/>
      <bottom style="thin">
        <color indexed="64"/>
      </bottom>
      <diagonal/>
    </border>
    <border>
      <left style="thin">
        <color rgb="FFFF0000"/>
      </left>
      <right style="thin">
        <color rgb="FFFF0000"/>
      </right>
      <top/>
      <bottom style="thin">
        <color indexed="64"/>
      </bottom>
      <diagonal/>
    </border>
    <border>
      <left style="thin">
        <color indexed="64"/>
      </left>
      <right style="thin">
        <color rgb="FFFF0000"/>
      </right>
      <top/>
      <bottom style="thin">
        <color indexed="64"/>
      </bottom>
      <diagonal/>
    </border>
  </borders>
  <cellStyleXfs count="10">
    <xf numFmtId="0" fontId="0" fillId="0" borderId="0"/>
    <xf numFmtId="38" fontId="1" fillId="0" borderId="0" applyFont="0" applyFill="0" applyBorder="0" applyAlignment="0" applyProtection="0">
      <alignment vertical="center"/>
    </xf>
    <xf numFmtId="0" fontId="1" fillId="0" borderId="0"/>
    <xf numFmtId="0" fontId="11" fillId="0" borderId="0">
      <alignment vertical="center"/>
    </xf>
    <xf numFmtId="9" fontId="11" fillId="0" borderId="0" applyFont="0" applyFill="0" applyBorder="0" applyAlignment="0" applyProtection="0">
      <alignment vertical="center"/>
    </xf>
    <xf numFmtId="38" fontId="11" fillId="0" borderId="0" applyFont="0" applyFill="0" applyBorder="0" applyAlignment="0" applyProtection="0">
      <alignment vertical="center"/>
    </xf>
    <xf numFmtId="0" fontId="11" fillId="0" borderId="0">
      <alignment vertical="center"/>
    </xf>
    <xf numFmtId="9" fontId="11" fillId="0" borderId="0" applyFont="0" applyFill="0" applyBorder="0" applyAlignment="0" applyProtection="0">
      <alignment vertical="center"/>
    </xf>
    <xf numFmtId="0" fontId="1" fillId="0" borderId="0">
      <alignment vertical="center"/>
    </xf>
    <xf numFmtId="0" fontId="1" fillId="0" borderId="0"/>
  </cellStyleXfs>
  <cellXfs count="1305">
    <xf numFmtId="0" fontId="0" fillId="0" borderId="0" xfId="0"/>
    <xf numFmtId="0" fontId="0" fillId="0" borderId="13" xfId="0" applyBorder="1"/>
    <xf numFmtId="0" fontId="0" fillId="0" borderId="9" xfId="0" applyBorder="1"/>
    <xf numFmtId="0" fontId="3" fillId="0" borderId="0" xfId="0" applyFont="1"/>
    <xf numFmtId="0" fontId="3" fillId="0" borderId="13" xfId="0" applyFont="1" applyBorder="1"/>
    <xf numFmtId="0" fontId="3" fillId="0" borderId="6" xfId="0" applyFont="1" applyBorder="1"/>
    <xf numFmtId="0" fontId="3" fillId="0" borderId="0" xfId="0" applyFont="1" applyAlignment="1">
      <alignment horizontal="left"/>
    </xf>
    <xf numFmtId="0" fontId="3" fillId="0" borderId="2" xfId="0" applyFont="1" applyBorder="1"/>
    <xf numFmtId="0" fontId="3" fillId="0" borderId="0" xfId="0" applyFont="1" applyAlignment="1">
      <alignment horizontal="left" vertical="center"/>
    </xf>
    <xf numFmtId="0" fontId="3" fillId="0" borderId="10" xfId="0" applyFont="1" applyBorder="1" applyAlignment="1">
      <alignment horizontal="left" vertical="center"/>
    </xf>
    <xf numFmtId="0" fontId="3" fillId="0" borderId="9" xfId="0" applyFont="1" applyBorder="1"/>
    <xf numFmtId="0" fontId="3" fillId="0" borderId="6" xfId="0" applyFont="1" applyBorder="1" applyAlignment="1">
      <alignment horizontal="left"/>
    </xf>
    <xf numFmtId="0" fontId="3" fillId="0" borderId="7" xfId="0" applyFont="1" applyBorder="1" applyAlignment="1">
      <alignment horizontal="left"/>
    </xf>
    <xf numFmtId="0" fontId="3" fillId="0" borderId="5" xfId="0" applyFont="1" applyBorder="1" applyAlignment="1">
      <alignment horizontal="left"/>
    </xf>
    <xf numFmtId="0" fontId="3" fillId="0" borderId="0" xfId="0" applyFont="1" applyAlignment="1">
      <alignment vertical="center" wrapText="1"/>
    </xf>
    <xf numFmtId="0" fontId="3" fillId="0" borderId="13" xfId="0" applyFont="1" applyBorder="1" applyAlignment="1">
      <alignment vertical="center" wrapText="1"/>
    </xf>
    <xf numFmtId="0" fontId="3" fillId="0" borderId="0" xfId="0" applyFont="1" applyAlignment="1">
      <alignment vertical="center"/>
    </xf>
    <xf numFmtId="0" fontId="3" fillId="0" borderId="0" xfId="0" applyFont="1" applyAlignment="1">
      <alignment horizontal="right" vertical="center"/>
    </xf>
    <xf numFmtId="0" fontId="3" fillId="0" borderId="0" xfId="0" applyFont="1" applyAlignment="1">
      <alignment horizontal="center" vertical="center"/>
    </xf>
    <xf numFmtId="0" fontId="3" fillId="0" borderId="7" xfId="0" applyFont="1" applyBorder="1"/>
    <xf numFmtId="0" fontId="3" fillId="0" borderId="10" xfId="0" applyFont="1" applyBorder="1" applyAlignment="1">
      <alignment vertical="center"/>
    </xf>
    <xf numFmtId="0" fontId="6" fillId="0" borderId="0" xfId="0" applyFont="1" applyAlignment="1">
      <alignment horizontal="left" vertical="top"/>
    </xf>
    <xf numFmtId="0" fontId="6" fillId="0" borderId="13" xfId="0" applyFont="1" applyBorder="1" applyAlignment="1">
      <alignment horizontal="left" vertical="top"/>
    </xf>
    <xf numFmtId="0" fontId="6" fillId="0" borderId="6" xfId="0" applyFont="1" applyBorder="1" applyAlignment="1">
      <alignment horizontal="left" vertical="top"/>
    </xf>
    <xf numFmtId="0" fontId="6" fillId="0" borderId="0" xfId="0" applyFont="1" applyAlignment="1">
      <alignment horizontal="left" vertical="center"/>
    </xf>
    <xf numFmtId="0" fontId="6" fillId="0" borderId="2" xfId="0" applyFont="1" applyBorder="1" applyAlignment="1">
      <alignment horizontal="left" vertical="center"/>
    </xf>
    <xf numFmtId="0" fontId="6" fillId="0" borderId="0" xfId="0" applyFont="1" applyAlignment="1">
      <alignment horizontal="right" vertical="center"/>
    </xf>
    <xf numFmtId="0" fontId="6" fillId="0" borderId="0" xfId="0" applyFont="1" applyAlignment="1">
      <alignment vertical="center"/>
    </xf>
    <xf numFmtId="0" fontId="6" fillId="0" borderId="30" xfId="0" applyFont="1" applyBorder="1" applyAlignment="1">
      <alignment horizontal="left" vertical="top"/>
    </xf>
    <xf numFmtId="0" fontId="6" fillId="0" borderId="4" xfId="0" applyFont="1" applyBorder="1" applyAlignment="1">
      <alignment horizontal="center" vertical="center"/>
    </xf>
    <xf numFmtId="0" fontId="6" fillId="0" borderId="5" xfId="0" applyFont="1" applyBorder="1" applyAlignment="1">
      <alignment horizontal="left" vertical="center"/>
    </xf>
    <xf numFmtId="0" fontId="6" fillId="0" borderId="7" xfId="0" applyFont="1" applyBorder="1" applyAlignment="1">
      <alignment horizontal="center" vertical="center"/>
    </xf>
    <xf numFmtId="0" fontId="6" fillId="0" borderId="9" xfId="0" applyFont="1" applyBorder="1" applyAlignment="1">
      <alignment horizontal="left" vertical="center"/>
    </xf>
    <xf numFmtId="0" fontId="6" fillId="0" borderId="13" xfId="0" applyFont="1" applyBorder="1" applyAlignment="1">
      <alignment horizontal="left" vertical="center"/>
    </xf>
    <xf numFmtId="0" fontId="6" fillId="0" borderId="0" xfId="0" applyFont="1" applyAlignment="1">
      <alignment horizontal="center" vertical="center"/>
    </xf>
    <xf numFmtId="0" fontId="6" fillId="0" borderId="3" xfId="0" applyFont="1" applyBorder="1" applyAlignment="1">
      <alignment horizontal="left" vertical="center"/>
    </xf>
    <xf numFmtId="0" fontId="6" fillId="0" borderId="6" xfId="0" applyFont="1" applyBorder="1" applyAlignment="1">
      <alignment horizontal="left" vertical="center"/>
    </xf>
    <xf numFmtId="0" fontId="6" fillId="0" borderId="21" xfId="0" applyFont="1" applyBorder="1" applyAlignment="1">
      <alignment horizontal="left" vertical="center"/>
    </xf>
    <xf numFmtId="0" fontId="6" fillId="0" borderId="20" xfId="0" applyFont="1" applyBorder="1" applyAlignment="1">
      <alignment horizontal="center" vertical="center"/>
    </xf>
    <xf numFmtId="0" fontId="6" fillId="0" borderId="6" xfId="0" applyFont="1" applyBorder="1" applyAlignment="1">
      <alignment horizontal="center" vertical="center"/>
    </xf>
    <xf numFmtId="0" fontId="6" fillId="0" borderId="12" xfId="0" applyFont="1" applyBorder="1" applyAlignment="1">
      <alignment horizontal="left" vertical="center"/>
    </xf>
    <xf numFmtId="0" fontId="6" fillId="0" borderId="13" xfId="0" applyFont="1" applyBorder="1" applyAlignment="1">
      <alignment horizontal="right" vertical="center"/>
    </xf>
    <xf numFmtId="0" fontId="6" fillId="0" borderId="33" xfId="0" applyFont="1" applyBorder="1" applyAlignment="1">
      <alignment horizontal="center" vertical="center"/>
    </xf>
    <xf numFmtId="0" fontId="6" fillId="0" borderId="34" xfId="0" applyFont="1" applyBorder="1" applyAlignment="1">
      <alignment horizontal="center" vertical="center"/>
    </xf>
    <xf numFmtId="0" fontId="6" fillId="0" borderId="35" xfId="0" applyFont="1" applyBorder="1" applyAlignment="1">
      <alignment horizontal="center" vertical="center"/>
    </xf>
    <xf numFmtId="0" fontId="6" fillId="0" borderId="0" xfId="0" applyFont="1" applyAlignment="1">
      <alignment horizontal="center" vertical="top"/>
    </xf>
    <xf numFmtId="0" fontId="6" fillId="0" borderId="7" xfId="0" applyFont="1" applyBorder="1" applyAlignment="1">
      <alignment horizontal="left" vertical="top"/>
    </xf>
    <xf numFmtId="0" fontId="6" fillId="0" borderId="24" xfId="0" applyFont="1" applyBorder="1" applyAlignment="1">
      <alignment horizontal="left" vertical="top"/>
    </xf>
    <xf numFmtId="0" fontId="6" fillId="0" borderId="18" xfId="0" applyFont="1" applyBorder="1" applyAlignment="1">
      <alignment horizontal="left" vertical="center"/>
    </xf>
    <xf numFmtId="0" fontId="6" fillId="0" borderId="17" xfId="0" applyFont="1" applyBorder="1" applyAlignment="1">
      <alignment horizontal="center" vertical="center"/>
    </xf>
    <xf numFmtId="0" fontId="6" fillId="0" borderId="13" xfId="0" applyFont="1" applyBorder="1" applyAlignment="1">
      <alignment horizontal="center" vertical="center"/>
    </xf>
    <xf numFmtId="0" fontId="7" fillId="2" borderId="0" xfId="0" applyFont="1" applyFill="1" applyAlignment="1">
      <alignment horizontal="left" vertical="top"/>
    </xf>
    <xf numFmtId="0" fontId="7" fillId="2" borderId="7" xfId="0" applyFont="1" applyFill="1" applyBorder="1" applyAlignment="1">
      <alignment horizontal="left" vertical="top"/>
    </xf>
    <xf numFmtId="0" fontId="7" fillId="2" borderId="6" xfId="0" applyFont="1" applyFill="1" applyBorder="1" applyAlignment="1">
      <alignment horizontal="left" vertical="top"/>
    </xf>
    <xf numFmtId="0" fontId="7" fillId="2" borderId="0" xfId="0" applyFont="1" applyFill="1"/>
    <xf numFmtId="0" fontId="7" fillId="2" borderId="0" xfId="0" applyFont="1" applyFill="1" applyAlignment="1">
      <alignment horizontal="left"/>
    </xf>
    <xf numFmtId="0" fontId="7" fillId="2" borderId="5" xfId="0" applyFont="1" applyFill="1" applyBorder="1" applyAlignment="1">
      <alignment horizontal="left" vertical="top"/>
    </xf>
    <xf numFmtId="0" fontId="7" fillId="2" borderId="9" xfId="0" applyFont="1" applyFill="1" applyBorder="1" applyAlignment="1">
      <alignment horizontal="left" vertical="top"/>
    </xf>
    <xf numFmtId="0" fontId="7" fillId="2" borderId="10" xfId="0" applyFont="1" applyFill="1" applyBorder="1" applyAlignment="1">
      <alignment horizontal="left" vertical="top"/>
    </xf>
    <xf numFmtId="0" fontId="7" fillId="2" borderId="0" xfId="0" applyFont="1" applyFill="1" applyAlignment="1">
      <alignment horizontal="right" vertical="top"/>
    </xf>
    <xf numFmtId="0" fontId="7" fillId="2" borderId="12" xfId="0" applyFont="1" applyFill="1" applyBorder="1" applyAlignment="1">
      <alignment horizontal="left" vertical="top"/>
    </xf>
    <xf numFmtId="0" fontId="7" fillId="2" borderId="13" xfId="0" applyFont="1" applyFill="1" applyBorder="1" applyAlignment="1">
      <alignment horizontal="left" vertical="top"/>
    </xf>
    <xf numFmtId="0" fontId="7" fillId="2" borderId="14" xfId="0" applyFont="1" applyFill="1" applyBorder="1" applyAlignment="1">
      <alignment horizontal="left" vertical="top"/>
    </xf>
    <xf numFmtId="0" fontId="7" fillId="2" borderId="9" xfId="0" applyFont="1" applyFill="1" applyBorder="1" applyAlignment="1">
      <alignment horizontal="center" vertical="center"/>
    </xf>
    <xf numFmtId="0" fontId="7" fillId="2" borderId="0" xfId="0" applyFont="1" applyFill="1" applyAlignment="1">
      <alignment horizontal="center" vertical="center"/>
    </xf>
    <xf numFmtId="0" fontId="7" fillId="2" borderId="10" xfId="0" applyFont="1" applyFill="1" applyBorder="1" applyAlignment="1">
      <alignment horizontal="center" vertical="center"/>
    </xf>
    <xf numFmtId="0" fontId="7" fillId="2" borderId="0" xfId="0" applyFont="1" applyFill="1" applyAlignment="1">
      <alignment horizontal="left" vertical="center"/>
    </xf>
    <xf numFmtId="0" fontId="7" fillId="2" borderId="2" xfId="0" applyFont="1" applyFill="1" applyBorder="1" applyAlignment="1">
      <alignment horizontal="left" vertical="center"/>
    </xf>
    <xf numFmtId="0" fontId="7" fillId="2" borderId="3" xfId="0" applyFont="1" applyFill="1" applyBorder="1" applyAlignment="1">
      <alignment horizontal="left" vertical="center"/>
    </xf>
    <xf numFmtId="0" fontId="7" fillId="2" borderId="4" xfId="0" applyFont="1" applyFill="1" applyBorder="1" applyAlignment="1">
      <alignment horizontal="left" vertical="center"/>
    </xf>
    <xf numFmtId="0" fontId="3" fillId="0" borderId="24" xfId="0" applyFont="1" applyBorder="1"/>
    <xf numFmtId="0" fontId="8" fillId="0" borderId="0" xfId="0" applyFont="1" applyAlignment="1">
      <alignment horizontal="left" vertical="center"/>
    </xf>
    <xf numFmtId="0" fontId="9" fillId="0" borderId="0" xfId="0" applyFont="1" applyAlignment="1">
      <alignment horizontal="left"/>
    </xf>
    <xf numFmtId="0" fontId="3" fillId="0" borderId="5" xfId="0" applyFont="1" applyBorder="1"/>
    <xf numFmtId="0" fontId="9" fillId="0" borderId="7" xfId="0" applyFont="1" applyBorder="1" applyAlignment="1">
      <alignment horizontal="left"/>
    </xf>
    <xf numFmtId="0" fontId="9" fillId="0" borderId="10" xfId="0" applyFont="1" applyBorder="1" applyAlignment="1">
      <alignment horizontal="left"/>
    </xf>
    <xf numFmtId="0" fontId="9" fillId="0" borderId="0" xfId="0" applyFont="1" applyAlignment="1">
      <alignment horizontal="justify" vertical="top" wrapText="1"/>
    </xf>
    <xf numFmtId="0" fontId="9" fillId="0" borderId="9" xfId="0" applyFont="1" applyBorder="1" applyAlignment="1">
      <alignment horizontal="justify" vertical="top" wrapText="1"/>
    </xf>
    <xf numFmtId="0" fontId="9" fillId="0" borderId="0" xfId="0" applyFont="1"/>
    <xf numFmtId="0" fontId="9" fillId="0" borderId="13" xfId="0" applyFont="1" applyBorder="1" applyAlignment="1">
      <alignment horizontal="justify" vertical="top" wrapText="1"/>
    </xf>
    <xf numFmtId="0" fontId="9" fillId="0" borderId="14" xfId="0" applyFont="1" applyBorder="1" applyAlignment="1">
      <alignment horizontal="justify" vertical="top" wrapText="1"/>
    </xf>
    <xf numFmtId="176" fontId="4" fillId="0" borderId="1" xfId="0" applyNumberFormat="1" applyFont="1" applyBorder="1" applyAlignment="1">
      <alignment horizontal="center" vertical="center" wrapText="1"/>
    </xf>
    <xf numFmtId="0" fontId="3" fillId="0" borderId="12" xfId="0" applyFont="1" applyBorder="1"/>
    <xf numFmtId="0" fontId="9" fillId="0" borderId="39" xfId="0" applyFont="1" applyBorder="1" applyAlignment="1">
      <alignment horizontal="center" vertical="center" wrapText="1"/>
    </xf>
    <xf numFmtId="0" fontId="9" fillId="0" borderId="1" xfId="0" applyFont="1" applyBorder="1" applyAlignment="1">
      <alignment horizontal="justify" vertical="top" wrapText="1"/>
    </xf>
    <xf numFmtId="0" fontId="9" fillId="0" borderId="40" xfId="0" applyFont="1" applyBorder="1" applyAlignment="1">
      <alignment horizontal="justify" vertical="top" wrapText="1"/>
    </xf>
    <xf numFmtId="0" fontId="9" fillId="0" borderId="15" xfId="0" applyFont="1" applyBorder="1" applyAlignment="1">
      <alignment horizontal="center" vertical="center" wrapText="1"/>
    </xf>
    <xf numFmtId="0" fontId="9" fillId="0" borderId="15" xfId="0" applyFont="1" applyBorder="1" applyAlignment="1">
      <alignment horizontal="justify" vertical="top" wrapText="1"/>
    </xf>
    <xf numFmtId="0" fontId="9" fillId="0" borderId="1" xfId="0" applyFont="1" applyBorder="1" applyAlignment="1">
      <alignment horizontal="center" vertical="center" wrapText="1"/>
    </xf>
    <xf numFmtId="0" fontId="9" fillId="0" borderId="4" xfId="0" applyFont="1" applyBorder="1" applyAlignment="1">
      <alignment horizontal="center" vertical="center" wrapText="1"/>
    </xf>
    <xf numFmtId="0" fontId="9" fillId="0" borderId="4" xfId="0" applyFont="1" applyBorder="1" applyAlignment="1">
      <alignment horizontal="justify" vertical="center" wrapText="1"/>
    </xf>
    <xf numFmtId="0" fontId="9" fillId="0" borderId="1" xfId="0" applyFont="1" applyBorder="1" applyAlignment="1">
      <alignment horizontal="justify" vertical="center" wrapText="1"/>
    </xf>
    <xf numFmtId="0" fontId="10" fillId="0" borderId="0" xfId="0" applyFont="1" applyAlignment="1">
      <alignment vertical="center"/>
    </xf>
    <xf numFmtId="0" fontId="9" fillId="0" borderId="4" xfId="0" applyFont="1" applyBorder="1" applyAlignment="1">
      <alignment horizontal="justify" vertical="center"/>
    </xf>
    <xf numFmtId="0" fontId="9" fillId="0" borderId="1" xfId="0" applyFont="1" applyBorder="1" applyAlignment="1">
      <alignment horizontal="justify" vertical="center"/>
    </xf>
    <xf numFmtId="0" fontId="9" fillId="0" borderId="1" xfId="0" applyFont="1" applyBorder="1" applyAlignment="1">
      <alignment horizontal="center" vertical="center"/>
    </xf>
    <xf numFmtId="0" fontId="9" fillId="0" borderId="4" xfId="0" applyFont="1" applyBorder="1" applyAlignment="1">
      <alignment horizontal="center" vertical="center"/>
    </xf>
    <xf numFmtId="0" fontId="9" fillId="0" borderId="0" xfId="0" applyFont="1" applyAlignment="1">
      <alignment horizontal="justify"/>
    </xf>
    <xf numFmtId="0" fontId="9" fillId="0" borderId="0" xfId="0" applyFont="1" applyAlignment="1">
      <alignment vertical="top"/>
    </xf>
    <xf numFmtId="0" fontId="11" fillId="3" borderId="0" xfId="3" applyFill="1">
      <alignment vertical="center"/>
    </xf>
    <xf numFmtId="0" fontId="11" fillId="3" borderId="7" xfId="3" applyFill="1" applyBorder="1">
      <alignment vertical="center"/>
    </xf>
    <xf numFmtId="0" fontId="11" fillId="3" borderId="6" xfId="3" applyFill="1" applyBorder="1">
      <alignment vertical="center"/>
    </xf>
    <xf numFmtId="0" fontId="11" fillId="3" borderId="13" xfId="3" applyFill="1" applyBorder="1">
      <alignment vertical="center"/>
    </xf>
    <xf numFmtId="0" fontId="11" fillId="3" borderId="0" xfId="3" applyFill="1" applyAlignment="1">
      <alignment horizontal="left" vertical="center"/>
    </xf>
    <xf numFmtId="177" fontId="12" fillId="3" borderId="0" xfId="4" applyNumberFormat="1" applyFont="1" applyFill="1" applyBorder="1" applyAlignment="1">
      <alignment horizontal="center" vertical="center"/>
    </xf>
    <xf numFmtId="0" fontId="11" fillId="3" borderId="0" xfId="3" applyFill="1" applyAlignment="1">
      <alignment horizontal="center" vertical="center"/>
    </xf>
    <xf numFmtId="0" fontId="11" fillId="3" borderId="45" xfId="3" applyFill="1" applyBorder="1">
      <alignment vertical="center"/>
    </xf>
    <xf numFmtId="38" fontId="12" fillId="5" borderId="45" xfId="5" applyFont="1" applyFill="1" applyBorder="1">
      <alignment vertical="center"/>
    </xf>
    <xf numFmtId="0" fontId="13" fillId="3" borderId="45" xfId="3" applyFont="1" applyFill="1" applyBorder="1" applyAlignment="1">
      <alignment vertical="center" wrapText="1"/>
    </xf>
    <xf numFmtId="0" fontId="11" fillId="5" borderId="8" xfId="3" applyFill="1" applyBorder="1" applyAlignment="1">
      <alignment horizontal="center" vertical="center"/>
    </xf>
    <xf numFmtId="0" fontId="11" fillId="3" borderId="46" xfId="3" applyFill="1" applyBorder="1">
      <alignment vertical="center"/>
    </xf>
    <xf numFmtId="38" fontId="12" fillId="5" borderId="47" xfId="5" applyFont="1" applyFill="1" applyBorder="1">
      <alignment vertical="center"/>
    </xf>
    <xf numFmtId="38" fontId="12" fillId="5" borderId="46" xfId="5" applyFont="1" applyFill="1" applyBorder="1">
      <alignment vertical="center"/>
    </xf>
    <xf numFmtId="0" fontId="13" fillId="3" borderId="46" xfId="3" applyFont="1" applyFill="1" applyBorder="1" applyAlignment="1">
      <alignment vertical="center" wrapText="1"/>
    </xf>
    <xf numFmtId="180" fontId="11" fillId="5" borderId="11" xfId="3" applyNumberFormat="1" applyFill="1" applyBorder="1" applyAlignment="1">
      <alignment horizontal="center" vertical="center"/>
    </xf>
    <xf numFmtId="0" fontId="11" fillId="3" borderId="47" xfId="3" applyFill="1" applyBorder="1">
      <alignment vertical="center"/>
    </xf>
    <xf numFmtId="0" fontId="13" fillId="3" borderId="47" xfId="3" applyFont="1" applyFill="1" applyBorder="1" applyAlignment="1">
      <alignment vertical="center" wrapText="1"/>
    </xf>
    <xf numFmtId="180" fontId="11" fillId="0" borderId="11" xfId="3" applyNumberFormat="1" applyBorder="1" applyAlignment="1">
      <alignment horizontal="center" vertical="center"/>
    </xf>
    <xf numFmtId="0" fontId="11" fillId="3" borderId="1" xfId="3" applyFill="1" applyBorder="1">
      <alignment vertical="center"/>
    </xf>
    <xf numFmtId="0" fontId="11" fillId="5" borderId="0" xfId="3" applyFill="1" applyAlignment="1">
      <alignment horizontal="center" vertical="center"/>
    </xf>
    <xf numFmtId="0" fontId="11" fillId="3" borderId="10" xfId="3" applyFill="1" applyBorder="1">
      <alignment vertical="center"/>
    </xf>
    <xf numFmtId="178" fontId="11" fillId="3" borderId="3" xfId="3" applyNumberFormat="1" applyFill="1" applyBorder="1" applyAlignment="1">
      <alignment horizontal="center" vertical="center"/>
    </xf>
    <xf numFmtId="38" fontId="1" fillId="3" borderId="6" xfId="5" applyFont="1" applyFill="1" applyBorder="1">
      <alignment vertical="center"/>
    </xf>
    <xf numFmtId="38" fontId="1" fillId="3" borderId="13" xfId="5" applyFont="1" applyFill="1" applyBorder="1">
      <alignment vertical="center"/>
    </xf>
    <xf numFmtId="0" fontId="11" fillId="3" borderId="13" xfId="3" applyFill="1" applyBorder="1" applyAlignment="1">
      <alignment vertical="center" wrapText="1"/>
    </xf>
    <xf numFmtId="0" fontId="11" fillId="3" borderId="13" xfId="3" applyFill="1" applyBorder="1" applyAlignment="1">
      <alignment horizontal="center" vertical="center"/>
    </xf>
    <xf numFmtId="179" fontId="1" fillId="3" borderId="13" xfId="5" applyNumberFormat="1" applyFont="1" applyFill="1" applyBorder="1" applyAlignment="1">
      <alignment horizontal="center" vertical="center"/>
    </xf>
    <xf numFmtId="0" fontId="16" fillId="3" borderId="45" xfId="3" applyFont="1" applyFill="1" applyBorder="1" applyAlignment="1">
      <alignment vertical="center" wrapText="1"/>
    </xf>
    <xf numFmtId="0" fontId="11" fillId="3" borderId="8" xfId="3" applyFill="1" applyBorder="1" applyAlignment="1">
      <alignment horizontal="center" vertical="center"/>
    </xf>
    <xf numFmtId="0" fontId="16" fillId="3" borderId="46" xfId="3" applyFont="1" applyFill="1" applyBorder="1" applyAlignment="1">
      <alignment vertical="center" wrapText="1"/>
    </xf>
    <xf numFmtId="180" fontId="11" fillId="3" borderId="11" xfId="3" applyNumberFormat="1" applyFill="1" applyBorder="1" applyAlignment="1">
      <alignment horizontal="center" vertical="center"/>
    </xf>
    <xf numFmtId="0" fontId="11" fillId="0" borderId="1" xfId="3" applyBorder="1">
      <alignment vertical="center"/>
    </xf>
    <xf numFmtId="0" fontId="11" fillId="0" borderId="1" xfId="3" applyBorder="1" applyAlignment="1">
      <alignment horizontal="center" vertical="center"/>
    </xf>
    <xf numFmtId="0" fontId="16" fillId="3" borderId="47" xfId="3" applyFont="1" applyFill="1" applyBorder="1" applyAlignment="1">
      <alignment vertical="center" wrapText="1"/>
    </xf>
    <xf numFmtId="0" fontId="17" fillId="3" borderId="0" xfId="3" applyFont="1" applyFill="1">
      <alignment vertical="center"/>
    </xf>
    <xf numFmtId="0" fontId="11" fillId="5" borderId="1" xfId="3" applyFill="1" applyBorder="1" applyAlignment="1">
      <alignment horizontal="center" vertical="center"/>
    </xf>
    <xf numFmtId="0" fontId="11" fillId="3" borderId="0" xfId="3" applyFill="1" applyAlignment="1">
      <alignment horizontal="right" vertical="center"/>
    </xf>
    <xf numFmtId="0" fontId="11" fillId="3" borderId="9" xfId="3" applyFill="1" applyBorder="1" applyAlignment="1">
      <alignment horizontal="center" vertical="center"/>
    </xf>
    <xf numFmtId="0" fontId="11" fillId="3" borderId="0" xfId="3" applyFill="1" applyAlignment="1">
      <alignment horizontal="center" vertical="center" shrinkToFit="1"/>
    </xf>
    <xf numFmtId="0" fontId="18" fillId="3" borderId="0" xfId="3" applyFont="1" applyFill="1" applyAlignment="1">
      <alignment horizontal="center" vertical="center"/>
    </xf>
    <xf numFmtId="0" fontId="3" fillId="0" borderId="0" xfId="0" applyFont="1" applyAlignment="1">
      <alignment horizontal="center"/>
    </xf>
    <xf numFmtId="0" fontId="20" fillId="0" borderId="0" xfId="0" applyFont="1" applyAlignment="1">
      <alignment vertical="center"/>
    </xf>
    <xf numFmtId="0" fontId="3" fillId="0" borderId="10" xfId="0" applyFont="1" applyBorder="1"/>
    <xf numFmtId="0" fontId="3" fillId="0" borderId="6" xfId="0" applyFont="1" applyBorder="1" applyAlignment="1">
      <alignment horizontal="center" vertical="center"/>
    </xf>
    <xf numFmtId="0" fontId="4" fillId="0" borderId="7" xfId="0" applyFont="1" applyBorder="1" applyAlignment="1">
      <alignment vertical="center"/>
    </xf>
    <xf numFmtId="0" fontId="3" fillId="0" borderId="6" xfId="0" applyFont="1" applyBorder="1" applyAlignment="1">
      <alignment horizontal="left" vertical="center" wrapText="1"/>
    </xf>
    <xf numFmtId="0" fontId="3" fillId="0" borderId="7" xfId="0" applyFont="1" applyBorder="1" applyAlignment="1">
      <alignment horizontal="center"/>
    </xf>
    <xf numFmtId="0" fontId="3" fillId="0" borderId="10" xfId="0" applyFont="1" applyBorder="1" applyAlignment="1">
      <alignment horizontal="center"/>
    </xf>
    <xf numFmtId="0" fontId="4" fillId="0" borderId="10" xfId="0" applyFont="1" applyBorder="1" applyAlignment="1">
      <alignment vertical="center"/>
    </xf>
    <xf numFmtId="0" fontId="3" fillId="0" borderId="9" xfId="0" applyFont="1" applyBorder="1" applyAlignment="1">
      <alignment horizontal="left" vertical="center"/>
    </xf>
    <xf numFmtId="0" fontId="3" fillId="0" borderId="9" xfId="0" applyFont="1" applyBorder="1" applyAlignment="1">
      <alignment vertical="center"/>
    </xf>
    <xf numFmtId="0" fontId="3" fillId="0" borderId="10" xfId="0" applyFont="1" applyBorder="1" applyAlignment="1">
      <alignment horizontal="center" vertical="center"/>
    </xf>
    <xf numFmtId="0" fontId="21" fillId="0" borderId="0" xfId="0" applyFont="1" applyAlignment="1">
      <alignment horizontal="center" vertical="center"/>
    </xf>
    <xf numFmtId="0" fontId="3" fillId="0" borderId="10" xfId="0" applyFont="1" applyBorder="1" applyAlignment="1">
      <alignment vertical="center" wrapText="1"/>
    </xf>
    <xf numFmtId="0" fontId="3" fillId="0" borderId="0" xfId="0" applyFont="1" applyAlignment="1">
      <alignment horizontal="left" vertical="center" wrapText="1"/>
    </xf>
    <xf numFmtId="0" fontId="4" fillId="0" borderId="10" xfId="0" applyFont="1" applyBorder="1" applyAlignment="1">
      <alignment horizontal="center" vertical="center"/>
    </xf>
    <xf numFmtId="0" fontId="3" fillId="0" borderId="12" xfId="0" applyFont="1" applyBorder="1" applyAlignment="1">
      <alignment horizontal="left" vertical="center"/>
    </xf>
    <xf numFmtId="0" fontId="3" fillId="0" borderId="13" xfId="0" applyFont="1" applyBorder="1" applyAlignment="1">
      <alignment horizontal="left" vertical="center"/>
    </xf>
    <xf numFmtId="0" fontId="3" fillId="0" borderId="14" xfId="0" applyFont="1" applyBorder="1" applyAlignment="1">
      <alignment horizontal="left" vertical="center"/>
    </xf>
    <xf numFmtId="0" fontId="3" fillId="0" borderId="5" xfId="0" applyFont="1" applyBorder="1" applyAlignment="1">
      <alignment horizontal="left" vertical="center" shrinkToFit="1"/>
    </xf>
    <xf numFmtId="0" fontId="3" fillId="0" borderId="6" xfId="0" applyFont="1" applyBorder="1" applyAlignment="1">
      <alignment horizontal="left" vertical="center" shrinkToFit="1"/>
    </xf>
    <xf numFmtId="0" fontId="3" fillId="0" borderId="6" xfId="0" applyFont="1" applyBorder="1" applyAlignment="1">
      <alignment horizontal="left" vertical="center" wrapText="1" shrinkToFit="1"/>
    </xf>
    <xf numFmtId="0" fontId="3" fillId="0" borderId="6" xfId="0" applyFont="1" applyBorder="1" applyAlignment="1">
      <alignment vertical="center"/>
    </xf>
    <xf numFmtId="0" fontId="3" fillId="0" borderId="7" xfId="0" applyFont="1" applyBorder="1" applyAlignment="1">
      <alignment horizontal="center" vertical="center"/>
    </xf>
    <xf numFmtId="0" fontId="3" fillId="0" borderId="12" xfId="0" applyFont="1" applyBorder="1" applyAlignment="1">
      <alignment vertical="center" shrinkToFit="1"/>
    </xf>
    <xf numFmtId="0" fontId="3" fillId="0" borderId="13" xfId="0" applyFont="1" applyBorder="1" applyAlignment="1">
      <alignment vertical="center" shrinkToFit="1"/>
    </xf>
    <xf numFmtId="0" fontId="3" fillId="0" borderId="13" xfId="0" applyFont="1" applyBorder="1" applyAlignment="1">
      <alignment vertical="center"/>
    </xf>
    <xf numFmtId="0" fontId="3" fillId="0" borderId="2" xfId="0" applyFont="1" applyBorder="1" applyAlignment="1">
      <alignment vertical="center"/>
    </xf>
    <xf numFmtId="0" fontId="3" fillId="0" borderId="3" xfId="0" applyFont="1" applyBorder="1" applyAlignment="1">
      <alignment vertical="center"/>
    </xf>
    <xf numFmtId="0" fontId="3" fillId="0" borderId="4" xfId="0" applyFont="1" applyBorder="1" applyAlignment="1">
      <alignment horizontal="center" vertical="center"/>
    </xf>
    <xf numFmtId="0" fontId="3" fillId="0" borderId="5" xfId="0" applyFont="1" applyBorder="1" applyAlignment="1">
      <alignment horizontal="center" vertical="center"/>
    </xf>
    <xf numFmtId="0" fontId="3" fillId="0" borderId="5" xfId="0" applyFont="1" applyBorder="1" applyAlignment="1">
      <alignment horizontal="left" vertical="center"/>
    </xf>
    <xf numFmtId="0" fontId="3" fillId="0" borderId="6" xfId="0" applyFont="1" applyBorder="1" applyAlignment="1">
      <alignment horizontal="left" vertical="center"/>
    </xf>
    <xf numFmtId="0" fontId="3" fillId="0" borderId="7" xfId="0" applyFont="1" applyBorder="1" applyAlignment="1">
      <alignment horizontal="left" vertical="center"/>
    </xf>
    <xf numFmtId="0" fontId="3" fillId="0" borderId="9" xfId="0" applyFont="1" applyBorder="1" applyAlignment="1">
      <alignment horizontal="center" vertical="center"/>
    </xf>
    <xf numFmtId="0" fontId="22" fillId="0" borderId="0" xfId="0" applyFont="1" applyAlignment="1">
      <alignment horizontal="left" vertical="center"/>
    </xf>
    <xf numFmtId="0" fontId="3" fillId="0" borderId="2" xfId="0" applyFont="1" applyBorder="1" applyAlignment="1">
      <alignment horizontal="center" vertical="center"/>
    </xf>
    <xf numFmtId="0" fontId="3" fillId="0" borderId="3" xfId="0" applyFont="1" applyBorder="1" applyAlignment="1">
      <alignment horizontal="center" vertical="center"/>
    </xf>
    <xf numFmtId="0" fontId="3" fillId="0" borderId="0" xfId="2" applyFont="1" applyAlignment="1">
      <alignment horizontal="center" vertical="center"/>
    </xf>
    <xf numFmtId="0" fontId="3" fillId="0" borderId="3" xfId="2" applyFont="1" applyBorder="1" applyAlignment="1">
      <alignment horizontal="center" vertical="center"/>
    </xf>
    <xf numFmtId="0" fontId="3" fillId="0" borderId="4" xfId="2" applyFont="1" applyBorder="1" applyAlignment="1">
      <alignment horizontal="center" vertical="center"/>
    </xf>
    <xf numFmtId="0" fontId="3" fillId="0" borderId="3" xfId="0" applyFont="1" applyBorder="1" applyAlignment="1">
      <alignment horizontal="left" vertical="center"/>
    </xf>
    <xf numFmtId="0" fontId="3" fillId="0" borderId="0" xfId="0" applyFont="1" applyAlignment="1">
      <alignment vertical="top"/>
    </xf>
    <xf numFmtId="0" fontId="3" fillId="0" borderId="0" xfId="0" applyFont="1" applyAlignment="1">
      <alignment horizontal="center" vertical="top"/>
    </xf>
    <xf numFmtId="0" fontId="3" fillId="0" borderId="0" xfId="0" applyFont="1" applyAlignment="1">
      <alignment horizontal="right" vertical="top"/>
    </xf>
    <xf numFmtId="0" fontId="3" fillId="0" borderId="24" xfId="0" applyFont="1" applyBorder="1" applyAlignment="1">
      <alignment horizontal="left" vertical="center"/>
    </xf>
    <xf numFmtId="0" fontId="3" fillId="0" borderId="1" xfId="0" applyFont="1" applyBorder="1" applyAlignment="1">
      <alignment horizontal="left" vertical="center"/>
    </xf>
    <xf numFmtId="0" fontId="3" fillId="0" borderId="0" xfId="0" quotePrefix="1" applyFont="1" applyAlignment="1">
      <alignment horizontal="left" vertical="center"/>
    </xf>
    <xf numFmtId="0" fontId="3" fillId="0" borderId="1" xfId="0" applyFont="1" applyBorder="1" applyAlignment="1">
      <alignment horizontal="center" vertical="center"/>
    </xf>
    <xf numFmtId="0" fontId="3" fillId="0" borderId="11" xfId="0" applyFont="1" applyBorder="1" applyAlignment="1">
      <alignment horizontal="left" vertical="center"/>
    </xf>
    <xf numFmtId="0" fontId="3" fillId="0" borderId="6" xfId="0" applyFont="1" applyBorder="1" applyAlignment="1">
      <alignment vertical="center" shrinkToFit="1"/>
    </xf>
    <xf numFmtId="0" fontId="3" fillId="0" borderId="6" xfId="2" applyFont="1" applyBorder="1" applyAlignment="1">
      <alignment horizontal="center" vertical="center"/>
    </xf>
    <xf numFmtId="0" fontId="3" fillId="0" borderId="7" xfId="2" applyFont="1" applyBorder="1" applyAlignment="1">
      <alignment horizontal="center" vertical="center"/>
    </xf>
    <xf numFmtId="0" fontId="3" fillId="0" borderId="12" xfId="0" applyFont="1" applyBorder="1" applyAlignment="1">
      <alignment horizontal="center" vertical="center"/>
    </xf>
    <xf numFmtId="0" fontId="3" fillId="0" borderId="13" xfId="0" applyFont="1" applyBorder="1" applyAlignment="1">
      <alignment horizontal="center" vertical="center"/>
    </xf>
    <xf numFmtId="0" fontId="3" fillId="0" borderId="0" xfId="0" applyFont="1" applyAlignment="1">
      <alignment horizontal="left" vertical="top"/>
    </xf>
    <xf numFmtId="0" fontId="3" fillId="0" borderId="9" xfId="0" applyFont="1" applyBorder="1" applyAlignment="1">
      <alignment horizontal="left" vertical="center" wrapText="1"/>
    </xf>
    <xf numFmtId="0" fontId="3" fillId="0" borderId="2" xfId="0" applyFont="1" applyBorder="1" applyAlignment="1">
      <alignment horizontal="left" vertical="center"/>
    </xf>
    <xf numFmtId="0" fontId="4" fillId="0" borderId="1" xfId="0" applyFont="1" applyBorder="1" applyAlignment="1">
      <alignment horizontal="center" vertical="center"/>
    </xf>
    <xf numFmtId="0" fontId="23" fillId="0" borderId="0" xfId="6" applyFont="1">
      <alignment vertical="center"/>
    </xf>
    <xf numFmtId="0" fontId="23" fillId="0" borderId="13" xfId="6" applyFont="1" applyBorder="1">
      <alignment vertical="center"/>
    </xf>
    <xf numFmtId="0" fontId="23" fillId="0" borderId="6" xfId="6" applyFont="1" applyBorder="1">
      <alignment vertical="center"/>
    </xf>
    <xf numFmtId="0" fontId="23" fillId="0" borderId="24" xfId="6" applyFont="1" applyBorder="1">
      <alignment vertical="center"/>
    </xf>
    <xf numFmtId="0" fontId="23" fillId="0" borderId="0" xfId="6" applyFont="1" applyAlignment="1">
      <alignment horizontal="center" vertical="center"/>
    </xf>
    <xf numFmtId="178" fontId="23" fillId="0" borderId="0" xfId="6" applyNumberFormat="1" applyFont="1" applyAlignment="1">
      <alignment horizontal="center" vertical="center"/>
    </xf>
    <xf numFmtId="177" fontId="25" fillId="3" borderId="0" xfId="7" applyNumberFormat="1" applyFont="1" applyFill="1" applyBorder="1" applyAlignment="1">
      <alignment horizontal="center" vertical="center"/>
    </xf>
    <xf numFmtId="0" fontId="23" fillId="0" borderId="0" xfId="6" applyFont="1" applyAlignment="1">
      <alignment horizontal="center" vertical="center" wrapText="1"/>
    </xf>
    <xf numFmtId="0" fontId="23" fillId="3" borderId="3" xfId="6" applyFont="1" applyFill="1" applyBorder="1" applyAlignment="1">
      <alignment horizontal="center" vertical="center"/>
    </xf>
    <xf numFmtId="0" fontId="27" fillId="3" borderId="3" xfId="6" applyFont="1" applyFill="1" applyBorder="1" applyAlignment="1">
      <alignment horizontal="center" vertical="center" wrapText="1"/>
    </xf>
    <xf numFmtId="0" fontId="23" fillId="0" borderId="2" xfId="6" applyFont="1" applyBorder="1" applyAlignment="1">
      <alignment horizontal="center" vertical="center"/>
    </xf>
    <xf numFmtId="0" fontId="23" fillId="0" borderId="2" xfId="6" applyFont="1" applyBorder="1">
      <alignment vertical="center"/>
    </xf>
    <xf numFmtId="0" fontId="23" fillId="0" borderId="5" xfId="6" applyFont="1" applyBorder="1" applyAlignment="1">
      <alignment horizontal="center" vertical="center"/>
    </xf>
    <xf numFmtId="0" fontId="23" fillId="0" borderId="5" xfId="6" applyFont="1" applyBorder="1">
      <alignment vertical="center"/>
    </xf>
    <xf numFmtId="0" fontId="23" fillId="0" borderId="9" xfId="6" applyFont="1" applyBorder="1">
      <alignment vertical="center"/>
    </xf>
    <xf numFmtId="0" fontId="23" fillId="3" borderId="0" xfId="6" applyFont="1" applyFill="1" applyAlignment="1">
      <alignment horizontal="center" vertical="center"/>
    </xf>
    <xf numFmtId="0" fontId="27" fillId="0" borderId="0" xfId="6" applyFont="1" applyAlignment="1">
      <alignment horizontal="center" vertical="center" wrapText="1"/>
    </xf>
    <xf numFmtId="0" fontId="23" fillId="5" borderId="0" xfId="6" applyFont="1" applyFill="1" applyAlignment="1">
      <alignment horizontal="center" vertical="center"/>
    </xf>
    <xf numFmtId="0" fontId="23" fillId="0" borderId="0" xfId="6" applyFont="1" applyAlignment="1">
      <alignment horizontal="right" vertical="center"/>
    </xf>
    <xf numFmtId="0" fontId="3" fillId="0" borderId="0" xfId="6" applyFont="1">
      <alignment vertical="center"/>
    </xf>
    <xf numFmtId="0" fontId="3" fillId="0" borderId="13" xfId="6" applyFont="1" applyBorder="1">
      <alignment vertical="center"/>
    </xf>
    <xf numFmtId="0" fontId="3" fillId="0" borderId="6" xfId="6" applyFont="1" applyBorder="1">
      <alignment vertical="center"/>
    </xf>
    <xf numFmtId="0" fontId="3" fillId="0" borderId="0" xfId="6" applyFont="1" applyAlignment="1">
      <alignment horizontal="center" vertical="center"/>
    </xf>
    <xf numFmtId="177" fontId="21" fillId="3" borderId="0" xfId="7" applyNumberFormat="1" applyFont="1" applyFill="1" applyBorder="1" applyAlignment="1">
      <alignment horizontal="center" vertical="center"/>
    </xf>
    <xf numFmtId="0" fontId="3" fillId="0" borderId="0" xfId="6" applyFont="1" applyAlignment="1">
      <alignment horizontal="center" vertical="center" wrapText="1"/>
    </xf>
    <xf numFmtId="0" fontId="3" fillId="0" borderId="13" xfId="6" applyFont="1" applyBorder="1" applyAlignment="1">
      <alignment horizontal="center" vertical="center"/>
    </xf>
    <xf numFmtId="0" fontId="3" fillId="0" borderId="10" xfId="6" applyFont="1" applyBorder="1">
      <alignment vertical="center"/>
    </xf>
    <xf numFmtId="0" fontId="3" fillId="0" borderId="3" xfId="6" applyFont="1" applyBorder="1" applyAlignment="1">
      <alignment horizontal="center" vertical="center"/>
    </xf>
    <xf numFmtId="0" fontId="3" fillId="0" borderId="2" xfId="6" applyFont="1" applyBorder="1" applyAlignment="1">
      <alignment horizontal="center" vertical="center"/>
    </xf>
    <xf numFmtId="0" fontId="3" fillId="0" borderId="0" xfId="6" applyFont="1" applyAlignment="1">
      <alignment horizontal="left" vertical="center"/>
    </xf>
    <xf numFmtId="0" fontId="4" fillId="0" borderId="0" xfId="6" applyFont="1" applyAlignment="1">
      <alignment horizontal="left" vertical="top" wrapText="1"/>
    </xf>
    <xf numFmtId="0" fontId="3" fillId="5" borderId="0" xfId="6" applyFont="1" applyFill="1" applyAlignment="1">
      <alignment horizontal="center" vertical="center"/>
    </xf>
    <xf numFmtId="0" fontId="3" fillId="0" borderId="0" xfId="6" applyFont="1" applyAlignment="1">
      <alignment horizontal="right" vertical="center"/>
    </xf>
    <xf numFmtId="0" fontId="3" fillId="5" borderId="30" xfId="6" applyFont="1" applyFill="1" applyBorder="1" applyAlignment="1">
      <alignment vertical="center" shrinkToFit="1"/>
    </xf>
    <xf numFmtId="0" fontId="3" fillId="0" borderId="0" xfId="0" applyFont="1" applyAlignment="1">
      <alignment horizontal="left" vertical="top" wrapText="1"/>
    </xf>
    <xf numFmtId="0" fontId="4" fillId="0" borderId="0" xfId="0" applyFont="1"/>
    <xf numFmtId="0" fontId="3" fillId="0" borderId="0" xfId="0" applyFont="1" applyAlignment="1">
      <alignment vertical="top" wrapText="1"/>
    </xf>
    <xf numFmtId="0" fontId="3" fillId="0" borderId="9" xfId="0" applyFont="1" applyBorder="1" applyAlignment="1">
      <alignment vertical="top" wrapText="1"/>
    </xf>
    <xf numFmtId="0" fontId="3" fillId="0" borderId="10" xfId="0" applyFont="1" applyBorder="1" applyAlignment="1">
      <alignment horizontal="center" vertical="top"/>
    </xf>
    <xf numFmtId="0" fontId="3" fillId="0" borderId="9" xfId="0" applyFont="1" applyBorder="1" applyAlignment="1">
      <alignment vertical="center" wrapText="1"/>
    </xf>
    <xf numFmtId="0" fontId="3" fillId="0" borderId="11" xfId="0" applyFont="1" applyBorder="1"/>
    <xf numFmtId="0" fontId="3" fillId="0" borderId="14" xfId="0" applyFont="1" applyBorder="1"/>
    <xf numFmtId="0" fontId="3" fillId="0" borderId="14" xfId="0" applyFont="1" applyBorder="1" applyAlignment="1">
      <alignment horizontal="center"/>
    </xf>
    <xf numFmtId="0" fontId="3" fillId="0" borderId="3" xfId="0" applyFont="1" applyBorder="1"/>
    <xf numFmtId="49" fontId="3" fillId="0" borderId="6" xfId="0" applyNumberFormat="1" applyFont="1" applyBorder="1" applyAlignment="1">
      <alignment horizontal="left" vertical="center"/>
    </xf>
    <xf numFmtId="0" fontId="4" fillId="0" borderId="9" xfId="0" applyFont="1" applyBorder="1" applyAlignment="1">
      <alignment vertical="center"/>
    </xf>
    <xf numFmtId="49" fontId="3" fillId="0" borderId="0" xfId="0" applyNumberFormat="1" applyFont="1" applyAlignment="1">
      <alignment horizontal="left" vertical="center"/>
    </xf>
    <xf numFmtId="1" fontId="3" fillId="0" borderId="3" xfId="0" applyNumberFormat="1" applyFont="1" applyBorder="1" applyAlignment="1">
      <alignment vertical="center"/>
    </xf>
    <xf numFmtId="0" fontId="3" fillId="0" borderId="4" xfId="0" applyFont="1" applyBorder="1" applyAlignment="1">
      <alignment vertical="center"/>
    </xf>
    <xf numFmtId="0" fontId="30" fillId="0" borderId="0" xfId="0" applyFont="1" applyAlignment="1">
      <alignment horizontal="left" vertical="center"/>
    </xf>
    <xf numFmtId="0" fontId="4" fillId="0" borderId="0" xfId="0" applyFont="1" applyAlignment="1">
      <alignment horizontal="center" vertical="center"/>
    </xf>
    <xf numFmtId="0" fontId="3" fillId="0" borderId="14" xfId="0" applyFont="1" applyBorder="1" applyAlignment="1">
      <alignment horizontal="center" vertical="center"/>
    </xf>
    <xf numFmtId="0" fontId="3" fillId="0" borderId="12" xfId="0" applyFont="1" applyBorder="1" applyAlignment="1">
      <alignment vertical="center"/>
    </xf>
    <xf numFmtId="0" fontId="3" fillId="0" borderId="4" xfId="0" applyFont="1" applyBorder="1" applyAlignment="1">
      <alignment horizontal="left" vertical="center"/>
    </xf>
    <xf numFmtId="0" fontId="3" fillId="0" borderId="3" xfId="0" applyFont="1" applyBorder="1" applyAlignment="1">
      <alignment vertical="center" wrapText="1" shrinkToFit="1"/>
    </xf>
    <xf numFmtId="0" fontId="3" fillId="0" borderId="1" xfId="0" applyFont="1" applyBorder="1" applyAlignment="1">
      <alignment horizontal="centerContinuous" vertical="center"/>
    </xf>
    <xf numFmtId="0" fontId="4" fillId="0" borderId="0" xfId="0" applyFont="1" applyAlignment="1">
      <alignment vertical="center"/>
    </xf>
    <xf numFmtId="0" fontId="31" fillId="0" borderId="0" xfId="0" applyFont="1" applyAlignment="1">
      <alignment vertical="center"/>
    </xf>
    <xf numFmtId="0" fontId="3" fillId="0" borderId="5" xfId="0" applyFont="1" applyBorder="1" applyAlignment="1">
      <alignment horizontal="left" vertical="center" wrapText="1"/>
    </xf>
    <xf numFmtId="0" fontId="3" fillId="0" borderId="12" xfId="0" applyFont="1" applyBorder="1" applyAlignment="1">
      <alignment horizontal="left" vertical="center" wrapText="1"/>
    </xf>
    <xf numFmtId="0" fontId="3" fillId="0" borderId="13" xfId="0" applyFont="1" applyBorder="1" applyAlignment="1">
      <alignment horizontal="left" vertical="center" wrapText="1"/>
    </xf>
    <xf numFmtId="0" fontId="20" fillId="0" borderId="0" xfId="0" applyFont="1" applyAlignment="1">
      <alignment horizontal="left" vertical="top" wrapText="1"/>
    </xf>
    <xf numFmtId="0" fontId="20" fillId="0" borderId="0" xfId="0" applyFont="1" applyAlignment="1">
      <alignment horizontal="left" vertical="top"/>
    </xf>
    <xf numFmtId="0" fontId="20" fillId="0" borderId="0" xfId="0" applyFont="1" applyAlignment="1">
      <alignment vertical="top" wrapText="1"/>
    </xf>
    <xf numFmtId="0" fontId="20" fillId="0" borderId="0" xfId="0" applyFont="1" applyAlignment="1">
      <alignment vertical="top"/>
    </xf>
    <xf numFmtId="177" fontId="3" fillId="0" borderId="0" xfId="0" applyNumberFormat="1" applyFont="1" applyAlignment="1">
      <alignment vertical="center"/>
    </xf>
    <xf numFmtId="0" fontId="3" fillId="0" borderId="0" xfId="0" applyFont="1" applyAlignment="1">
      <alignment horizontal="center" vertical="center" wrapText="1"/>
    </xf>
    <xf numFmtId="0" fontId="3" fillId="0" borderId="5" xfId="0" applyFont="1" applyBorder="1" applyAlignment="1">
      <alignment vertical="center"/>
    </xf>
    <xf numFmtId="177" fontId="3" fillId="0" borderId="6" xfId="0" applyNumberFormat="1" applyFont="1" applyBorder="1" applyAlignment="1">
      <alignment vertical="center"/>
    </xf>
    <xf numFmtId="177" fontId="3" fillId="0" borderId="0" xfId="0" applyNumberFormat="1" applyFont="1" applyAlignment="1">
      <alignment horizontal="center" vertical="center"/>
    </xf>
    <xf numFmtId="0" fontId="3" fillId="0" borderId="8" xfId="0" applyFont="1" applyBorder="1" applyAlignment="1">
      <alignment horizontal="center" vertical="center"/>
    </xf>
    <xf numFmtId="0" fontId="30" fillId="0" borderId="9" xfId="0" applyFont="1" applyBorder="1" applyAlignment="1">
      <alignment vertical="center" shrinkToFit="1"/>
    </xf>
    <xf numFmtId="177" fontId="3" fillId="0" borderId="6" xfId="0" applyNumberFormat="1" applyFont="1" applyBorder="1" applyAlignment="1">
      <alignment horizontal="center" vertical="center"/>
    </xf>
    <xf numFmtId="0" fontId="9" fillId="0" borderId="6" xfId="0" applyFont="1" applyBorder="1" applyAlignment="1">
      <alignment horizontal="left" vertical="center"/>
    </xf>
    <xf numFmtId="177" fontId="3" fillId="0" borderId="10" xfId="0" applyNumberFormat="1" applyFont="1" applyBorder="1" applyAlignment="1">
      <alignment horizontal="center" vertical="center"/>
    </xf>
    <xf numFmtId="0" fontId="9" fillId="0" borderId="3" xfId="0" applyFont="1" applyBorder="1" applyAlignment="1">
      <alignment horizontal="left" vertical="center"/>
    </xf>
    <xf numFmtId="0" fontId="9" fillId="0" borderId="4" xfId="0" applyFont="1" applyBorder="1" applyAlignment="1">
      <alignment horizontal="left" vertical="center"/>
    </xf>
    <xf numFmtId="0" fontId="3" fillId="0" borderId="5" xfId="0" applyFont="1" applyBorder="1" applyAlignment="1">
      <alignment vertical="top"/>
    </xf>
    <xf numFmtId="0" fontId="3" fillId="0" borderId="7" xfId="0" applyFont="1" applyBorder="1" applyAlignment="1">
      <alignment vertical="top"/>
    </xf>
    <xf numFmtId="0" fontId="21" fillId="0" borderId="13" xfId="0" applyFont="1" applyBorder="1" applyAlignment="1">
      <alignment horizontal="center" vertical="center"/>
    </xf>
    <xf numFmtId="0" fontId="3" fillId="0" borderId="14" xfId="0" applyFont="1" applyBorder="1" applyAlignment="1">
      <alignment vertical="center"/>
    </xf>
    <xf numFmtId="0" fontId="9" fillId="0" borderId="5" xfId="0" applyFont="1" applyBorder="1" applyAlignment="1">
      <alignment vertical="center"/>
    </xf>
    <xf numFmtId="0" fontId="9" fillId="0" borderId="6" xfId="0" applyFont="1" applyBorder="1" applyAlignment="1">
      <alignment vertical="center"/>
    </xf>
    <xf numFmtId="0" fontId="9" fillId="0" borderId="12" xfId="0" applyFont="1" applyBorder="1" applyAlignment="1">
      <alignment vertical="center"/>
    </xf>
    <xf numFmtId="0" fontId="9" fillId="0" borderId="13" xfId="0" applyFont="1" applyBorder="1" applyAlignment="1">
      <alignment vertical="center"/>
    </xf>
    <xf numFmtId="0" fontId="3" fillId="0" borderId="13" xfId="2" applyFont="1" applyBorder="1" applyAlignment="1">
      <alignment horizontal="center" vertical="center"/>
    </xf>
    <xf numFmtId="0" fontId="3" fillId="0" borderId="14" xfId="2" applyFont="1" applyBorder="1" applyAlignment="1">
      <alignment horizontal="center" vertical="center"/>
    </xf>
    <xf numFmtId="0" fontId="9" fillId="0" borderId="2" xfId="0" applyFont="1" applyBorder="1" applyAlignment="1">
      <alignment vertical="center"/>
    </xf>
    <xf numFmtId="0" fontId="9" fillId="0" borderId="3" xfId="0" applyFont="1" applyBorder="1" applyAlignment="1">
      <alignment vertical="center"/>
    </xf>
    <xf numFmtId="0" fontId="3" fillId="0" borderId="7" xfId="0" applyFont="1" applyBorder="1" applyAlignment="1">
      <alignment vertical="center"/>
    </xf>
    <xf numFmtId="0" fontId="9" fillId="0" borderId="9" xfId="0" applyFont="1" applyBorder="1" applyAlignment="1">
      <alignment vertical="center"/>
    </xf>
    <xf numFmtId="0" fontId="9" fillId="0" borderId="0" xfId="0" applyFont="1" applyAlignment="1">
      <alignment vertical="center"/>
    </xf>
    <xf numFmtId="0" fontId="3" fillId="0" borderId="10" xfId="2" applyFont="1" applyBorder="1" applyAlignment="1">
      <alignment horizontal="center" vertical="center"/>
    </xf>
    <xf numFmtId="0" fontId="9" fillId="0" borderId="12" xfId="0" applyFont="1" applyBorder="1" applyAlignment="1">
      <alignment horizontal="left" vertical="center"/>
    </xf>
    <xf numFmtId="0" fontId="9" fillId="0" borderId="13" xfId="0" applyFont="1" applyBorder="1" applyAlignment="1">
      <alignment horizontal="left" vertical="center"/>
    </xf>
    <xf numFmtId="0" fontId="9" fillId="0" borderId="14" xfId="0" applyFont="1" applyBorder="1" applyAlignment="1">
      <alignment horizontal="left" vertical="center"/>
    </xf>
    <xf numFmtId="0" fontId="9" fillId="0" borderId="7" xfId="0" applyFont="1" applyBorder="1" applyAlignment="1">
      <alignment horizontal="left" vertical="center"/>
    </xf>
    <xf numFmtId="0" fontId="3" fillId="0" borderId="15" xfId="0" applyFont="1" applyBorder="1" applyAlignment="1">
      <alignment horizontal="center" vertical="center"/>
    </xf>
    <xf numFmtId="0" fontId="3" fillId="0" borderId="5" xfId="0" applyFont="1" applyBorder="1" applyAlignment="1">
      <alignment horizontal="center" vertical="center" wrapText="1"/>
    </xf>
    <xf numFmtId="0" fontId="3" fillId="0" borderId="6" xfId="0" applyFont="1" applyBorder="1" applyAlignment="1">
      <alignment horizontal="center" vertical="center" wrapText="1"/>
    </xf>
    <xf numFmtId="0" fontId="3" fillId="0" borderId="7" xfId="0" applyFont="1" applyBorder="1" applyAlignment="1">
      <alignment horizontal="center" vertical="center" wrapText="1"/>
    </xf>
    <xf numFmtId="0" fontId="30" fillId="0" borderId="0" xfId="0" applyFont="1" applyAlignment="1">
      <alignment vertical="center"/>
    </xf>
    <xf numFmtId="0" fontId="30" fillId="0" borderId="0" xfId="0" applyFont="1" applyAlignment="1">
      <alignment vertical="top"/>
    </xf>
    <xf numFmtId="177" fontId="3" fillId="0" borderId="13" xfId="0" applyNumberFormat="1" applyFont="1" applyBorder="1" applyAlignment="1">
      <alignment vertical="center"/>
    </xf>
    <xf numFmtId="0" fontId="3" fillId="0" borderId="12" xfId="0" applyFont="1" applyBorder="1" applyAlignment="1">
      <alignment horizontal="center" vertical="center" wrapText="1"/>
    </xf>
    <xf numFmtId="0" fontId="3" fillId="0" borderId="13" xfId="0" applyFont="1" applyBorder="1" applyAlignment="1">
      <alignment horizontal="center" vertical="center" wrapText="1"/>
    </xf>
    <xf numFmtId="0" fontId="3" fillId="0" borderId="14" xfId="0" applyFont="1" applyBorder="1" applyAlignment="1">
      <alignment horizontal="center" vertical="center" wrapText="1"/>
    </xf>
    <xf numFmtId="0" fontId="9" fillId="0" borderId="5" xfId="0" applyFont="1" applyBorder="1" applyAlignment="1">
      <alignment horizontal="left" vertical="center"/>
    </xf>
    <xf numFmtId="0" fontId="30" fillId="0" borderId="0" xfId="0" applyFont="1" applyAlignment="1">
      <alignment horizontal="left" vertical="top"/>
    </xf>
    <xf numFmtId="0" fontId="0" fillId="0" borderId="10" xfId="0" applyBorder="1"/>
    <xf numFmtId="0" fontId="0" fillId="0" borderId="6" xfId="0" applyBorder="1"/>
    <xf numFmtId="0" fontId="35" fillId="0" borderId="2" xfId="0" applyFont="1" applyBorder="1" applyAlignment="1">
      <alignment horizontal="center" vertical="center"/>
    </xf>
    <xf numFmtId="0" fontId="35" fillId="0" borderId="14" xfId="0" applyFont="1" applyBorder="1" applyAlignment="1">
      <alignment horizontal="center" vertical="center"/>
    </xf>
    <xf numFmtId="0" fontId="21" fillId="0" borderId="9" xfId="0" applyFont="1" applyBorder="1" applyAlignment="1">
      <alignment horizontal="center"/>
    </xf>
    <xf numFmtId="0" fontId="21" fillId="0" borderId="0" xfId="0" applyFont="1" applyAlignment="1">
      <alignment horizontal="center"/>
    </xf>
    <xf numFmtId="0" fontId="21" fillId="0" borderId="10" xfId="0" applyFont="1" applyBorder="1" applyAlignment="1">
      <alignment horizontal="center"/>
    </xf>
    <xf numFmtId="0" fontId="3" fillId="0" borderId="12" xfId="0" applyFont="1" applyBorder="1" applyAlignment="1">
      <alignment horizontal="left" vertical="top"/>
    </xf>
    <xf numFmtId="0" fontId="3" fillId="0" borderId="13" xfId="0" applyFont="1" applyBorder="1" applyAlignment="1">
      <alignment horizontal="left" vertical="top"/>
    </xf>
    <xf numFmtId="0" fontId="3" fillId="0" borderId="14" xfId="0" applyFont="1" applyBorder="1" applyAlignment="1">
      <alignment horizontal="left" vertical="top"/>
    </xf>
    <xf numFmtId="0" fontId="3" fillId="0" borderId="5" xfId="0" applyFont="1" applyBorder="1" applyAlignment="1">
      <alignment horizontal="left" vertical="top"/>
    </xf>
    <xf numFmtId="0" fontId="3" fillId="0" borderId="6" xfId="0" applyFont="1" applyBorder="1" applyAlignment="1">
      <alignment horizontal="left" vertical="top"/>
    </xf>
    <xf numFmtId="0" fontId="3" fillId="0" borderId="7" xfId="0" applyFont="1" applyBorder="1" applyAlignment="1">
      <alignment horizontal="left" vertical="top"/>
    </xf>
    <xf numFmtId="0" fontId="3" fillId="0" borderId="9" xfId="0" applyFont="1" applyBorder="1" applyAlignment="1">
      <alignment horizontal="left" vertical="top"/>
    </xf>
    <xf numFmtId="0" fontId="3" fillId="0" borderId="10" xfId="0" applyFont="1" applyBorder="1" applyAlignment="1">
      <alignment horizontal="left" vertical="top"/>
    </xf>
    <xf numFmtId="0" fontId="4" fillId="0" borderId="0" xfId="0" applyFont="1" applyAlignment="1">
      <alignment horizontal="left" vertical="center"/>
    </xf>
    <xf numFmtId="0" fontId="3" fillId="0" borderId="49" xfId="0" applyFont="1" applyBorder="1" applyAlignment="1">
      <alignment horizontal="center" vertical="center"/>
    </xf>
    <xf numFmtId="0" fontId="3" fillId="0" borderId="50" xfId="0" applyFont="1" applyBorder="1" applyAlignment="1">
      <alignment horizontal="center" vertical="center"/>
    </xf>
    <xf numFmtId="0" fontId="3" fillId="0" borderId="51" xfId="0" applyFont="1" applyBorder="1" applyAlignment="1">
      <alignment horizontal="center" vertical="center"/>
    </xf>
    <xf numFmtId="0" fontId="3" fillId="0" borderId="50" xfId="0" applyFont="1" applyBorder="1" applyAlignment="1">
      <alignment horizontal="left" vertical="center"/>
    </xf>
    <xf numFmtId="0" fontId="4" fillId="0" borderId="50" xfId="0" applyFont="1" applyBorder="1" applyAlignment="1">
      <alignment horizontal="center" vertical="center"/>
    </xf>
    <xf numFmtId="0" fontId="3" fillId="0" borderId="51" xfId="0" applyFont="1" applyBorder="1" applyAlignment="1">
      <alignment horizontal="left" vertical="center"/>
    </xf>
    <xf numFmtId="0" fontId="3" fillId="0" borderId="52" xfId="0" applyFont="1" applyBorder="1" applyAlignment="1">
      <alignment horizontal="center" vertical="center"/>
    </xf>
    <xf numFmtId="0" fontId="3" fillId="0" borderId="30" xfId="0" applyFont="1" applyBorder="1" applyAlignment="1">
      <alignment horizontal="center" vertical="center"/>
    </xf>
    <xf numFmtId="0" fontId="3" fillId="0" borderId="53" xfId="0" applyFont="1" applyBorder="1" applyAlignment="1">
      <alignment horizontal="center" vertical="center"/>
    </xf>
    <xf numFmtId="0" fontId="4" fillId="0" borderId="0" xfId="0" applyFont="1" applyAlignment="1">
      <alignment horizontal="left" vertical="center" wrapText="1"/>
    </xf>
    <xf numFmtId="0" fontId="4" fillId="0" borderId="0" xfId="0" applyFont="1" applyAlignment="1">
      <alignment horizontal="left" vertical="center" wrapText="1" indent="1"/>
    </xf>
    <xf numFmtId="0" fontId="4" fillId="0" borderId="54" xfId="0" applyFont="1" applyBorder="1" applyAlignment="1">
      <alignment horizontal="center" vertical="center"/>
    </xf>
    <xf numFmtId="0" fontId="3" fillId="0" borderId="9" xfId="0" applyFont="1" applyBorder="1" applyAlignment="1">
      <alignment horizontal="center" vertical="center" wrapText="1"/>
    </xf>
    <xf numFmtId="0" fontId="3" fillId="0" borderId="10" xfId="0" applyFont="1" applyBorder="1" applyAlignment="1">
      <alignment horizontal="center" vertical="center" wrapText="1"/>
    </xf>
    <xf numFmtId="0" fontId="3" fillId="0" borderId="9" xfId="2" applyFont="1" applyBorder="1" applyAlignment="1">
      <alignment horizontal="center" vertical="center"/>
    </xf>
    <xf numFmtId="0" fontId="21" fillId="0" borderId="9" xfId="0" applyFont="1" applyBorder="1" applyAlignment="1">
      <alignment horizontal="center" vertical="center"/>
    </xf>
    <xf numFmtId="0" fontId="21" fillId="0" borderId="10" xfId="0" applyFont="1" applyBorder="1" applyAlignment="1">
      <alignment horizontal="center" vertical="center"/>
    </xf>
    <xf numFmtId="0" fontId="20" fillId="0" borderId="0" xfId="0" applyFont="1" applyAlignment="1">
      <alignment horizontal="left" vertical="center"/>
    </xf>
    <xf numFmtId="0" fontId="7" fillId="0" borderId="0" xfId="0" applyFont="1" applyAlignment="1">
      <alignment horizontal="left" vertical="center"/>
    </xf>
    <xf numFmtId="0" fontId="3" fillId="0" borderId="10" xfId="0" applyFont="1" applyBorder="1" applyAlignment="1">
      <alignment horizontal="left" vertical="center" indent="1"/>
    </xf>
    <xf numFmtId="181" fontId="3" fillId="0" borderId="0" xfId="0" applyNumberFormat="1" applyFont="1" applyAlignment="1">
      <alignment horizontal="left" vertical="center"/>
    </xf>
    <xf numFmtId="0" fontId="11" fillId="0" borderId="0" xfId="6">
      <alignment vertical="center"/>
    </xf>
    <xf numFmtId="0" fontId="11" fillId="0" borderId="13" xfId="6" applyBorder="1">
      <alignment vertical="center"/>
    </xf>
    <xf numFmtId="0" fontId="11" fillId="0" borderId="6" xfId="6" applyBorder="1">
      <alignment vertical="center"/>
    </xf>
    <xf numFmtId="177" fontId="0" fillId="0" borderId="6" xfId="7" applyNumberFormat="1" applyFont="1" applyFill="1" applyBorder="1" applyAlignment="1">
      <alignment horizontal="center" vertical="center"/>
    </xf>
    <xf numFmtId="0" fontId="11" fillId="0" borderId="6" xfId="6" applyBorder="1" applyAlignment="1">
      <alignment horizontal="center" vertical="center"/>
    </xf>
    <xf numFmtId="178" fontId="11" fillId="0" borderId="6" xfId="6" applyNumberFormat="1" applyBorder="1" applyAlignment="1">
      <alignment horizontal="center" vertical="center"/>
    </xf>
    <xf numFmtId="0" fontId="11" fillId="0" borderId="6" xfId="6" applyBorder="1" applyAlignment="1">
      <alignment horizontal="center" vertical="center" wrapText="1"/>
    </xf>
    <xf numFmtId="0" fontId="11" fillId="0" borderId="2" xfId="6" applyBorder="1" applyAlignment="1">
      <alignment horizontal="center" vertical="center"/>
    </xf>
    <xf numFmtId="0" fontId="11" fillId="0" borderId="2" xfId="6" applyBorder="1">
      <alignment vertical="center"/>
    </xf>
    <xf numFmtId="0" fontId="11" fillId="5" borderId="0" xfId="6" applyFill="1" applyAlignment="1">
      <alignment horizontal="center" vertical="center"/>
    </xf>
    <xf numFmtId="0" fontId="11" fillId="0" borderId="0" xfId="6" applyAlignment="1">
      <alignment horizontal="center" vertical="center"/>
    </xf>
    <xf numFmtId="0" fontId="11" fillId="0" borderId="0" xfId="6" applyAlignment="1">
      <alignment horizontal="right" vertical="center"/>
    </xf>
    <xf numFmtId="0" fontId="3" fillId="0" borderId="11" xfId="0" applyFont="1" applyBorder="1" applyAlignment="1">
      <alignment horizontal="center" vertical="center"/>
    </xf>
    <xf numFmtId="0" fontId="21" fillId="0" borderId="6" xfId="0" applyFont="1" applyBorder="1" applyAlignment="1">
      <alignment horizontal="center" vertical="center"/>
    </xf>
    <xf numFmtId="0" fontId="21" fillId="0" borderId="7" xfId="0" applyFont="1" applyBorder="1" applyAlignment="1">
      <alignment horizontal="center" vertical="center"/>
    </xf>
    <xf numFmtId="0" fontId="21" fillId="0" borderId="12" xfId="0" applyFont="1" applyBorder="1" applyAlignment="1">
      <alignment horizontal="center" vertical="center"/>
    </xf>
    <xf numFmtId="0" fontId="21" fillId="0" borderId="14" xfId="0" applyFont="1" applyBorder="1" applyAlignment="1">
      <alignment horizontal="center" vertical="center"/>
    </xf>
    <xf numFmtId="0" fontId="3" fillId="0" borderId="14" xfId="0" applyFont="1" applyBorder="1" applyAlignment="1">
      <alignment vertical="center" wrapText="1"/>
    </xf>
    <xf numFmtId="0" fontId="3" fillId="0" borderId="5" xfId="2" applyFont="1" applyBorder="1" applyAlignment="1">
      <alignment horizontal="center" vertical="center"/>
    </xf>
    <xf numFmtId="0" fontId="3" fillId="0" borderId="5" xfId="0" applyFont="1" applyBorder="1" applyAlignment="1">
      <alignment vertical="center" shrinkToFit="1"/>
    </xf>
    <xf numFmtId="0" fontId="3" fillId="0" borderId="2" xfId="0" applyFont="1" applyBorder="1" applyAlignment="1">
      <alignment vertical="center" shrinkToFit="1"/>
    </xf>
    <xf numFmtId="0" fontId="3" fillId="0" borderId="3" xfId="0" applyFont="1" applyBorder="1" applyAlignment="1">
      <alignment vertical="center" shrinkToFit="1"/>
    </xf>
    <xf numFmtId="0" fontId="20" fillId="0" borderId="13" xfId="0" applyFont="1" applyBorder="1" applyAlignment="1">
      <alignment vertical="center"/>
    </xf>
    <xf numFmtId="0" fontId="20" fillId="0" borderId="0" xfId="0" applyFont="1"/>
    <xf numFmtId="0" fontId="20" fillId="0" borderId="0" xfId="0" applyFont="1" applyAlignment="1">
      <alignment horizontal="left"/>
    </xf>
    <xf numFmtId="0" fontId="20" fillId="0" borderId="0" xfId="0" applyFont="1" applyAlignment="1">
      <alignment vertical="center" wrapText="1"/>
    </xf>
    <xf numFmtId="0" fontId="20" fillId="0" borderId="0" xfId="0" applyFont="1" applyAlignment="1">
      <alignment horizontal="left" vertical="center" wrapText="1"/>
    </xf>
    <xf numFmtId="0" fontId="3" fillId="3" borderId="0" xfId="0" applyFont="1" applyFill="1"/>
    <xf numFmtId="0" fontId="3" fillId="3" borderId="0" xfId="0" applyFont="1" applyFill="1" applyAlignment="1">
      <alignment horizontal="center"/>
    </xf>
    <xf numFmtId="0" fontId="4" fillId="3" borderId="0" xfId="0" applyFont="1" applyFill="1"/>
    <xf numFmtId="0" fontId="3" fillId="3" borderId="0" xfId="0" applyFont="1" applyFill="1" applyAlignment="1">
      <alignment horizontal="left" vertical="top"/>
    </xf>
    <xf numFmtId="0" fontId="3" fillId="3" borderId="0" xfId="0" applyFont="1" applyFill="1" applyAlignment="1">
      <alignment horizontal="left" vertical="center"/>
    </xf>
    <xf numFmtId="0" fontId="3" fillId="3" borderId="5" xfId="0" applyFont="1" applyFill="1" applyBorder="1" applyAlignment="1">
      <alignment horizontal="left" vertical="center"/>
    </xf>
    <xf numFmtId="0" fontId="3" fillId="3" borderId="6" xfId="0" applyFont="1" applyFill="1" applyBorder="1" applyAlignment="1">
      <alignment horizontal="left" vertical="center"/>
    </xf>
    <xf numFmtId="0" fontId="3" fillId="3" borderId="7" xfId="0" applyFont="1" applyFill="1" applyBorder="1" applyAlignment="1">
      <alignment horizontal="left" vertical="center"/>
    </xf>
    <xf numFmtId="0" fontId="3" fillId="3" borderId="9" xfId="0" applyFont="1" applyFill="1" applyBorder="1" applyAlignment="1">
      <alignment horizontal="left" vertical="center"/>
    </xf>
    <xf numFmtId="0" fontId="3" fillId="3" borderId="10" xfId="0" applyFont="1" applyFill="1" applyBorder="1" applyAlignment="1">
      <alignment horizontal="left" vertical="center"/>
    </xf>
    <xf numFmtId="0" fontId="3" fillId="3" borderId="9" xfId="2" applyFont="1" applyFill="1" applyBorder="1" applyAlignment="1">
      <alignment horizontal="center" vertical="center"/>
    </xf>
    <xf numFmtId="0" fontId="3" fillId="3" borderId="0" xfId="2" applyFont="1" applyFill="1" applyAlignment="1">
      <alignment horizontal="center" vertical="center"/>
    </xf>
    <xf numFmtId="0" fontId="3" fillId="3" borderId="10" xfId="2" applyFont="1" applyFill="1" applyBorder="1" applyAlignment="1">
      <alignment horizontal="center" vertical="center"/>
    </xf>
    <xf numFmtId="0" fontId="4" fillId="3" borderId="0" xfId="0" applyFont="1" applyFill="1" applyAlignment="1">
      <alignment vertical="center" wrapText="1"/>
    </xf>
    <xf numFmtId="0" fontId="4" fillId="3" borderId="1" xfId="0" applyFont="1" applyFill="1" applyBorder="1" applyAlignment="1">
      <alignment horizontal="center" vertical="center"/>
    </xf>
    <xf numFmtId="0" fontId="3" fillId="3" borderId="0" xfId="0" applyFont="1" applyFill="1" applyAlignment="1">
      <alignment vertical="center" wrapText="1"/>
    </xf>
    <xf numFmtId="0" fontId="21" fillId="3" borderId="9" xfId="0" applyFont="1" applyFill="1" applyBorder="1" applyAlignment="1">
      <alignment horizontal="center" vertical="center"/>
    </xf>
    <xf numFmtId="0" fontId="21" fillId="3" borderId="0" xfId="0" applyFont="1" applyFill="1" applyAlignment="1">
      <alignment horizontal="center" vertical="center"/>
    </xf>
    <xf numFmtId="0" fontId="21" fillId="3" borderId="10" xfId="0" applyFont="1" applyFill="1" applyBorder="1" applyAlignment="1">
      <alignment horizontal="center" vertical="center"/>
    </xf>
    <xf numFmtId="0" fontId="3" fillId="3" borderId="12" xfId="0" applyFont="1" applyFill="1" applyBorder="1" applyAlignment="1">
      <alignment horizontal="left" vertical="center"/>
    </xf>
    <xf numFmtId="0" fontId="3" fillId="3" borderId="13" xfId="0" applyFont="1" applyFill="1" applyBorder="1" applyAlignment="1">
      <alignment horizontal="left" vertical="center"/>
    </xf>
    <xf numFmtId="0" fontId="3" fillId="3" borderId="14" xfId="0" applyFont="1" applyFill="1" applyBorder="1" applyAlignment="1">
      <alignment horizontal="left" vertical="center"/>
    </xf>
    <xf numFmtId="0" fontId="3" fillId="3" borderId="9" xfId="0" applyFont="1" applyFill="1" applyBorder="1" applyAlignment="1">
      <alignment vertical="center"/>
    </xf>
    <xf numFmtId="0" fontId="3" fillId="3" borderId="9" xfId="0" applyFont="1" applyFill="1" applyBorder="1" applyAlignment="1">
      <alignment horizontal="left" vertical="center" wrapText="1"/>
    </xf>
    <xf numFmtId="0" fontId="3" fillId="3" borderId="0" xfId="0" applyFont="1" applyFill="1" applyAlignment="1">
      <alignment horizontal="left" vertical="center" wrapText="1"/>
    </xf>
    <xf numFmtId="0" fontId="3" fillId="3" borderId="10" xfId="0" applyFont="1" applyFill="1" applyBorder="1" applyAlignment="1">
      <alignment horizontal="left" vertical="center" wrapText="1"/>
    </xf>
    <xf numFmtId="0" fontId="3" fillId="3" borderId="0" xfId="0" applyFont="1" applyFill="1" applyAlignment="1">
      <alignment horizontal="center" vertical="center"/>
    </xf>
    <xf numFmtId="0" fontId="20" fillId="3" borderId="0" xfId="0" quotePrefix="1" applyFont="1" applyFill="1" applyAlignment="1">
      <alignment horizontal="center" vertical="center"/>
    </xf>
    <xf numFmtId="0" fontId="4" fillId="3" borderId="0" xfId="0" applyFont="1" applyFill="1" applyAlignment="1">
      <alignment horizontal="left" vertical="center" wrapText="1"/>
    </xf>
    <xf numFmtId="0" fontId="4" fillId="3" borderId="0" xfId="0" applyFont="1" applyFill="1" applyAlignment="1">
      <alignment horizontal="center" vertical="center"/>
    </xf>
    <xf numFmtId="0" fontId="3" fillId="3" borderId="9" xfId="0" applyFont="1" applyFill="1" applyBorder="1" applyAlignment="1">
      <alignment vertical="center" wrapText="1"/>
    </xf>
    <xf numFmtId="0" fontId="3" fillId="3" borderId="10" xfId="0" applyFont="1" applyFill="1" applyBorder="1" applyAlignment="1">
      <alignment vertical="center" wrapText="1"/>
    </xf>
    <xf numFmtId="0" fontId="3" fillId="3" borderId="24" xfId="0" applyFont="1" applyFill="1" applyBorder="1" applyAlignment="1">
      <alignment horizontal="left" vertical="center"/>
    </xf>
    <xf numFmtId="0" fontId="3" fillId="3" borderId="6" xfId="0" applyFont="1" applyFill="1" applyBorder="1" applyAlignment="1">
      <alignment horizontal="center" vertical="center"/>
    </xf>
    <xf numFmtId="0" fontId="20" fillId="3" borderId="6" xfId="0" quotePrefix="1" applyFont="1" applyFill="1" applyBorder="1" applyAlignment="1">
      <alignment horizontal="center" vertical="center"/>
    </xf>
    <xf numFmtId="0" fontId="4" fillId="3" borderId="6" xfId="0" applyFont="1" applyFill="1" applyBorder="1" applyAlignment="1">
      <alignment horizontal="left" vertical="center" wrapText="1"/>
    </xf>
    <xf numFmtId="0" fontId="4" fillId="3" borderId="6" xfId="0" applyFont="1" applyFill="1" applyBorder="1" applyAlignment="1">
      <alignment horizontal="center" vertical="center"/>
    </xf>
    <xf numFmtId="0" fontId="4" fillId="3" borderId="0" xfId="0" applyFont="1" applyFill="1" applyAlignment="1">
      <alignment horizontal="center" vertical="center" wrapText="1"/>
    </xf>
    <xf numFmtId="0" fontId="3" fillId="3" borderId="55" xfId="0" applyFont="1" applyFill="1" applyBorder="1" applyAlignment="1">
      <alignment horizontal="left" vertical="center"/>
    </xf>
    <xf numFmtId="0" fontId="20" fillId="3" borderId="56" xfId="0" quotePrefix="1" applyFont="1" applyFill="1" applyBorder="1" applyAlignment="1">
      <alignment horizontal="center" vertical="center"/>
    </xf>
    <xf numFmtId="0" fontId="4" fillId="3" borderId="6" xfId="0" applyFont="1" applyFill="1" applyBorder="1" applyAlignment="1">
      <alignment horizontal="center" vertical="center" wrapText="1"/>
    </xf>
    <xf numFmtId="0" fontId="3" fillId="3" borderId="60" xfId="0" quotePrefix="1" applyFont="1" applyFill="1" applyBorder="1" applyAlignment="1">
      <alignment horizontal="center" vertical="center"/>
    </xf>
    <xf numFmtId="0" fontId="3" fillId="3" borderId="61" xfId="2" applyFont="1" applyFill="1" applyBorder="1" applyAlignment="1">
      <alignment horizontal="center" vertical="center"/>
    </xf>
    <xf numFmtId="0" fontId="3" fillId="3" borderId="10" xfId="0" applyFont="1" applyFill="1" applyBorder="1" applyAlignment="1">
      <alignment horizontal="center" vertical="center"/>
    </xf>
    <xf numFmtId="0" fontId="3" fillId="3" borderId="0" xfId="0" applyFont="1" applyFill="1" applyAlignment="1">
      <alignment horizontal="center" vertical="center" wrapText="1"/>
    </xf>
    <xf numFmtId="0" fontId="3" fillId="3" borderId="2" xfId="0" applyFont="1" applyFill="1" applyBorder="1" applyAlignment="1">
      <alignment horizontal="center" vertical="center" wrapText="1"/>
    </xf>
    <xf numFmtId="0" fontId="3" fillId="3" borderId="3" xfId="0" applyFont="1" applyFill="1" applyBorder="1" applyAlignment="1">
      <alignment horizontal="left" vertical="center" wrapText="1"/>
    </xf>
    <xf numFmtId="0" fontId="3" fillId="3" borderId="60" xfId="0" applyFont="1" applyFill="1" applyBorder="1" applyAlignment="1">
      <alignment horizontal="center" vertical="center"/>
    </xf>
    <xf numFmtId="0" fontId="3" fillId="3" borderId="61" xfId="0" applyFont="1" applyFill="1" applyBorder="1" applyAlignment="1">
      <alignment horizontal="left" vertical="center"/>
    </xf>
    <xf numFmtId="0" fontId="3" fillId="3" borderId="13" xfId="0" applyFont="1" applyFill="1" applyBorder="1" applyAlignment="1">
      <alignment horizontal="left" vertical="center" wrapText="1"/>
    </xf>
    <xf numFmtId="0" fontId="3" fillId="3" borderId="62" xfId="0" applyFont="1" applyFill="1" applyBorder="1" applyAlignment="1">
      <alignment horizontal="center" vertical="center"/>
    </xf>
    <xf numFmtId="0" fontId="3" fillId="3" borderId="63" xfId="0" applyFont="1" applyFill="1" applyBorder="1" applyAlignment="1">
      <alignment horizontal="left" vertical="center"/>
    </xf>
    <xf numFmtId="0" fontId="3" fillId="3" borderId="6" xfId="0" applyFont="1" applyFill="1" applyBorder="1" applyAlignment="1">
      <alignment horizontal="left" vertical="center" wrapText="1"/>
    </xf>
    <xf numFmtId="0" fontId="3" fillId="3" borderId="6" xfId="0" applyFont="1" applyFill="1" applyBorder="1" applyAlignment="1">
      <alignment horizontal="center" vertical="center" wrapText="1"/>
    </xf>
    <xf numFmtId="0" fontId="3" fillId="3" borderId="61" xfId="0" applyFont="1" applyFill="1" applyBorder="1" applyAlignment="1">
      <alignment horizontal="center" vertical="center"/>
    </xf>
    <xf numFmtId="0" fontId="3" fillId="3" borderId="13" xfId="0" applyFont="1" applyFill="1" applyBorder="1" applyAlignment="1">
      <alignment horizontal="center" vertical="center"/>
    </xf>
    <xf numFmtId="0" fontId="3" fillId="3" borderId="13" xfId="0" applyFont="1" applyFill="1" applyBorder="1" applyAlignment="1">
      <alignment horizontal="center" vertical="center" wrapText="1"/>
    </xf>
    <xf numFmtId="0" fontId="4" fillId="3" borderId="13" xfId="0" applyFont="1" applyFill="1" applyBorder="1" applyAlignment="1">
      <alignment horizontal="left" vertical="center" wrapText="1"/>
    </xf>
    <xf numFmtId="0" fontId="4" fillId="3" borderId="13" xfId="0" applyFont="1" applyFill="1" applyBorder="1" applyAlignment="1">
      <alignment horizontal="center" vertical="center"/>
    </xf>
    <xf numFmtId="0" fontId="20" fillId="3" borderId="63" xfId="0" quotePrefix="1" applyFont="1" applyFill="1" applyBorder="1" applyAlignment="1">
      <alignment horizontal="center" vertical="center"/>
    </xf>
    <xf numFmtId="0" fontId="3" fillId="3" borderId="63" xfId="0" applyFont="1" applyFill="1" applyBorder="1" applyAlignment="1">
      <alignment horizontal="center" vertical="center"/>
    </xf>
    <xf numFmtId="0" fontId="3" fillId="3" borderId="61" xfId="0" quotePrefix="1" applyFont="1" applyFill="1" applyBorder="1" applyAlignment="1">
      <alignment vertical="center"/>
    </xf>
    <xf numFmtId="0" fontId="3" fillId="3" borderId="5" xfId="0" applyFont="1" applyFill="1" applyBorder="1" applyAlignment="1">
      <alignment horizontal="center" vertical="center" wrapText="1"/>
    </xf>
    <xf numFmtId="0" fontId="3" fillId="3" borderId="7" xfId="0" applyFont="1" applyFill="1" applyBorder="1" applyAlignment="1">
      <alignment horizontal="left" vertical="center" wrapText="1"/>
    </xf>
    <xf numFmtId="0" fontId="3" fillId="3" borderId="4" xfId="0" applyFont="1" applyFill="1" applyBorder="1" applyAlignment="1">
      <alignment horizontal="left" vertical="center" wrapText="1"/>
    </xf>
    <xf numFmtId="0" fontId="20" fillId="3" borderId="9" xfId="0" quotePrefix="1" applyFont="1" applyFill="1" applyBorder="1" applyAlignment="1">
      <alignment horizontal="center" vertical="center"/>
    </xf>
    <xf numFmtId="0" fontId="3" fillId="3" borderId="11" xfId="0" applyFont="1" applyFill="1" applyBorder="1" applyAlignment="1">
      <alignment horizontal="left" vertical="center"/>
    </xf>
    <xf numFmtId="0" fontId="4" fillId="3" borderId="9" xfId="0" applyFont="1" applyFill="1" applyBorder="1" applyAlignment="1">
      <alignment horizontal="center" vertical="center"/>
    </xf>
    <xf numFmtId="0" fontId="20" fillId="3" borderId="6" xfId="0" quotePrefix="1" applyFont="1" applyFill="1" applyBorder="1" applyAlignment="1">
      <alignment horizontal="center" vertical="center" wrapText="1"/>
    </xf>
    <xf numFmtId="0" fontId="3" fillId="3" borderId="64" xfId="0" applyFont="1" applyFill="1" applyBorder="1" applyAlignment="1">
      <alignment horizontal="left" vertical="center"/>
    </xf>
    <xf numFmtId="0" fontId="3" fillId="3" borderId="65" xfId="0" applyFont="1" applyFill="1" applyBorder="1" applyAlignment="1">
      <alignment horizontal="left" vertical="center"/>
    </xf>
    <xf numFmtId="0" fontId="3" fillId="3" borderId="13" xfId="0" applyFont="1" applyFill="1" applyBorder="1" applyAlignment="1">
      <alignment horizontal="right" vertical="center"/>
    </xf>
    <xf numFmtId="0" fontId="3" fillId="3" borderId="0" xfId="0" applyFont="1" applyFill="1" applyAlignment="1">
      <alignment horizontal="right" vertical="center"/>
    </xf>
    <xf numFmtId="0" fontId="3" fillId="3" borderId="5" xfId="0" applyFont="1" applyFill="1" applyBorder="1" applyAlignment="1">
      <alignment vertical="center"/>
    </xf>
    <xf numFmtId="0" fontId="3" fillId="3" borderId="6" xfId="0" applyFont="1" applyFill="1" applyBorder="1" applyAlignment="1">
      <alignment vertical="center"/>
    </xf>
    <xf numFmtId="0" fontId="9" fillId="3" borderId="6" xfId="0" applyFont="1" applyFill="1" applyBorder="1" applyAlignment="1">
      <alignment vertical="center"/>
    </xf>
    <xf numFmtId="0" fontId="3" fillId="3" borderId="6" xfId="2" applyFont="1" applyFill="1" applyBorder="1" applyAlignment="1">
      <alignment horizontal="center" vertical="center"/>
    </xf>
    <xf numFmtId="0" fontId="3" fillId="3" borderId="7" xfId="0" applyFont="1" applyFill="1" applyBorder="1" applyAlignment="1">
      <alignment vertical="center"/>
    </xf>
    <xf numFmtId="0" fontId="3" fillId="3" borderId="12" xfId="0" applyFont="1" applyFill="1" applyBorder="1" applyAlignment="1">
      <alignment vertical="center"/>
    </xf>
    <xf numFmtId="0" fontId="3" fillId="3" borderId="13" xfId="0" applyFont="1" applyFill="1" applyBorder="1" applyAlignment="1">
      <alignment vertical="center"/>
    </xf>
    <xf numFmtId="0" fontId="9" fillId="3" borderId="13" xfId="0" applyFont="1" applyFill="1" applyBorder="1" applyAlignment="1">
      <alignment vertical="center"/>
    </xf>
    <xf numFmtId="0" fontId="3" fillId="3" borderId="14" xfId="0" applyFont="1" applyFill="1" applyBorder="1" applyAlignment="1">
      <alignment vertical="center"/>
    </xf>
    <xf numFmtId="0" fontId="3" fillId="3" borderId="2" xfId="0" applyFont="1" applyFill="1" applyBorder="1" applyAlignment="1">
      <alignment vertical="center"/>
    </xf>
    <xf numFmtId="0" fontId="3" fillId="3" borderId="3" xfId="0" applyFont="1" applyFill="1" applyBorder="1" applyAlignment="1">
      <alignment vertical="center"/>
    </xf>
    <xf numFmtId="0" fontId="9" fillId="3" borderId="3" xfId="0" applyFont="1" applyFill="1" applyBorder="1" applyAlignment="1">
      <alignment vertical="center"/>
    </xf>
    <xf numFmtId="0" fontId="3" fillId="3" borderId="3" xfId="2" applyFont="1" applyFill="1" applyBorder="1" applyAlignment="1">
      <alignment horizontal="center" vertical="center"/>
    </xf>
    <xf numFmtId="0" fontId="3" fillId="3" borderId="4" xfId="0" applyFont="1" applyFill="1" applyBorder="1" applyAlignment="1">
      <alignment vertical="center"/>
    </xf>
    <xf numFmtId="0" fontId="4" fillId="0" borderId="9" xfId="0" applyFont="1" applyBorder="1" applyAlignment="1">
      <alignment vertical="center" wrapText="1"/>
    </xf>
    <xf numFmtId="0" fontId="4" fillId="0" borderId="0" xfId="0" applyFont="1" applyAlignment="1">
      <alignment vertical="center" wrapText="1"/>
    </xf>
    <xf numFmtId="0" fontId="3" fillId="0" borderId="10" xfId="0" applyFont="1" applyBorder="1" applyAlignment="1">
      <alignment horizontal="left" vertical="center" wrapText="1"/>
    </xf>
    <xf numFmtId="0" fontId="20" fillId="0" borderId="0" xfId="0" quotePrefix="1" applyFont="1" applyAlignment="1">
      <alignment horizontal="center" vertical="center"/>
    </xf>
    <xf numFmtId="0" fontId="20" fillId="0" borderId="6" xfId="0" quotePrefix="1" applyFont="1" applyBorder="1" applyAlignment="1">
      <alignment horizontal="center" vertical="center"/>
    </xf>
    <xf numFmtId="0" fontId="4" fillId="0" borderId="6" xfId="0" applyFont="1" applyBorder="1" applyAlignment="1">
      <alignment horizontal="left" vertical="center" wrapText="1"/>
    </xf>
    <xf numFmtId="0" fontId="4" fillId="0" borderId="6" xfId="0" applyFont="1" applyBorder="1" applyAlignment="1">
      <alignment horizontal="center" vertical="center"/>
    </xf>
    <xf numFmtId="0" fontId="4" fillId="0" borderId="0" xfId="0" applyFont="1" applyAlignment="1">
      <alignment horizontal="center" vertical="center" wrapText="1"/>
    </xf>
    <xf numFmtId="0" fontId="3" fillId="0" borderId="55" xfId="0" applyFont="1" applyBorder="1" applyAlignment="1">
      <alignment horizontal="left" vertical="center"/>
    </xf>
    <xf numFmtId="0" fontId="20" fillId="0" borderId="56" xfId="0" quotePrefix="1" applyFont="1" applyBorder="1" applyAlignment="1">
      <alignment horizontal="center" vertical="center"/>
    </xf>
    <xf numFmtId="0" fontId="4" fillId="0" borderId="6" xfId="0" applyFont="1" applyBorder="1" applyAlignment="1">
      <alignment horizontal="center" vertical="center" wrapText="1"/>
    </xf>
    <xf numFmtId="0" fontId="3" fillId="0" borderId="60" xfId="0" quotePrefix="1" applyFont="1" applyBorder="1" applyAlignment="1">
      <alignment horizontal="center" vertical="center"/>
    </xf>
    <xf numFmtId="0" fontId="3" fillId="0" borderId="61" xfId="2" applyFont="1" applyBorder="1" applyAlignment="1">
      <alignment horizontal="center" vertical="center"/>
    </xf>
    <xf numFmtId="0" fontId="3" fillId="0" borderId="2" xfId="0" applyFont="1" applyBorder="1" applyAlignment="1">
      <alignment horizontal="center" vertical="center" wrapText="1"/>
    </xf>
    <xf numFmtId="0" fontId="3" fillId="0" borderId="3" xfId="0" applyFont="1" applyBorder="1" applyAlignment="1">
      <alignment horizontal="left" vertical="center" wrapText="1"/>
    </xf>
    <xf numFmtId="0" fontId="3" fillId="0" borderId="60" xfId="0" applyFont="1" applyBorder="1" applyAlignment="1">
      <alignment horizontal="center" vertical="center"/>
    </xf>
    <xf numFmtId="0" fontId="3" fillId="0" borderId="61" xfId="0" applyFont="1" applyBorder="1" applyAlignment="1">
      <alignment horizontal="left" vertical="center"/>
    </xf>
    <xf numFmtId="0" fontId="3" fillId="0" borderId="62" xfId="0" applyFont="1" applyBorder="1" applyAlignment="1">
      <alignment horizontal="center" vertical="center"/>
    </xf>
    <xf numFmtId="0" fontId="3" fillId="0" borderId="63" xfId="0" applyFont="1" applyBorder="1" applyAlignment="1">
      <alignment horizontal="left" vertical="center"/>
    </xf>
    <xf numFmtId="0" fontId="3" fillId="0" borderId="61" xfId="0" applyFont="1" applyBorder="1" applyAlignment="1">
      <alignment horizontal="center" vertical="center"/>
    </xf>
    <xf numFmtId="0" fontId="4" fillId="0" borderId="13" xfId="0" applyFont="1" applyBorder="1" applyAlignment="1">
      <alignment horizontal="left" vertical="center" wrapText="1"/>
    </xf>
    <xf numFmtId="0" fontId="4" fillId="0" borderId="13" xfId="0" applyFont="1" applyBorder="1" applyAlignment="1">
      <alignment horizontal="center" vertical="center"/>
    </xf>
    <xf numFmtId="0" fontId="20" fillId="0" borderId="63" xfId="0" quotePrefix="1" applyFont="1" applyBorder="1" applyAlignment="1">
      <alignment horizontal="center" vertical="center"/>
    </xf>
    <xf numFmtId="0" fontId="3" fillId="0" borderId="63" xfId="0" applyFont="1" applyBorder="1" applyAlignment="1">
      <alignment horizontal="center" vertical="center"/>
    </xf>
    <xf numFmtId="0" fontId="3" fillId="0" borderId="7" xfId="0" applyFont="1" applyBorder="1" applyAlignment="1">
      <alignment horizontal="left" vertical="center" wrapText="1"/>
    </xf>
    <xf numFmtId="0" fontId="3" fillId="0" borderId="4" xfId="0" applyFont="1" applyBorder="1" applyAlignment="1">
      <alignment horizontal="left" vertical="center" wrapText="1"/>
    </xf>
    <xf numFmtId="0" fontId="20" fillId="0" borderId="9" xfId="0" quotePrefix="1" applyFont="1" applyBorder="1" applyAlignment="1">
      <alignment horizontal="center" vertical="center"/>
    </xf>
    <xf numFmtId="0" fontId="4" fillId="0" borderId="9" xfId="0" applyFont="1" applyBorder="1" applyAlignment="1">
      <alignment horizontal="center" vertical="center"/>
    </xf>
    <xf numFmtId="0" fontId="20" fillId="0" borderId="6" xfId="0" quotePrefix="1" applyFont="1" applyBorder="1" applyAlignment="1">
      <alignment horizontal="center" vertical="center" wrapText="1"/>
    </xf>
    <xf numFmtId="0" fontId="3" fillId="0" borderId="64" xfId="0" applyFont="1" applyBorder="1" applyAlignment="1">
      <alignment horizontal="left" vertical="center"/>
    </xf>
    <xf numFmtId="0" fontId="3" fillId="0" borderId="65" xfId="0" applyFont="1" applyBorder="1" applyAlignment="1">
      <alignment horizontal="left" vertical="center"/>
    </xf>
    <xf numFmtId="0" fontId="3" fillId="0" borderId="13" xfId="0" applyFont="1" applyBorder="1" applyAlignment="1">
      <alignment horizontal="right" vertical="center"/>
    </xf>
    <xf numFmtId="0" fontId="4" fillId="0" borderId="3" xfId="0" applyFont="1" applyBorder="1" applyAlignment="1">
      <alignment horizontal="center" vertical="center"/>
    </xf>
    <xf numFmtId="0" fontId="3" fillId="0" borderId="3" xfId="0" applyFont="1" applyBorder="1" applyAlignment="1">
      <alignment horizontal="right" vertical="center"/>
    </xf>
    <xf numFmtId="0" fontId="3" fillId="0" borderId="2" xfId="0" applyFont="1" applyBorder="1" applyAlignment="1">
      <alignment horizontal="right" vertical="center"/>
    </xf>
    <xf numFmtId="0" fontId="0" fillId="0" borderId="9" xfId="0" applyBorder="1" applyAlignment="1">
      <alignment horizontal="center" vertical="center"/>
    </xf>
    <xf numFmtId="0" fontId="0" fillId="0" borderId="0" xfId="0" applyAlignment="1">
      <alignment horizontal="center" vertical="center"/>
    </xf>
    <xf numFmtId="0" fontId="3" fillId="0" borderId="12" xfId="0" applyFont="1" applyBorder="1" applyAlignment="1">
      <alignment horizontal="right" vertical="center"/>
    </xf>
    <xf numFmtId="0" fontId="3" fillId="0" borderId="4" xfId="0" applyFont="1" applyBorder="1"/>
    <xf numFmtId="0" fontId="4" fillId="0" borderId="0" xfId="0" applyFont="1" applyAlignment="1">
      <alignment horizontal="left"/>
    </xf>
    <xf numFmtId="0" fontId="0" fillId="0" borderId="12" xfId="0" applyBorder="1" applyAlignment="1">
      <alignment horizontal="center" vertical="center"/>
    </xf>
    <xf numFmtId="0" fontId="4" fillId="0" borderId="0" xfId="0" applyFont="1" applyAlignment="1">
      <alignment horizontal="right" vertical="center"/>
    </xf>
    <xf numFmtId="0" fontId="4" fillId="0" borderId="0" xfId="0" applyFont="1" applyAlignment="1">
      <alignment horizontal="left" vertical="center" indent="1"/>
    </xf>
    <xf numFmtId="0" fontId="4" fillId="0" borderId="9" xfId="0" applyFont="1" applyBorder="1" applyAlignment="1">
      <alignment horizontal="right" vertical="center"/>
    </xf>
    <xf numFmtId="0" fontId="0" fillId="0" borderId="7" xfId="0" applyBorder="1"/>
    <xf numFmtId="0" fontId="0" fillId="0" borderId="12" xfId="0" applyBorder="1"/>
    <xf numFmtId="0" fontId="0" fillId="0" borderId="3" xfId="0" applyBorder="1"/>
    <xf numFmtId="0" fontId="21" fillId="0" borderId="0" xfId="0" applyFont="1" applyAlignment="1">
      <alignment horizontal="left" vertical="center"/>
    </xf>
    <xf numFmtId="0" fontId="21" fillId="0" borderId="9" xfId="0" applyFont="1" applyBorder="1" applyAlignment="1">
      <alignment horizontal="left" vertical="center"/>
    </xf>
    <xf numFmtId="0" fontId="21" fillId="0" borderId="13" xfId="0" applyFont="1" applyBorder="1" applyAlignment="1">
      <alignment horizontal="left" vertical="center"/>
    </xf>
    <xf numFmtId="0" fontId="21" fillId="0" borderId="14" xfId="0" applyFont="1" applyBorder="1" applyAlignment="1">
      <alignment horizontal="left" vertical="center"/>
    </xf>
    <xf numFmtId="0" fontId="21" fillId="0" borderId="10" xfId="0" applyFont="1" applyBorder="1" applyAlignment="1">
      <alignment horizontal="left" vertical="center"/>
    </xf>
    <xf numFmtId="0" fontId="3" fillId="0" borderId="0" xfId="0" applyFont="1" applyAlignment="1">
      <alignment wrapText="1"/>
    </xf>
    <xf numFmtId="0" fontId="4" fillId="0" borderId="5" xfId="0" applyFont="1" applyBorder="1" applyAlignment="1">
      <alignment horizontal="center" vertical="center"/>
    </xf>
    <xf numFmtId="0" fontId="4" fillId="0" borderId="7" xfId="0" applyFont="1" applyBorder="1" applyAlignment="1">
      <alignment horizontal="center" vertical="center"/>
    </xf>
    <xf numFmtId="0" fontId="4" fillId="0" borderId="6" xfId="0" applyFont="1" applyBorder="1" applyAlignment="1">
      <alignment vertical="center" wrapText="1"/>
    </xf>
    <xf numFmtId="0" fontId="4" fillId="0" borderId="6" xfId="0" applyFont="1" applyBorder="1" applyAlignment="1">
      <alignment horizontal="left" vertical="center"/>
    </xf>
    <xf numFmtId="0" fontId="4" fillId="0" borderId="5" xfId="0" applyFont="1" applyBorder="1" applyAlignment="1">
      <alignment horizontal="left" vertical="center" wrapText="1"/>
    </xf>
    <xf numFmtId="0" fontId="3" fillId="0" borderId="8" xfId="0" applyFont="1" applyBorder="1" applyAlignment="1">
      <alignment horizontal="left" vertical="center" wrapText="1"/>
    </xf>
    <xf numFmtId="0" fontId="4" fillId="0" borderId="9" xfId="0" applyFont="1" applyBorder="1" applyAlignment="1">
      <alignment horizontal="left" vertical="center" wrapText="1"/>
    </xf>
    <xf numFmtId="0" fontId="4" fillId="0" borderId="10" xfId="0" applyFont="1" applyBorder="1" applyAlignment="1">
      <alignment horizontal="left" vertical="center" wrapText="1"/>
    </xf>
    <xf numFmtId="0" fontId="4" fillId="0" borderId="12" xfId="0" applyFont="1" applyBorder="1" applyAlignment="1">
      <alignment horizontal="left" vertical="center"/>
    </xf>
    <xf numFmtId="0" fontId="4" fillId="0" borderId="13" xfId="0" applyFont="1" applyBorder="1" applyAlignment="1">
      <alignment horizontal="left" vertical="center"/>
    </xf>
    <xf numFmtId="0" fontId="4" fillId="0" borderId="14" xfId="0" applyFont="1" applyBorder="1" applyAlignment="1">
      <alignment horizontal="left" vertical="center"/>
    </xf>
    <xf numFmtId="0" fontId="4" fillId="0" borderId="5" xfId="0" applyFont="1" applyBorder="1" applyAlignment="1">
      <alignment horizontal="left" vertical="center"/>
    </xf>
    <xf numFmtId="0" fontId="4" fillId="0" borderId="7" xfId="0" applyFont="1" applyBorder="1" applyAlignment="1">
      <alignment horizontal="left" vertical="center"/>
    </xf>
    <xf numFmtId="0" fontId="4" fillId="0" borderId="10" xfId="0" applyFont="1" applyBorder="1" applyAlignment="1">
      <alignment horizontal="left" vertical="center"/>
    </xf>
    <xf numFmtId="0" fontId="4" fillId="0" borderId="9" xfId="0" applyFont="1" applyBorder="1" applyAlignment="1">
      <alignment horizontal="left" vertical="center"/>
    </xf>
    <xf numFmtId="0" fontId="4" fillId="0" borderId="10" xfId="0" applyFont="1" applyBorder="1" applyAlignment="1">
      <alignment vertical="center" wrapText="1"/>
    </xf>
    <xf numFmtId="0" fontId="4" fillId="0" borderId="2" xfId="0" applyFont="1" applyBorder="1" applyAlignment="1">
      <alignment horizontal="center" vertical="center"/>
    </xf>
    <xf numFmtId="9" fontId="4" fillId="0" borderId="0" xfId="0" quotePrefix="1" applyNumberFormat="1" applyFont="1" applyAlignment="1">
      <alignment horizontal="center" vertical="center" wrapText="1"/>
    </xf>
    <xf numFmtId="0" fontId="4" fillId="0" borderId="13" xfId="0" applyFont="1" applyBorder="1" applyAlignment="1">
      <alignment horizontal="center" vertical="center" wrapText="1"/>
    </xf>
    <xf numFmtId="0" fontId="4" fillId="0" borderId="8" xfId="0" applyFont="1" applyBorder="1" applyAlignment="1">
      <alignment horizontal="center" vertical="center"/>
    </xf>
    <xf numFmtId="0" fontId="4" fillId="0" borderId="3" xfId="0" applyFont="1" applyBorder="1" applyAlignment="1">
      <alignment vertical="center" wrapText="1"/>
    </xf>
    <xf numFmtId="0" fontId="4" fillId="0" borderId="3" xfId="0" applyFont="1" applyBorder="1" applyAlignment="1">
      <alignment vertical="center"/>
    </xf>
    <xf numFmtId="0" fontId="4" fillId="0" borderId="2" xfId="0" applyFont="1" applyBorder="1" applyAlignment="1">
      <alignment vertical="center"/>
    </xf>
    <xf numFmtId="0" fontId="4" fillId="0" borderId="6" xfId="0" applyFont="1" applyBorder="1" applyAlignment="1">
      <alignment horizontal="left" vertical="center" wrapText="1" indent="1"/>
    </xf>
    <xf numFmtId="0" fontId="3" fillId="0" borderId="11" xfId="0" applyFont="1" applyBorder="1" applyAlignment="1">
      <alignment vertical="center" wrapText="1"/>
    </xf>
    <xf numFmtId="0" fontId="4" fillId="0" borderId="3" xfId="0" applyFont="1" applyBorder="1" applyAlignment="1">
      <alignment horizontal="left" vertical="center" wrapText="1"/>
    </xf>
    <xf numFmtId="0" fontId="3" fillId="0" borderId="2" xfId="0" applyFont="1" applyBorder="1" applyAlignment="1">
      <alignment horizontal="left" vertical="center" wrapText="1" indent="1"/>
    </xf>
    <xf numFmtId="0" fontId="3" fillId="0" borderId="3" xfId="0" applyFont="1" applyBorder="1" applyAlignment="1">
      <alignment horizontal="left" vertical="center" wrapText="1" indent="1"/>
    </xf>
    <xf numFmtId="0" fontId="3" fillId="0" borderId="8" xfId="0" applyFont="1" applyBorder="1" applyAlignment="1">
      <alignment horizontal="left" vertical="center"/>
    </xf>
    <xf numFmtId="0" fontId="3" fillId="0" borderId="0" xfId="0" applyFont="1" applyAlignment="1">
      <alignment horizontal="left" vertical="center" wrapText="1" indent="1"/>
    </xf>
    <xf numFmtId="0" fontId="3" fillId="0" borderId="3" xfId="0" applyFont="1" applyBorder="1" applyAlignment="1">
      <alignment vertical="center" wrapText="1"/>
    </xf>
    <xf numFmtId="0" fontId="3" fillId="0" borderId="4" xfId="0" applyFont="1" applyBorder="1" applyAlignment="1">
      <alignment vertical="center" wrapText="1"/>
    </xf>
    <xf numFmtId="0" fontId="4" fillId="0" borderId="6" xfId="0" applyFont="1" applyBorder="1" applyAlignment="1">
      <alignment vertical="center"/>
    </xf>
    <xf numFmtId="0" fontId="4" fillId="0" borderId="0" xfId="0" applyFont="1" applyAlignment="1">
      <alignment wrapText="1"/>
    </xf>
    <xf numFmtId="0" fontId="4" fillId="0" borderId="12" xfId="0" applyFont="1" applyBorder="1" applyAlignment="1">
      <alignment horizontal="center" vertical="center"/>
    </xf>
    <xf numFmtId="0" fontId="4" fillId="0" borderId="14" xfId="0" applyFont="1" applyBorder="1" applyAlignment="1">
      <alignment horizontal="center" vertical="center"/>
    </xf>
    <xf numFmtId="0" fontId="4" fillId="0" borderId="13" xfId="0" applyFont="1" applyBorder="1" applyAlignment="1">
      <alignment vertical="center" wrapText="1"/>
    </xf>
    <xf numFmtId="0" fontId="4" fillId="0" borderId="13" xfId="0" applyFont="1" applyBorder="1" applyAlignment="1">
      <alignment vertical="center"/>
    </xf>
    <xf numFmtId="0" fontId="3" fillId="0" borderId="14" xfId="0" applyFont="1" applyBorder="1" applyAlignment="1">
      <alignment horizontal="left" vertical="center" wrapText="1"/>
    </xf>
    <xf numFmtId="0" fontId="30" fillId="0" borderId="0" xfId="0" applyFont="1" applyAlignment="1">
      <alignment horizontal="left" vertical="center" wrapText="1"/>
    </xf>
    <xf numFmtId="0" fontId="4" fillId="0" borderId="3" xfId="0" applyFont="1" applyBorder="1" applyAlignment="1">
      <alignment horizontal="left" vertical="center" wrapText="1" indent="1"/>
    </xf>
    <xf numFmtId="0" fontId="3" fillId="0" borderId="12" xfId="0" applyFont="1" applyBorder="1" applyAlignment="1">
      <alignment horizontal="left" vertical="center" wrapText="1" indent="1"/>
    </xf>
    <xf numFmtId="0" fontId="3" fillId="0" borderId="13" xfId="0" applyFont="1" applyBorder="1" applyAlignment="1">
      <alignment horizontal="left" vertical="center" wrapText="1" indent="1"/>
    </xf>
    <xf numFmtId="0" fontId="3" fillId="0" borderId="14" xfId="0" applyFont="1" applyBorder="1" applyAlignment="1">
      <alignment horizontal="left" vertical="center" wrapText="1" indent="1"/>
    </xf>
    <xf numFmtId="0" fontId="3" fillId="0" borderId="2" xfId="0" applyFont="1" applyBorder="1" applyAlignment="1">
      <alignment vertical="center" wrapText="1"/>
    </xf>
    <xf numFmtId="0" fontId="21" fillId="0" borderId="3" xfId="0" applyFont="1" applyBorder="1" applyAlignment="1">
      <alignment horizontal="center" vertical="center"/>
    </xf>
    <xf numFmtId="0" fontId="20" fillId="0" borderId="0" xfId="0" applyFont="1" applyAlignment="1">
      <alignment horizontal="center" vertical="center"/>
    </xf>
    <xf numFmtId="182" fontId="3" fillId="0" borderId="5" xfId="2" applyNumberFormat="1" applyFont="1" applyBorder="1" applyAlignment="1">
      <alignment vertical="center"/>
    </xf>
    <xf numFmtId="182" fontId="3" fillId="0" borderId="6" xfId="2" applyNumberFormat="1" applyFont="1" applyBorder="1" applyAlignment="1">
      <alignment horizontal="center" vertical="center"/>
    </xf>
    <xf numFmtId="0" fontId="3" fillId="0" borderId="7" xfId="0" applyFont="1" applyBorder="1" applyAlignment="1">
      <alignment vertical="center" wrapText="1"/>
    </xf>
    <xf numFmtId="182" fontId="3" fillId="0" borderId="9" xfId="2" applyNumberFormat="1" applyFont="1" applyBorder="1" applyAlignment="1">
      <alignment vertical="center"/>
    </xf>
    <xf numFmtId="182" fontId="3" fillId="0" borderId="2" xfId="2" applyNumberFormat="1" applyFont="1" applyBorder="1" applyAlignment="1">
      <alignment horizontal="center" vertical="center"/>
    </xf>
    <xf numFmtId="182" fontId="3" fillId="0" borderId="3" xfId="2" applyNumberFormat="1" applyFont="1" applyBorder="1" applyAlignment="1">
      <alignment horizontal="center" vertical="center"/>
    </xf>
    <xf numFmtId="0" fontId="9" fillId="0" borderId="11" xfId="0" applyFont="1" applyBorder="1" applyAlignment="1">
      <alignment vertical="center"/>
    </xf>
    <xf numFmtId="0" fontId="9" fillId="0" borderId="4" xfId="0" applyFont="1" applyBorder="1" applyAlignment="1">
      <alignment vertical="center"/>
    </xf>
    <xf numFmtId="0" fontId="9" fillId="0" borderId="1" xfId="0" applyFont="1" applyBorder="1" applyAlignment="1">
      <alignment vertical="center"/>
    </xf>
    <xf numFmtId="0" fontId="3" fillId="0" borderId="11" xfId="0" applyFont="1" applyBorder="1" applyAlignment="1">
      <alignment vertical="center"/>
    </xf>
    <xf numFmtId="0" fontId="3" fillId="0" borderId="12" xfId="2" applyFont="1" applyBorder="1" applyAlignment="1">
      <alignment horizontal="left" vertical="center"/>
    </xf>
    <xf numFmtId="0" fontId="3" fillId="0" borderId="13" xfId="2" applyFont="1" applyBorder="1" applyAlignment="1">
      <alignment horizontal="left" vertical="center"/>
    </xf>
    <xf numFmtId="0" fontId="3" fillId="0" borderId="0" xfId="2" applyFont="1" applyAlignment="1">
      <alignment horizontal="left" vertical="center"/>
    </xf>
    <xf numFmtId="0" fontId="3" fillId="0" borderId="5" xfId="2" applyFont="1" applyBorder="1" applyAlignment="1">
      <alignment horizontal="left" vertical="center"/>
    </xf>
    <xf numFmtId="0" fontId="3" fillId="0" borderId="6" xfId="2" applyFont="1" applyBorder="1" applyAlignment="1">
      <alignment horizontal="left" vertical="center"/>
    </xf>
    <xf numFmtId="0" fontId="3" fillId="0" borderId="9" xfId="2" applyFont="1" applyBorder="1" applyAlignment="1">
      <alignment vertical="center"/>
    </xf>
    <xf numFmtId="0" fontId="3" fillId="0" borderId="0" xfId="2" applyFont="1" applyAlignment="1">
      <alignment vertical="center"/>
    </xf>
    <xf numFmtId="0" fontId="3" fillId="0" borderId="10" xfId="2" applyFont="1" applyBorder="1" applyAlignment="1">
      <alignment vertical="center"/>
    </xf>
    <xf numFmtId="0" fontId="9" fillId="0" borderId="9" xfId="0" applyFont="1" applyBorder="1" applyAlignment="1">
      <alignment horizontal="center" vertical="center"/>
    </xf>
    <xf numFmtId="0" fontId="9" fillId="0" borderId="10" xfId="0" applyFont="1" applyBorder="1" applyAlignment="1">
      <alignment vertical="center"/>
    </xf>
    <xf numFmtId="0" fontId="3" fillId="0" borderId="8" xfId="0" applyFont="1" applyBorder="1" applyAlignment="1">
      <alignment vertical="center"/>
    </xf>
    <xf numFmtId="0" fontId="25" fillId="0" borderId="0" xfId="0" applyFont="1" applyAlignment="1">
      <alignment horizontal="left" wrapText="1"/>
    </xf>
    <xf numFmtId="0" fontId="25" fillId="0" borderId="0" xfId="0" applyFont="1" applyAlignment="1">
      <alignment wrapText="1"/>
    </xf>
    <xf numFmtId="0" fontId="9" fillId="0" borderId="15" xfId="0" applyFont="1" applyBorder="1" applyAlignment="1">
      <alignment vertical="center"/>
    </xf>
    <xf numFmtId="0" fontId="9" fillId="0" borderId="2" xfId="0" applyFont="1" applyBorder="1" applyAlignment="1">
      <alignment horizontal="left" vertical="center"/>
    </xf>
    <xf numFmtId="0" fontId="41" fillId="0" borderId="0" xfId="0" applyFont="1"/>
    <xf numFmtId="0" fontId="41" fillId="0" borderId="0" xfId="0" applyFont="1" applyAlignment="1">
      <alignment horizontal="center"/>
    </xf>
    <xf numFmtId="0" fontId="41" fillId="0" borderId="13" xfId="0" applyFont="1" applyBorder="1"/>
    <xf numFmtId="0" fontId="41" fillId="0" borderId="6" xfId="0" applyFont="1" applyBorder="1"/>
    <xf numFmtId="0" fontId="41" fillId="0" borderId="0" xfId="0" applyFont="1" applyAlignment="1">
      <alignment horizontal="left"/>
    </xf>
    <xf numFmtId="0" fontId="41" fillId="0" borderId="0" xfId="0" applyFont="1" applyAlignment="1">
      <alignment horizontal="left" vertical="center"/>
    </xf>
    <xf numFmtId="0" fontId="41" fillId="0" borderId="5" xfId="0" applyFont="1" applyBorder="1" applyAlignment="1">
      <alignment horizontal="left" vertical="center"/>
    </xf>
    <xf numFmtId="0" fontId="41" fillId="0" borderId="6" xfId="0" applyFont="1" applyBorder="1" applyAlignment="1">
      <alignment horizontal="left" vertical="center"/>
    </xf>
    <xf numFmtId="0" fontId="41" fillId="0" borderId="7" xfId="0" applyFont="1" applyBorder="1" applyAlignment="1">
      <alignment horizontal="left" vertical="center"/>
    </xf>
    <xf numFmtId="0" fontId="41" fillId="0" borderId="0" xfId="0" applyFont="1" applyAlignment="1">
      <alignment vertical="center"/>
    </xf>
    <xf numFmtId="0" fontId="41" fillId="0" borderId="2" xfId="0" applyFont="1" applyBorder="1" applyAlignment="1">
      <alignment horizontal="center" vertical="center"/>
    </xf>
    <xf numFmtId="0" fontId="42" fillId="0" borderId="3" xfId="0" applyFont="1" applyBorder="1" applyAlignment="1">
      <alignment vertical="center" wrapText="1"/>
    </xf>
    <xf numFmtId="0" fontId="42" fillId="0" borderId="3" xfId="0" applyFont="1" applyBorder="1" applyAlignment="1">
      <alignment vertical="center"/>
    </xf>
    <xf numFmtId="0" fontId="41" fillId="0" borderId="9" xfId="0" applyFont="1" applyBorder="1" applyAlignment="1">
      <alignment horizontal="center" vertical="center" wrapText="1"/>
    </xf>
    <xf numFmtId="0" fontId="41" fillId="0" borderId="0" xfId="0" applyFont="1" applyAlignment="1">
      <alignment horizontal="center" vertical="center" wrapText="1"/>
    </xf>
    <xf numFmtId="0" fontId="41" fillId="0" borderId="10" xfId="0" applyFont="1" applyBorder="1" applyAlignment="1">
      <alignment horizontal="center" vertical="center" wrapText="1"/>
    </xf>
    <xf numFmtId="0" fontId="42" fillId="0" borderId="9" xfId="0" applyFont="1" applyBorder="1" applyAlignment="1">
      <alignment horizontal="center" vertical="center"/>
    </xf>
    <xf numFmtId="0" fontId="42" fillId="0" borderId="0" xfId="0" applyFont="1" applyAlignment="1">
      <alignment horizontal="center" vertical="center"/>
    </xf>
    <xf numFmtId="0" fontId="42" fillId="0" borderId="10" xfId="0" applyFont="1" applyBorder="1" applyAlignment="1">
      <alignment horizontal="center" vertical="center"/>
    </xf>
    <xf numFmtId="0" fontId="42" fillId="0" borderId="0" xfId="0" applyFont="1" applyAlignment="1">
      <alignment horizontal="left" vertical="center" wrapText="1"/>
    </xf>
    <xf numFmtId="0" fontId="41" fillId="0" borderId="0" xfId="0" applyFont="1" applyAlignment="1">
      <alignment horizontal="center" vertical="center"/>
    </xf>
    <xf numFmtId="0" fontId="42" fillId="0" borderId="0" xfId="0" applyFont="1" applyAlignment="1">
      <alignment horizontal="left" vertical="center" wrapText="1" indent="1"/>
    </xf>
    <xf numFmtId="0" fontId="42" fillId="0" borderId="0" xfId="0" applyFont="1" applyAlignment="1">
      <alignment horizontal="left" vertical="center"/>
    </xf>
    <xf numFmtId="0" fontId="42" fillId="0" borderId="1" xfId="0" applyFont="1" applyBorder="1" applyAlignment="1">
      <alignment horizontal="center" vertical="center"/>
    </xf>
    <xf numFmtId="0" fontId="41" fillId="0" borderId="9" xfId="0" applyFont="1" applyBorder="1" applyAlignment="1">
      <alignment horizontal="left" vertical="center" wrapText="1"/>
    </xf>
    <xf numFmtId="0" fontId="41" fillId="0" borderId="0" xfId="0" applyFont="1" applyAlignment="1">
      <alignment horizontal="left" vertical="center" wrapText="1"/>
    </xf>
    <xf numFmtId="0" fontId="41" fillId="0" borderId="10" xfId="0" applyFont="1" applyBorder="1" applyAlignment="1">
      <alignment horizontal="left" vertical="center" wrapText="1"/>
    </xf>
    <xf numFmtId="0" fontId="41" fillId="0" borderId="9" xfId="0" applyFont="1" applyBorder="1" applyAlignment="1">
      <alignment horizontal="left" vertical="center"/>
    </xf>
    <xf numFmtId="0" fontId="41" fillId="0" borderId="10" xfId="0" applyFont="1" applyBorder="1" applyAlignment="1">
      <alignment horizontal="left" vertical="center"/>
    </xf>
    <xf numFmtId="0" fontId="41" fillId="0" borderId="12" xfId="0" applyFont="1" applyBorder="1" applyAlignment="1">
      <alignment horizontal="left" vertical="center"/>
    </xf>
    <xf numFmtId="0" fontId="41" fillId="0" borderId="13" xfId="0" applyFont="1" applyBorder="1" applyAlignment="1">
      <alignment horizontal="left" vertical="center"/>
    </xf>
    <xf numFmtId="0" fontId="41" fillId="0" borderId="14" xfId="0" applyFont="1" applyBorder="1" applyAlignment="1">
      <alignment horizontal="left" vertical="center"/>
    </xf>
    <xf numFmtId="0" fontId="41" fillId="0" borderId="2" xfId="0" applyFont="1" applyBorder="1" applyAlignment="1">
      <alignment vertical="center"/>
    </xf>
    <xf numFmtId="0" fontId="41" fillId="0" borderId="3" xfId="0" applyFont="1" applyBorder="1" applyAlignment="1">
      <alignment vertical="center"/>
    </xf>
    <xf numFmtId="0" fontId="41" fillId="0" borderId="4" xfId="0" applyFont="1" applyBorder="1" applyAlignment="1">
      <alignment vertical="center"/>
    </xf>
    <xf numFmtId="0" fontId="41" fillId="0" borderId="0" xfId="0" applyFont="1" applyAlignment="1">
      <alignment horizontal="right" vertical="center"/>
    </xf>
    <xf numFmtId="0" fontId="3" fillId="0" borderId="6" xfId="0" applyFont="1" applyBorder="1" applyAlignment="1">
      <alignment horizontal="right" vertical="center"/>
    </xf>
    <xf numFmtId="0" fontId="3" fillId="0" borderId="9" xfId="0" applyFont="1" applyBorder="1" applyAlignment="1">
      <alignment vertical="top"/>
    </xf>
    <xf numFmtId="0" fontId="3" fillId="0" borderId="10" xfId="0" applyFont="1" applyBorder="1" applyAlignment="1">
      <alignment vertical="top"/>
    </xf>
    <xf numFmtId="0" fontId="25" fillId="0" borderId="0" xfId="0" applyFont="1" applyAlignment="1">
      <alignment horizontal="left" vertical="center"/>
    </xf>
    <xf numFmtId="0" fontId="23" fillId="0" borderId="7" xfId="0" applyFont="1" applyBorder="1" applyAlignment="1">
      <alignment vertical="center"/>
    </xf>
    <xf numFmtId="0" fontId="23" fillId="0" borderId="0" xfId="0" applyFont="1" applyAlignment="1">
      <alignment horizontal="left" vertical="center"/>
    </xf>
    <xf numFmtId="0" fontId="23" fillId="0" borderId="10" xfId="0" applyFont="1" applyBorder="1" applyAlignment="1">
      <alignment vertical="center"/>
    </xf>
    <xf numFmtId="0" fontId="3" fillId="0" borderId="4" xfId="0" applyFont="1" applyBorder="1" applyAlignment="1">
      <alignment horizontal="center" vertical="center" wrapText="1"/>
    </xf>
    <xf numFmtId="0" fontId="20" fillId="0" borderId="6" xfId="0" applyFont="1" applyBorder="1" applyAlignment="1">
      <alignment horizontal="left" vertical="top" wrapText="1"/>
    </xf>
    <xf numFmtId="0" fontId="3" fillId="0" borderId="0" xfId="9" applyFont="1" applyAlignment="1">
      <alignment horizontal="left" vertical="center"/>
    </xf>
    <xf numFmtId="0" fontId="3" fillId="0" borderId="6" xfId="0" applyFont="1" applyBorder="1" applyAlignment="1">
      <alignment vertical="center" wrapText="1"/>
    </xf>
    <xf numFmtId="0" fontId="3" fillId="0" borderId="1" xfId="0" applyFont="1" applyBorder="1" applyAlignment="1">
      <alignment vertical="center"/>
    </xf>
    <xf numFmtId="0" fontId="0" fillId="0" borderId="0" xfId="0" applyAlignment="1">
      <alignment horizontal="center"/>
    </xf>
    <xf numFmtId="0" fontId="43" fillId="0" borderId="0" xfId="0" applyFont="1" applyAlignment="1">
      <alignment vertical="center"/>
    </xf>
    <xf numFmtId="0" fontId="44" fillId="0" borderId="0" xfId="0" applyFont="1" applyAlignment="1">
      <alignment vertical="center"/>
    </xf>
    <xf numFmtId="0" fontId="21" fillId="0" borderId="5" xfId="0" applyFont="1" applyBorder="1" applyAlignment="1">
      <alignment horizontal="center" vertical="center"/>
    </xf>
    <xf numFmtId="0" fontId="6" fillId="0" borderId="4" xfId="0" applyFont="1" applyBorder="1" applyAlignment="1">
      <alignment horizontal="left" vertical="center"/>
    </xf>
    <xf numFmtId="0" fontId="6" fillId="0" borderId="3" xfId="0" applyFont="1" applyBorder="1" applyAlignment="1">
      <alignment horizontal="left" vertical="center"/>
    </xf>
    <xf numFmtId="0" fontId="6" fillId="0" borderId="2" xfId="0" applyFont="1" applyBorder="1" applyAlignment="1">
      <alignment horizontal="left" vertical="center"/>
    </xf>
    <xf numFmtId="0" fontId="6" fillId="0" borderId="4" xfId="0" applyFont="1" applyBorder="1" applyAlignment="1">
      <alignment horizontal="center" vertical="center"/>
    </xf>
    <xf numFmtId="0" fontId="6" fillId="0" borderId="3" xfId="0" applyFont="1" applyBorder="1" applyAlignment="1">
      <alignment horizontal="center" vertical="center"/>
    </xf>
    <xf numFmtId="0" fontId="6" fillId="0" borderId="30" xfId="0" applyFont="1" applyBorder="1" applyAlignment="1">
      <alignment horizontal="center" vertical="top"/>
    </xf>
    <xf numFmtId="0" fontId="6" fillId="0" borderId="10" xfId="0" applyFont="1" applyBorder="1" applyAlignment="1">
      <alignment horizontal="left" vertical="center"/>
    </xf>
    <xf numFmtId="0" fontId="6" fillId="0" borderId="0" xfId="0" applyFont="1" applyAlignment="1">
      <alignment horizontal="left" vertical="center"/>
    </xf>
    <xf numFmtId="0" fontId="6" fillId="0" borderId="9" xfId="0" applyFont="1" applyBorder="1" applyAlignment="1">
      <alignment horizontal="left" vertical="center"/>
    </xf>
    <xf numFmtId="0" fontId="6" fillId="0" borderId="7" xfId="0" applyFont="1" applyBorder="1" applyAlignment="1">
      <alignment horizontal="left" vertical="center"/>
    </xf>
    <xf numFmtId="0" fontId="6" fillId="0" borderId="6" xfId="0" applyFont="1" applyBorder="1" applyAlignment="1">
      <alignment horizontal="left" vertical="center"/>
    </xf>
    <xf numFmtId="0" fontId="6" fillId="0" borderId="5" xfId="0" applyFont="1" applyBorder="1" applyAlignment="1">
      <alignment horizontal="left" vertical="center"/>
    </xf>
    <xf numFmtId="0" fontId="6" fillId="0" borderId="14" xfId="0" applyFont="1" applyBorder="1" applyAlignment="1">
      <alignment horizontal="left" vertical="center"/>
    </xf>
    <xf numFmtId="0" fontId="6" fillId="0" borderId="13" xfId="0" applyFont="1" applyBorder="1" applyAlignment="1">
      <alignment horizontal="left" vertical="center"/>
    </xf>
    <xf numFmtId="0" fontId="6" fillId="0" borderId="12" xfId="0" applyFont="1" applyBorder="1" applyAlignment="1">
      <alignment horizontal="left" vertical="center"/>
    </xf>
    <xf numFmtId="0" fontId="6" fillId="0" borderId="0" xfId="0" applyFont="1" applyAlignment="1">
      <alignment horizontal="left" vertical="top" wrapText="1"/>
    </xf>
    <xf numFmtId="0" fontId="6" fillId="0" borderId="0" xfId="0" applyFont="1" applyAlignment="1">
      <alignment horizontal="center" vertical="top"/>
    </xf>
    <xf numFmtId="0" fontId="6" fillId="0" borderId="2" xfId="0" applyFont="1" applyBorder="1" applyAlignment="1">
      <alignment horizontal="center" vertical="center"/>
    </xf>
    <xf numFmtId="0" fontId="6" fillId="0" borderId="14" xfId="0" applyFont="1" applyBorder="1" applyAlignment="1">
      <alignment horizontal="left" vertical="center" wrapText="1"/>
    </xf>
    <xf numFmtId="0" fontId="6" fillId="0" borderId="13" xfId="0" applyFont="1" applyBorder="1" applyAlignment="1">
      <alignment horizontal="left" vertical="center" wrapText="1"/>
    </xf>
    <xf numFmtId="0" fontId="6" fillId="0" borderId="12" xfId="0" applyFont="1" applyBorder="1" applyAlignment="1">
      <alignment horizontal="left" vertical="center" wrapText="1"/>
    </xf>
    <xf numFmtId="0" fontId="6" fillId="0" borderId="0" xfId="0" applyFont="1" applyAlignment="1">
      <alignment horizontal="right" vertical="center"/>
    </xf>
    <xf numFmtId="0" fontId="6" fillId="0" borderId="0" xfId="0" applyFont="1" applyAlignment="1">
      <alignment horizontal="center" vertical="center"/>
    </xf>
    <xf numFmtId="0" fontId="6" fillId="0" borderId="14" xfId="0" applyFont="1" applyBorder="1" applyAlignment="1">
      <alignment horizontal="left" vertical="top"/>
    </xf>
    <xf numFmtId="0" fontId="6" fillId="0" borderId="13" xfId="0" applyFont="1" applyBorder="1" applyAlignment="1">
      <alignment horizontal="left" vertical="top"/>
    </xf>
    <xf numFmtId="0" fontId="6" fillId="0" borderId="12" xfId="0" applyFont="1" applyBorder="1" applyAlignment="1">
      <alignment horizontal="left" vertical="top"/>
    </xf>
    <xf numFmtId="0" fontId="0" fillId="0" borderId="7" xfId="0" applyBorder="1" applyAlignment="1">
      <alignment horizontal="left" vertical="top"/>
    </xf>
    <xf numFmtId="0" fontId="0" fillId="0" borderId="6" xfId="0" applyBorder="1" applyAlignment="1">
      <alignment horizontal="left" vertical="top"/>
    </xf>
    <xf numFmtId="0" fontId="0" fillId="0" borderId="5" xfId="0" applyBorder="1" applyAlignment="1">
      <alignment horizontal="left" vertical="top"/>
    </xf>
    <xf numFmtId="0" fontId="0" fillId="0" borderId="3" xfId="0" applyBorder="1" applyAlignment="1">
      <alignment horizontal="left" vertical="top"/>
    </xf>
    <xf numFmtId="0" fontId="6" fillId="0" borderId="14" xfId="0" applyFont="1" applyBorder="1" applyAlignment="1">
      <alignment horizontal="left" vertical="top" wrapText="1"/>
    </xf>
    <xf numFmtId="0" fontId="6" fillId="0" borderId="10" xfId="0" applyFont="1" applyBorder="1" applyAlignment="1">
      <alignment horizontal="left" vertical="top"/>
    </xf>
    <xf numFmtId="0" fontId="6" fillId="0" borderId="0" xfId="0" applyFont="1" applyAlignment="1">
      <alignment horizontal="left" vertical="top"/>
    </xf>
    <xf numFmtId="0" fontId="6" fillId="0" borderId="9" xfId="0" applyFont="1" applyBorder="1" applyAlignment="1">
      <alignment horizontal="left" vertical="top"/>
    </xf>
    <xf numFmtId="0" fontId="6" fillId="0" borderId="7" xfId="0" applyFont="1" applyBorder="1" applyAlignment="1">
      <alignment horizontal="left" vertical="top"/>
    </xf>
    <xf numFmtId="0" fontId="6" fillId="0" borderId="6" xfId="0" applyFont="1" applyBorder="1" applyAlignment="1">
      <alignment horizontal="left" vertical="top"/>
    </xf>
    <xf numFmtId="0" fontId="6" fillId="0" borderId="5" xfId="0" applyFont="1" applyBorder="1" applyAlignment="1">
      <alignment horizontal="left" vertical="top"/>
    </xf>
    <xf numFmtId="0" fontId="0" fillId="0" borderId="10" xfId="0" applyBorder="1" applyAlignment="1">
      <alignment horizontal="left" vertical="top"/>
    </xf>
    <xf numFmtId="0" fontId="0" fillId="0" borderId="0" xfId="0" applyAlignment="1">
      <alignment horizontal="left" vertical="top"/>
    </xf>
    <xf numFmtId="0" fontId="0" fillId="0" borderId="9" xfId="0" applyBorder="1" applyAlignment="1">
      <alignment horizontal="left" vertical="top"/>
    </xf>
    <xf numFmtId="0" fontId="0" fillId="0" borderId="32" xfId="0" applyBorder="1" applyAlignment="1">
      <alignment horizontal="left" vertical="top"/>
    </xf>
    <xf numFmtId="0" fontId="0" fillId="0" borderId="29" xfId="0" applyBorder="1" applyAlignment="1">
      <alignment horizontal="left" vertical="top"/>
    </xf>
    <xf numFmtId="0" fontId="0" fillId="0" borderId="31" xfId="0" applyBorder="1" applyAlignment="1">
      <alignment horizontal="left" vertical="top"/>
    </xf>
    <xf numFmtId="0" fontId="6" fillId="0" borderId="20" xfId="0" applyFont="1" applyBorder="1" applyAlignment="1">
      <alignment horizontal="left" vertical="center"/>
    </xf>
    <xf numFmtId="0" fontId="6" fillId="0" borderId="21" xfId="0" applyFont="1" applyBorder="1" applyAlignment="1">
      <alignment horizontal="left" vertical="center"/>
    </xf>
    <xf numFmtId="0" fontId="6" fillId="0" borderId="19" xfId="0" applyFont="1" applyBorder="1" applyAlignment="1">
      <alignment horizontal="left" vertical="center"/>
    </xf>
    <xf numFmtId="0" fontId="6" fillId="0" borderId="17" xfId="0" applyFont="1" applyBorder="1" applyAlignment="1">
      <alignment horizontal="left" vertical="center"/>
    </xf>
    <xf numFmtId="0" fontId="6" fillId="0" borderId="18" xfId="0" applyFont="1" applyBorder="1" applyAlignment="1">
      <alignment horizontal="left" vertical="center"/>
    </xf>
    <xf numFmtId="0" fontId="6" fillId="0" borderId="16" xfId="0" applyFont="1" applyBorder="1" applyAlignment="1">
      <alignment horizontal="left" vertical="center"/>
    </xf>
    <xf numFmtId="0" fontId="6" fillId="0" borderId="13" xfId="0" applyFont="1" applyBorder="1" applyAlignment="1">
      <alignment horizontal="left" vertical="top" wrapText="1"/>
    </xf>
    <xf numFmtId="0" fontId="6" fillId="0" borderId="12" xfId="0" applyFont="1" applyBorder="1" applyAlignment="1">
      <alignment horizontal="left" vertical="top" wrapText="1"/>
    </xf>
    <xf numFmtId="0" fontId="0" fillId="0" borderId="10" xfId="0" applyBorder="1" applyAlignment="1">
      <alignment horizontal="left" vertical="top" wrapText="1"/>
    </xf>
    <xf numFmtId="0" fontId="0" fillId="0" borderId="0" xfId="0" applyAlignment="1">
      <alignment horizontal="left" vertical="top" wrapText="1"/>
    </xf>
    <xf numFmtId="0" fontId="0" fillId="0" borderId="9" xfId="0" applyBorder="1" applyAlignment="1">
      <alignment horizontal="left" vertical="top" wrapText="1"/>
    </xf>
    <xf numFmtId="0" fontId="0" fillId="0" borderId="7" xfId="0" applyBorder="1" applyAlignment="1">
      <alignment horizontal="left" vertical="top" wrapText="1"/>
    </xf>
    <xf numFmtId="0" fontId="0" fillId="0" borderId="6" xfId="0" applyBorder="1" applyAlignment="1">
      <alignment horizontal="left" vertical="top" wrapText="1"/>
    </xf>
    <xf numFmtId="0" fontId="0" fillId="0" borderId="5" xfId="0" applyBorder="1" applyAlignment="1">
      <alignment horizontal="left" vertical="top" wrapText="1"/>
    </xf>
    <xf numFmtId="0" fontId="6" fillId="0" borderId="38" xfId="0" applyFont="1" applyBorder="1" applyAlignment="1">
      <alignment horizontal="left" vertical="top" wrapText="1"/>
    </xf>
    <xf numFmtId="0" fontId="6" fillId="0" borderId="37" xfId="0" applyFont="1" applyBorder="1" applyAlignment="1">
      <alignment horizontal="left" vertical="top" wrapText="1"/>
    </xf>
    <xf numFmtId="0" fontId="6" fillId="0" borderId="36" xfId="0" applyFont="1" applyBorder="1" applyAlignment="1">
      <alignment horizontal="left" vertical="top" wrapText="1"/>
    </xf>
    <xf numFmtId="0" fontId="6" fillId="0" borderId="10" xfId="0" applyFont="1" applyBorder="1" applyAlignment="1">
      <alignment horizontal="left" vertical="top" wrapText="1"/>
    </xf>
    <xf numFmtId="0" fontId="6" fillId="0" borderId="9" xfId="0" applyFont="1" applyBorder="1" applyAlignment="1">
      <alignment horizontal="left" vertical="top" wrapText="1"/>
    </xf>
    <xf numFmtId="0" fontId="6" fillId="0" borderId="7" xfId="0" applyFont="1" applyBorder="1" applyAlignment="1">
      <alignment horizontal="left" vertical="top" wrapText="1"/>
    </xf>
    <xf numFmtId="0" fontId="6" fillId="0" borderId="6" xfId="0" applyFont="1" applyBorder="1" applyAlignment="1">
      <alignment horizontal="left" vertical="top" wrapText="1"/>
    </xf>
    <xf numFmtId="0" fontId="6" fillId="0" borderId="5" xfId="0" applyFont="1" applyBorder="1" applyAlignment="1">
      <alignment horizontal="left" vertical="top" wrapText="1"/>
    </xf>
    <xf numFmtId="0" fontId="6" fillId="0" borderId="4" xfId="0" applyFont="1" applyBorder="1" applyAlignment="1">
      <alignment horizontal="left" vertical="top" wrapText="1"/>
    </xf>
    <xf numFmtId="0" fontId="6" fillId="0" borderId="3" xfId="0" applyFont="1" applyBorder="1" applyAlignment="1">
      <alignment horizontal="left" vertical="top" wrapText="1"/>
    </xf>
    <xf numFmtId="0" fontId="6" fillId="0" borderId="2" xfId="0" applyFont="1" applyBorder="1" applyAlignment="1">
      <alignment horizontal="left" vertical="top" wrapText="1"/>
    </xf>
    <xf numFmtId="0" fontId="7" fillId="2" borderId="4" xfId="0" applyFont="1" applyFill="1" applyBorder="1" applyAlignment="1">
      <alignment horizontal="left" vertical="center"/>
    </xf>
    <xf numFmtId="0" fontId="7" fillId="2" borderId="3" xfId="0" applyFont="1" applyFill="1" applyBorder="1" applyAlignment="1">
      <alignment horizontal="left" vertical="center"/>
    </xf>
    <xf numFmtId="0" fontId="7" fillId="2" borderId="2" xfId="0" applyFont="1" applyFill="1" applyBorder="1" applyAlignment="1">
      <alignment horizontal="left" vertical="center"/>
    </xf>
    <xf numFmtId="0" fontId="7" fillId="2" borderId="14" xfId="0" applyFont="1" applyFill="1" applyBorder="1" applyAlignment="1">
      <alignment horizontal="center" vertical="center"/>
    </xf>
    <xf numFmtId="0" fontId="7" fillId="2" borderId="13" xfId="0" applyFont="1" applyFill="1" applyBorder="1" applyAlignment="1">
      <alignment horizontal="center" vertical="center"/>
    </xf>
    <xf numFmtId="0" fontId="7" fillId="2" borderId="12" xfId="0" applyFont="1" applyFill="1" applyBorder="1" applyAlignment="1">
      <alignment horizontal="center" vertical="center"/>
    </xf>
    <xf numFmtId="0" fontId="7" fillId="2" borderId="25" xfId="0" applyFont="1" applyFill="1" applyBorder="1" applyAlignment="1">
      <alignment horizontal="center" vertical="center"/>
    </xf>
    <xf numFmtId="0" fontId="7" fillId="2" borderId="24" xfId="0" applyFont="1" applyFill="1" applyBorder="1" applyAlignment="1">
      <alignment horizontal="center" vertical="center"/>
    </xf>
    <xf numFmtId="0" fontId="7" fillId="2" borderId="23" xfId="0" applyFont="1" applyFill="1" applyBorder="1" applyAlignment="1">
      <alignment horizontal="center" vertical="center"/>
    </xf>
    <xf numFmtId="0" fontId="7" fillId="2" borderId="22" xfId="0" applyFont="1" applyFill="1" applyBorder="1" applyAlignment="1">
      <alignment horizontal="center" vertical="center"/>
    </xf>
    <xf numFmtId="0" fontId="7" fillId="2" borderId="0" xfId="0" applyFont="1" applyFill="1" applyAlignment="1">
      <alignment horizontal="center" vertical="center"/>
    </xf>
    <xf numFmtId="0" fontId="7" fillId="2" borderId="6" xfId="0" applyFont="1" applyFill="1" applyBorder="1" applyAlignment="1">
      <alignment horizontal="center" vertical="center"/>
    </xf>
    <xf numFmtId="0" fontId="9" fillId="0" borderId="39" xfId="0" applyFont="1" applyBorder="1" applyAlignment="1">
      <alignment horizontal="center" vertical="center" wrapText="1"/>
    </xf>
    <xf numFmtId="0" fontId="9" fillId="0" borderId="1" xfId="0" applyFont="1" applyBorder="1" applyAlignment="1">
      <alignment horizontal="center" vertical="center" wrapText="1"/>
    </xf>
    <xf numFmtId="0" fontId="9" fillId="0" borderId="39" xfId="0" applyFont="1" applyBorder="1" applyAlignment="1">
      <alignment horizontal="center" vertical="center" shrinkToFit="1"/>
    </xf>
    <xf numFmtId="0" fontId="9" fillId="0" borderId="4" xfId="0" applyFont="1" applyBorder="1" applyAlignment="1">
      <alignment horizontal="center" vertical="center"/>
    </xf>
    <xf numFmtId="0" fontId="9" fillId="0" borderId="3" xfId="0" applyFont="1" applyBorder="1" applyAlignment="1">
      <alignment horizontal="center" vertical="center"/>
    </xf>
    <xf numFmtId="0" fontId="9" fillId="0" borderId="44" xfId="0" applyFont="1" applyBorder="1" applyAlignment="1">
      <alignment horizontal="center" vertical="center"/>
    </xf>
    <xf numFmtId="0" fontId="9" fillId="0" borderId="43" xfId="0" applyFont="1" applyBorder="1" applyAlignment="1">
      <alignment horizontal="center" vertical="center" wrapText="1"/>
    </xf>
    <xf numFmtId="0" fontId="9" fillId="0" borderId="42" xfId="0" applyFont="1" applyBorder="1" applyAlignment="1">
      <alignment horizontal="center" vertical="center" wrapText="1"/>
    </xf>
    <xf numFmtId="0" fontId="9" fillId="0" borderId="41" xfId="0" applyFont="1" applyBorder="1" applyAlignment="1">
      <alignment horizontal="center" vertical="center" wrapText="1"/>
    </xf>
    <xf numFmtId="0" fontId="9" fillId="0" borderId="15" xfId="0" applyFont="1" applyBorder="1" applyAlignment="1">
      <alignment horizontal="center" vertical="center" wrapText="1"/>
    </xf>
    <xf numFmtId="0" fontId="0" fillId="0" borderId="11" xfId="0" applyBorder="1" applyAlignment="1">
      <alignment horizontal="center" vertical="center" wrapText="1"/>
    </xf>
    <xf numFmtId="0" fontId="0" fillId="0" borderId="8" xfId="0" applyBorder="1" applyAlignment="1">
      <alignment horizontal="center" vertical="center" wrapText="1"/>
    </xf>
    <xf numFmtId="0" fontId="9" fillId="0" borderId="11" xfId="0" applyFont="1" applyBorder="1" applyAlignment="1">
      <alignment horizontal="center" vertical="center" wrapText="1"/>
    </xf>
    <xf numFmtId="0" fontId="9" fillId="0" borderId="8" xfId="0" applyFont="1" applyBorder="1" applyAlignment="1">
      <alignment horizontal="center" vertical="center" wrapText="1"/>
    </xf>
    <xf numFmtId="0" fontId="9" fillId="0" borderId="2" xfId="0" applyFont="1" applyBorder="1" applyAlignment="1">
      <alignment horizontal="center" vertical="center"/>
    </xf>
    <xf numFmtId="0" fontId="11" fillId="3" borderId="0" xfId="3" applyFill="1" applyAlignment="1">
      <alignment horizontal="left" vertical="center"/>
    </xf>
    <xf numFmtId="0" fontId="11" fillId="3" borderId="0" xfId="3" applyFill="1" applyAlignment="1">
      <alignment horizontal="left" vertical="center" wrapText="1"/>
    </xf>
    <xf numFmtId="0" fontId="11" fillId="3" borderId="1" xfId="3" applyFill="1" applyBorder="1" applyAlignment="1">
      <alignment horizontal="center" vertical="center"/>
    </xf>
    <xf numFmtId="178" fontId="12" fillId="3" borderId="4" xfId="3" applyNumberFormat="1" applyFont="1" applyFill="1" applyBorder="1" applyAlignment="1">
      <alignment horizontal="center" vertical="center"/>
    </xf>
    <xf numFmtId="178" fontId="12" fillId="3" borderId="3" xfId="3" applyNumberFormat="1" applyFont="1" applyFill="1" applyBorder="1" applyAlignment="1">
      <alignment horizontal="center" vertical="center"/>
    </xf>
    <xf numFmtId="178" fontId="12" fillId="3" borderId="2" xfId="3" applyNumberFormat="1" applyFont="1" applyFill="1" applyBorder="1" applyAlignment="1">
      <alignment horizontal="center" vertical="center"/>
    </xf>
    <xf numFmtId="0" fontId="11" fillId="3" borderId="14" xfId="3" applyFill="1" applyBorder="1" applyAlignment="1">
      <alignment horizontal="center" vertical="center" wrapText="1"/>
    </xf>
    <xf numFmtId="0" fontId="11" fillId="3" borderId="13" xfId="3" applyFill="1" applyBorder="1" applyAlignment="1">
      <alignment horizontal="center" vertical="center" wrapText="1"/>
    </xf>
    <xf numFmtId="0" fontId="11" fillId="3" borderId="12" xfId="3" applyFill="1" applyBorder="1" applyAlignment="1">
      <alignment horizontal="center" vertical="center" wrapText="1"/>
    </xf>
    <xf numFmtId="177" fontId="12" fillId="4" borderId="14" xfId="4" applyNumberFormat="1" applyFont="1" applyFill="1" applyBorder="1" applyAlignment="1">
      <alignment horizontal="center" vertical="center"/>
    </xf>
    <xf numFmtId="177" fontId="12" fillId="4" borderId="13" xfId="4" applyNumberFormat="1" applyFont="1" applyFill="1" applyBorder="1" applyAlignment="1">
      <alignment horizontal="center" vertical="center"/>
    </xf>
    <xf numFmtId="177" fontId="12" fillId="4" borderId="12" xfId="4" applyNumberFormat="1" applyFont="1" applyFill="1" applyBorder="1" applyAlignment="1">
      <alignment horizontal="center" vertical="center"/>
    </xf>
    <xf numFmtId="177" fontId="12" fillId="4" borderId="7" xfId="4" applyNumberFormat="1" applyFont="1" applyFill="1" applyBorder="1" applyAlignment="1">
      <alignment horizontal="center" vertical="center"/>
    </xf>
    <xf numFmtId="177" fontId="12" fillId="4" borderId="6" xfId="4" applyNumberFormat="1" applyFont="1" applyFill="1" applyBorder="1" applyAlignment="1">
      <alignment horizontal="center" vertical="center"/>
    </xf>
    <xf numFmtId="177" fontId="12" fillId="4" borderId="5" xfId="4" applyNumberFormat="1" applyFont="1" applyFill="1" applyBorder="1" applyAlignment="1">
      <alignment horizontal="center" vertical="center"/>
    </xf>
    <xf numFmtId="0" fontId="11" fillId="3" borderId="7" xfId="3" applyFill="1" applyBorder="1" applyAlignment="1">
      <alignment horizontal="center" vertical="center"/>
    </xf>
    <xf numFmtId="0" fontId="11" fillId="3" borderId="6" xfId="3" applyFill="1" applyBorder="1" applyAlignment="1">
      <alignment horizontal="center" vertical="center"/>
    </xf>
    <xf numFmtId="0" fontId="11" fillId="3" borderId="5" xfId="3" applyFill="1" applyBorder="1" applyAlignment="1">
      <alignment horizontal="center" vertical="center"/>
    </xf>
    <xf numFmtId="179" fontId="12" fillId="5" borderId="1" xfId="5" applyNumberFormat="1" applyFont="1" applyFill="1" applyBorder="1" applyAlignment="1">
      <alignment horizontal="center" vertical="center"/>
    </xf>
    <xf numFmtId="0" fontId="11" fillId="3" borderId="15" xfId="3" applyFill="1" applyBorder="1" applyAlignment="1">
      <alignment horizontal="center" vertical="center"/>
    </xf>
    <xf numFmtId="0" fontId="11" fillId="3" borderId="8" xfId="3" applyFill="1" applyBorder="1" applyAlignment="1">
      <alignment horizontal="center" vertical="center"/>
    </xf>
    <xf numFmtId="178" fontId="12" fillId="3" borderId="14" xfId="3" applyNumberFormat="1" applyFont="1" applyFill="1" applyBorder="1" applyAlignment="1">
      <alignment horizontal="center" vertical="center"/>
    </xf>
    <xf numFmtId="178" fontId="12" fillId="3" borderId="13" xfId="3" applyNumberFormat="1" applyFont="1" applyFill="1" applyBorder="1" applyAlignment="1">
      <alignment horizontal="center" vertical="center"/>
    </xf>
    <xf numFmtId="178" fontId="12" fillId="3" borderId="12" xfId="3" applyNumberFormat="1" applyFont="1" applyFill="1" applyBorder="1" applyAlignment="1">
      <alignment horizontal="center" vertical="center"/>
    </xf>
    <xf numFmtId="178" fontId="12" fillId="3" borderId="7" xfId="3" applyNumberFormat="1" applyFont="1" applyFill="1" applyBorder="1" applyAlignment="1">
      <alignment horizontal="center" vertical="center"/>
    </xf>
    <xf numFmtId="178" fontId="12" fillId="3" borderId="6" xfId="3" applyNumberFormat="1" applyFont="1" applyFill="1" applyBorder="1" applyAlignment="1">
      <alignment horizontal="center" vertical="center"/>
    </xf>
    <xf numFmtId="178" fontId="12" fillId="3" borderId="5" xfId="3" applyNumberFormat="1" applyFont="1" applyFill="1" applyBorder="1" applyAlignment="1">
      <alignment horizontal="center" vertical="center"/>
    </xf>
    <xf numFmtId="0" fontId="11" fillId="3" borderId="6" xfId="3" applyFill="1" applyBorder="1" applyAlignment="1">
      <alignment horizontal="left" vertical="center"/>
    </xf>
    <xf numFmtId="0" fontId="11" fillId="3" borderId="4" xfId="3" applyFill="1" applyBorder="1" applyAlignment="1">
      <alignment horizontal="center" vertical="center"/>
    </xf>
    <xf numFmtId="0" fontId="11" fillId="3" borderId="3" xfId="3" applyFill="1" applyBorder="1" applyAlignment="1">
      <alignment horizontal="center" vertical="center"/>
    </xf>
    <xf numFmtId="0" fontId="11" fillId="3" borderId="2" xfId="3" applyFill="1" applyBorder="1" applyAlignment="1">
      <alignment horizontal="center" vertical="center"/>
    </xf>
    <xf numFmtId="0" fontId="11" fillId="3" borderId="1" xfId="3" applyFill="1" applyBorder="1" applyAlignment="1">
      <alignment horizontal="center" vertical="center" wrapText="1"/>
    </xf>
    <xf numFmtId="0" fontId="14" fillId="3" borderId="1" xfId="3" applyFont="1" applyFill="1" applyBorder="1" applyAlignment="1">
      <alignment horizontal="center" vertical="top" wrapText="1"/>
    </xf>
    <xf numFmtId="0" fontId="11" fillId="3" borderId="1" xfId="3" applyFill="1" applyBorder="1" applyAlignment="1">
      <alignment horizontal="center" vertical="top" wrapText="1"/>
    </xf>
    <xf numFmtId="0" fontId="11" fillId="3" borderId="4" xfId="3" applyFill="1" applyBorder="1" applyAlignment="1">
      <alignment horizontal="center" vertical="center" wrapText="1"/>
    </xf>
    <xf numFmtId="0" fontId="11" fillId="3" borderId="3" xfId="3" applyFill="1" applyBorder="1" applyAlignment="1">
      <alignment horizontal="center" vertical="center" wrapText="1"/>
    </xf>
    <xf numFmtId="0" fontId="11" fillId="3" borderId="2" xfId="3" applyFill="1" applyBorder="1" applyAlignment="1">
      <alignment horizontal="center" vertical="center" wrapText="1"/>
    </xf>
    <xf numFmtId="0" fontId="11" fillId="0" borderId="15" xfId="3" applyBorder="1" applyAlignment="1">
      <alignment horizontal="center" vertical="center"/>
    </xf>
    <xf numFmtId="0" fontId="11" fillId="0" borderId="11" xfId="3" applyBorder="1" applyAlignment="1">
      <alignment horizontal="center" vertical="center"/>
    </xf>
    <xf numFmtId="0" fontId="11" fillId="0" borderId="8" xfId="3" applyBorder="1" applyAlignment="1">
      <alignment horizontal="center" vertical="center"/>
    </xf>
    <xf numFmtId="0" fontId="11" fillId="5" borderId="1" xfId="3" applyFill="1" applyBorder="1" applyAlignment="1">
      <alignment horizontal="center" vertical="center" shrinkToFit="1"/>
    </xf>
    <xf numFmtId="0" fontId="11" fillId="5" borderId="0" xfId="3" applyFill="1" applyAlignment="1">
      <alignment horizontal="center" vertical="center"/>
    </xf>
    <xf numFmtId="0" fontId="18" fillId="3" borderId="0" xfId="3" applyFont="1" applyFill="1" applyAlignment="1">
      <alignment horizontal="center" vertical="center"/>
    </xf>
    <xf numFmtId="0" fontId="11" fillId="5" borderId="6" xfId="3" applyFill="1" applyBorder="1" applyAlignment="1">
      <alignment horizontal="center" vertical="center" shrinkToFit="1"/>
    </xf>
    <xf numFmtId="0" fontId="11" fillId="5" borderId="3" xfId="3" applyFill="1" applyBorder="1" applyAlignment="1">
      <alignment horizontal="center" vertical="center" shrinkToFit="1"/>
    </xf>
    <xf numFmtId="0" fontId="17" fillId="3" borderId="0" xfId="3" applyFont="1" applyFill="1" applyAlignment="1">
      <alignment horizontal="left" vertical="center"/>
    </xf>
    <xf numFmtId="0" fontId="11" fillId="5" borderId="1" xfId="3" applyFill="1" applyBorder="1" applyAlignment="1">
      <alignment horizontal="center" vertical="center"/>
    </xf>
    <xf numFmtId="0" fontId="3" fillId="0" borderId="0" xfId="0" applyFont="1" applyAlignment="1">
      <alignment horizontal="center" vertical="center"/>
    </xf>
    <xf numFmtId="0" fontId="3" fillId="0" borderId="6" xfId="0" applyFont="1" applyBorder="1" applyAlignment="1">
      <alignment horizontal="left" vertical="center" wrapText="1"/>
    </xf>
    <xf numFmtId="0" fontId="3" fillId="0" borderId="4" xfId="0" applyFont="1" applyBorder="1" applyAlignment="1">
      <alignment horizontal="center" vertical="center"/>
    </xf>
    <xf numFmtId="0" fontId="3" fillId="0" borderId="3" xfId="0" applyFont="1" applyBorder="1" applyAlignment="1">
      <alignment horizontal="center" vertical="center"/>
    </xf>
    <xf numFmtId="0" fontId="3" fillId="0" borderId="2" xfId="0" applyFont="1" applyBorder="1" applyAlignment="1">
      <alignment horizontal="center" vertical="center"/>
    </xf>
    <xf numFmtId="0" fontId="3" fillId="0" borderId="14" xfId="0" applyFont="1" applyBorder="1" applyAlignment="1">
      <alignment horizontal="center" vertical="center"/>
    </xf>
    <xf numFmtId="0" fontId="3" fillId="0" borderId="13" xfId="0" applyFont="1" applyBorder="1" applyAlignment="1">
      <alignment horizontal="center" vertical="center"/>
    </xf>
    <xf numFmtId="0" fontId="3" fillId="0" borderId="12" xfId="0" applyFont="1" applyBorder="1" applyAlignment="1">
      <alignment horizontal="center" vertical="center"/>
    </xf>
    <xf numFmtId="0" fontId="3" fillId="0" borderId="7" xfId="0" applyFont="1" applyBorder="1" applyAlignment="1">
      <alignment horizontal="center" vertical="center"/>
    </xf>
    <xf numFmtId="0" fontId="3" fillId="0" borderId="6" xfId="0" applyFont="1" applyBorder="1" applyAlignment="1">
      <alignment horizontal="center" vertical="center"/>
    </xf>
    <xf numFmtId="0" fontId="3" fillId="0" borderId="5" xfId="0" applyFont="1" applyBorder="1" applyAlignment="1">
      <alignment horizontal="center" vertical="center"/>
    </xf>
    <xf numFmtId="0" fontId="3" fillId="0" borderId="0" xfId="0" applyFont="1" applyAlignment="1">
      <alignment horizontal="left" vertical="center" wrapText="1"/>
    </xf>
    <xf numFmtId="0" fontId="3" fillId="0" borderId="1" xfId="0" applyFont="1" applyBorder="1" applyAlignment="1">
      <alignment horizontal="center" vertical="center"/>
    </xf>
    <xf numFmtId="0" fontId="3" fillId="0" borderId="4" xfId="0" applyFont="1" applyBorder="1" applyAlignment="1">
      <alignment horizontal="left" vertical="center"/>
    </xf>
    <xf numFmtId="0" fontId="3" fillId="0" borderId="3" xfId="0" applyFont="1" applyBorder="1" applyAlignment="1">
      <alignment horizontal="left" vertical="center"/>
    </xf>
    <xf numFmtId="0" fontId="3" fillId="0" borderId="2" xfId="0" applyFont="1" applyBorder="1" applyAlignment="1">
      <alignment horizontal="left" vertical="center"/>
    </xf>
    <xf numFmtId="0" fontId="3" fillId="0" borderId="14" xfId="0" applyFont="1" applyBorder="1" applyAlignment="1">
      <alignment horizontal="left" vertical="top"/>
    </xf>
    <xf numFmtId="0" fontId="3" fillId="0" borderId="13" xfId="0" applyFont="1" applyBorder="1" applyAlignment="1">
      <alignment horizontal="left" vertical="top"/>
    </xf>
    <xf numFmtId="0" fontId="3" fillId="0" borderId="12" xfId="0" applyFont="1" applyBorder="1" applyAlignment="1">
      <alignment horizontal="left" vertical="top"/>
    </xf>
    <xf numFmtId="0" fontId="3" fillId="0" borderId="10" xfId="0" applyFont="1" applyBorder="1" applyAlignment="1">
      <alignment horizontal="left" vertical="top"/>
    </xf>
    <xf numFmtId="0" fontId="3" fillId="0" borderId="0" xfId="0" applyFont="1" applyAlignment="1">
      <alignment horizontal="left" vertical="top"/>
    </xf>
    <xf numFmtId="0" fontId="3" fillId="0" borderId="9" xfId="0" applyFont="1" applyBorder="1" applyAlignment="1">
      <alignment horizontal="left" vertical="top"/>
    </xf>
    <xf numFmtId="0" fontId="3" fillId="0" borderId="7" xfId="0" applyFont="1" applyBorder="1" applyAlignment="1">
      <alignment horizontal="left" vertical="top"/>
    </xf>
    <xf numFmtId="0" fontId="3" fillId="0" borderId="6" xfId="0" applyFont="1" applyBorder="1" applyAlignment="1">
      <alignment horizontal="left" vertical="top"/>
    </xf>
    <xf numFmtId="0" fontId="3" fillId="0" borderId="5" xfId="0" applyFont="1" applyBorder="1" applyAlignment="1">
      <alignment horizontal="left" vertical="top"/>
    </xf>
    <xf numFmtId="0" fontId="3" fillId="0" borderId="0" xfId="0" applyFont="1" applyAlignment="1">
      <alignment horizontal="center" vertical="top"/>
    </xf>
    <xf numFmtId="0" fontId="3" fillId="0" borderId="1" xfId="0" applyFont="1" applyBorder="1" applyAlignment="1">
      <alignment horizontal="left" vertical="center"/>
    </xf>
    <xf numFmtId="0" fontId="3" fillId="0" borderId="9" xfId="0" applyFont="1" applyBorder="1" applyAlignment="1">
      <alignment horizontal="left" vertical="center" wrapText="1"/>
    </xf>
    <xf numFmtId="0" fontId="3" fillId="0" borderId="1" xfId="0" applyFont="1" applyBorder="1" applyAlignment="1">
      <alignment horizontal="left" vertical="center" wrapText="1"/>
    </xf>
    <xf numFmtId="0" fontId="3" fillId="0" borderId="0" xfId="0" applyFont="1" applyAlignment="1">
      <alignment horizontal="center" vertical="center" wrapText="1"/>
    </xf>
    <xf numFmtId="0" fontId="3" fillId="0" borderId="10" xfId="0" applyFont="1" applyBorder="1" applyAlignment="1">
      <alignment horizontal="left" vertical="top" wrapText="1"/>
    </xf>
    <xf numFmtId="0" fontId="3" fillId="0" borderId="0" xfId="0" applyFont="1" applyAlignment="1">
      <alignment horizontal="left" vertical="center"/>
    </xf>
    <xf numFmtId="0" fontId="3" fillId="0" borderId="10" xfId="0" applyFont="1" applyBorder="1" applyAlignment="1">
      <alignment horizontal="center" vertical="center"/>
    </xf>
    <xf numFmtId="0" fontId="3" fillId="0" borderId="9" xfId="0" applyFont="1" applyBorder="1" applyAlignment="1">
      <alignment horizontal="center" vertical="center"/>
    </xf>
    <xf numFmtId="0" fontId="3" fillId="0" borderId="28" xfId="0" applyFont="1" applyBorder="1" applyAlignment="1">
      <alignment horizontal="center" vertical="center"/>
    </xf>
    <xf numFmtId="0" fontId="3" fillId="0" borderId="27" xfId="0" applyFont="1" applyBorder="1" applyAlignment="1">
      <alignment horizontal="center" vertical="center"/>
    </xf>
    <xf numFmtId="0" fontId="3" fillId="0" borderId="26" xfId="0" applyFont="1" applyBorder="1" applyAlignment="1">
      <alignment horizontal="center" vertical="center"/>
    </xf>
    <xf numFmtId="0" fontId="3" fillId="0" borderId="7" xfId="0" applyFont="1" applyBorder="1" applyAlignment="1">
      <alignment vertical="center" wrapText="1"/>
    </xf>
    <xf numFmtId="0" fontId="3" fillId="0" borderId="6" xfId="0" applyFont="1" applyBorder="1" applyAlignment="1">
      <alignment vertical="center" wrapText="1"/>
    </xf>
    <xf numFmtId="0" fontId="3" fillId="0" borderId="5" xfId="0" applyFont="1" applyBorder="1" applyAlignment="1">
      <alignment vertical="center" wrapText="1"/>
    </xf>
    <xf numFmtId="0" fontId="3" fillId="0" borderId="1" xfId="0" applyFont="1" applyBorder="1" applyAlignment="1">
      <alignment horizontal="center" vertical="center" wrapText="1"/>
    </xf>
    <xf numFmtId="0" fontId="3" fillId="0" borderId="1" xfId="0" applyFont="1" applyBorder="1" applyAlignment="1">
      <alignment vertical="center" wrapText="1"/>
    </xf>
    <xf numFmtId="0" fontId="3" fillId="0" borderId="1" xfId="0" applyFont="1" applyBorder="1" applyAlignment="1">
      <alignment vertical="center"/>
    </xf>
    <xf numFmtId="0" fontId="3" fillId="0" borderId="9" xfId="0" applyFont="1" applyBorder="1" applyAlignment="1">
      <alignment horizontal="left" vertical="center"/>
    </xf>
    <xf numFmtId="0" fontId="3" fillId="0" borderId="10" xfId="0" applyFont="1" applyBorder="1" applyAlignment="1">
      <alignment horizontal="left" vertical="center" wrapText="1"/>
    </xf>
    <xf numFmtId="0" fontId="3" fillId="0" borderId="10" xfId="0" applyFont="1" applyBorder="1" applyAlignment="1">
      <alignment horizontal="left" vertical="center"/>
    </xf>
    <xf numFmtId="0" fontId="3" fillId="0" borderId="4" xfId="0" applyFont="1" applyBorder="1" applyAlignment="1">
      <alignment horizontal="center" vertical="center" wrapText="1"/>
    </xf>
    <xf numFmtId="0" fontId="3" fillId="0" borderId="3" xfId="0" applyFont="1" applyBorder="1" applyAlignment="1">
      <alignment horizontal="center" vertical="center" wrapText="1"/>
    </xf>
    <xf numFmtId="0" fontId="3" fillId="0" borderId="2" xfId="0" applyFont="1" applyBorder="1" applyAlignment="1">
      <alignment horizontal="center" vertical="center" wrapText="1"/>
    </xf>
    <xf numFmtId="0" fontId="3" fillId="0" borderId="0" xfId="0" applyFont="1" applyAlignment="1">
      <alignment horizontal="left" vertical="top" wrapText="1"/>
    </xf>
    <xf numFmtId="0" fontId="3" fillId="0" borderId="4" xfId="0" applyFont="1" applyBorder="1" applyAlignment="1">
      <alignment horizontal="left" vertical="center" wrapText="1"/>
    </xf>
    <xf numFmtId="0" fontId="3" fillId="0" borderId="3" xfId="0" applyFont="1" applyBorder="1" applyAlignment="1">
      <alignment horizontal="left" vertical="center" wrapText="1"/>
    </xf>
    <xf numFmtId="0" fontId="3" fillId="0" borderId="2" xfId="0" applyFont="1" applyBorder="1" applyAlignment="1">
      <alignment horizontal="left" vertical="center" wrapText="1"/>
    </xf>
    <xf numFmtId="0" fontId="3" fillId="0" borderId="9" xfId="0" applyFont="1" applyBorder="1" applyAlignment="1">
      <alignment horizontal="left" vertical="top" wrapText="1"/>
    </xf>
    <xf numFmtId="0" fontId="23" fillId="0" borderId="0" xfId="6" applyFont="1" applyAlignment="1">
      <alignment horizontal="left" vertical="center"/>
    </xf>
    <xf numFmtId="0" fontId="24" fillId="0" borderId="0" xfId="6" applyFont="1" applyAlignment="1">
      <alignment horizontal="left" vertical="center"/>
    </xf>
    <xf numFmtId="0" fontId="23" fillId="0" borderId="4" xfId="6" applyFont="1" applyBorder="1" applyAlignment="1">
      <alignment horizontal="center" vertical="center"/>
    </xf>
    <xf numFmtId="0" fontId="23" fillId="0" borderId="3" xfId="6" applyFont="1" applyBorder="1" applyAlignment="1">
      <alignment horizontal="center" vertical="center"/>
    </xf>
    <xf numFmtId="0" fontId="23" fillId="0" borderId="2" xfId="6" applyFont="1" applyBorder="1" applyAlignment="1">
      <alignment horizontal="center" vertical="center"/>
    </xf>
    <xf numFmtId="0" fontId="27" fillId="0" borderId="14" xfId="6" applyFont="1" applyBorder="1" applyAlignment="1">
      <alignment horizontal="center" vertical="center" wrapText="1"/>
    </xf>
    <xf numFmtId="0" fontId="27" fillId="0" borderId="13" xfId="6" applyFont="1" applyBorder="1" applyAlignment="1">
      <alignment horizontal="center" vertical="center" wrapText="1"/>
    </xf>
    <xf numFmtId="0" fontId="27" fillId="0" borderId="12" xfId="6" applyFont="1" applyBorder="1" applyAlignment="1">
      <alignment horizontal="center" vertical="center" wrapText="1"/>
    </xf>
    <xf numFmtId="0" fontId="27" fillId="0" borderId="7" xfId="6" applyFont="1" applyBorder="1" applyAlignment="1">
      <alignment horizontal="center" vertical="center" wrapText="1"/>
    </xf>
    <xf numFmtId="0" fontId="27" fillId="0" borderId="6" xfId="6" applyFont="1" applyBorder="1" applyAlignment="1">
      <alignment horizontal="center" vertical="center" wrapText="1"/>
    </xf>
    <xf numFmtId="0" fontId="27" fillId="0" borderId="5" xfId="6" applyFont="1" applyBorder="1" applyAlignment="1">
      <alignment horizontal="center" vertical="center" wrapText="1"/>
    </xf>
    <xf numFmtId="0" fontId="23" fillId="5" borderId="14" xfId="6" applyFont="1" applyFill="1" applyBorder="1" applyAlignment="1">
      <alignment horizontal="center" vertical="center"/>
    </xf>
    <xf numFmtId="0" fontId="23" fillId="5" borderId="13" xfId="6" applyFont="1" applyFill="1" applyBorder="1" applyAlignment="1">
      <alignment horizontal="center" vertical="center"/>
    </xf>
    <xf numFmtId="0" fontId="23" fillId="5" borderId="12" xfId="6" applyFont="1" applyFill="1" applyBorder="1" applyAlignment="1">
      <alignment horizontal="center" vertical="center"/>
    </xf>
    <xf numFmtId="0" fontId="23" fillId="5" borderId="7" xfId="6" applyFont="1" applyFill="1" applyBorder="1" applyAlignment="1">
      <alignment horizontal="center" vertical="center"/>
    </xf>
    <xf numFmtId="0" fontId="23" fillId="5" borderId="6" xfId="6" applyFont="1" applyFill="1" applyBorder="1" applyAlignment="1">
      <alignment horizontal="center" vertical="center"/>
    </xf>
    <xf numFmtId="0" fontId="23" fillId="5" borderId="5" xfId="6" applyFont="1" applyFill="1" applyBorder="1" applyAlignment="1">
      <alignment horizontal="center" vertical="center"/>
    </xf>
    <xf numFmtId="0" fontId="23" fillId="0" borderId="10" xfId="6" applyFont="1" applyBorder="1" applyAlignment="1">
      <alignment horizontal="center" vertical="center"/>
    </xf>
    <xf numFmtId="0" fontId="23" fillId="0" borderId="14" xfId="6" applyFont="1" applyBorder="1" applyAlignment="1">
      <alignment horizontal="center" vertical="center" wrapText="1"/>
    </xf>
    <xf numFmtId="0" fontId="23" fillId="0" borderId="13" xfId="6" applyFont="1" applyBorder="1" applyAlignment="1">
      <alignment horizontal="center" vertical="center" wrapText="1"/>
    </xf>
    <xf numFmtId="0" fontId="23" fillId="0" borderId="12" xfId="6" applyFont="1" applyBorder="1" applyAlignment="1">
      <alignment horizontal="center" vertical="center" wrapText="1"/>
    </xf>
    <xf numFmtId="0" fontId="23" fillId="0" borderId="7" xfId="6" applyFont="1" applyBorder="1" applyAlignment="1">
      <alignment horizontal="center" vertical="center" wrapText="1"/>
    </xf>
    <xf numFmtId="0" fontId="23" fillId="0" borderId="6" xfId="6" applyFont="1" applyBorder="1" applyAlignment="1">
      <alignment horizontal="center" vertical="center" wrapText="1"/>
    </xf>
    <xf numFmtId="0" fontId="23" fillId="0" borderId="5" xfId="6" applyFont="1" applyBorder="1" applyAlignment="1">
      <alignment horizontal="center" vertical="center" wrapText="1"/>
    </xf>
    <xf numFmtId="177" fontId="26" fillId="4" borderId="14" xfId="7" applyNumberFormat="1" applyFont="1" applyFill="1" applyBorder="1" applyAlignment="1">
      <alignment horizontal="center" vertical="center"/>
    </xf>
    <xf numFmtId="177" fontId="26" fillId="4" borderId="13" xfId="7" applyNumberFormat="1" applyFont="1" applyFill="1" applyBorder="1" applyAlignment="1">
      <alignment horizontal="center" vertical="center"/>
    </xf>
    <xf numFmtId="177" fontId="26" fillId="4" borderId="12" xfId="7" applyNumberFormat="1" applyFont="1" applyFill="1" applyBorder="1" applyAlignment="1">
      <alignment horizontal="center" vertical="center"/>
    </xf>
    <xf numFmtId="177" fontId="26" fillId="4" borderId="7" xfId="7" applyNumberFormat="1" applyFont="1" applyFill="1" applyBorder="1" applyAlignment="1">
      <alignment horizontal="center" vertical="center"/>
    </xf>
    <xf numFmtId="177" fontId="26" fillId="4" borderId="6" xfId="7" applyNumberFormat="1" applyFont="1" applyFill="1" applyBorder="1" applyAlignment="1">
      <alignment horizontal="center" vertical="center"/>
    </xf>
    <xf numFmtId="177" fontId="26" fillId="4" borderId="5" xfId="7" applyNumberFormat="1" applyFont="1" applyFill="1" applyBorder="1" applyAlignment="1">
      <alignment horizontal="center" vertical="center"/>
    </xf>
    <xf numFmtId="0" fontId="23" fillId="5" borderId="3" xfId="6" applyFont="1" applyFill="1" applyBorder="1" applyAlignment="1">
      <alignment horizontal="center" vertical="center"/>
    </xf>
    <xf numFmtId="0" fontId="23" fillId="5" borderId="4" xfId="6" applyFont="1" applyFill="1" applyBorder="1" applyAlignment="1">
      <alignment horizontal="center" vertical="center"/>
    </xf>
    <xf numFmtId="0" fontId="23" fillId="0" borderId="4" xfId="6" applyFont="1" applyBorder="1" applyAlignment="1">
      <alignment horizontal="center" vertical="center" wrapText="1"/>
    </xf>
    <xf numFmtId="0" fontId="23" fillId="0" borderId="3" xfId="6" applyFont="1" applyBorder="1" applyAlignment="1">
      <alignment horizontal="center" vertical="center" wrapText="1"/>
    </xf>
    <xf numFmtId="0" fontId="23" fillId="0" borderId="2" xfId="6" applyFont="1" applyBorder="1" applyAlignment="1">
      <alignment horizontal="center" vertical="center" wrapText="1"/>
    </xf>
    <xf numFmtId="0" fontId="28" fillId="0" borderId="0" xfId="6" applyFont="1" applyAlignment="1">
      <alignment horizontal="center" vertical="center"/>
    </xf>
    <xf numFmtId="0" fontId="23" fillId="5" borderId="30" xfId="6" applyFont="1" applyFill="1" applyBorder="1" applyAlignment="1">
      <alignment horizontal="center" vertical="center" shrinkToFit="1"/>
    </xf>
    <xf numFmtId="0" fontId="23" fillId="5" borderId="48" xfId="6" applyFont="1" applyFill="1" applyBorder="1" applyAlignment="1">
      <alignment horizontal="center" vertical="center" shrinkToFit="1"/>
    </xf>
    <xf numFmtId="0" fontId="3" fillId="0" borderId="0" xfId="6" applyFont="1" applyAlignment="1">
      <alignment horizontal="left" vertical="center"/>
    </xf>
    <xf numFmtId="0" fontId="4" fillId="0" borderId="0" xfId="6" applyFont="1" applyAlignment="1">
      <alignment horizontal="left" vertical="top" wrapText="1"/>
    </xf>
    <xf numFmtId="0" fontId="3" fillId="0" borderId="0" xfId="6" applyFont="1" applyAlignment="1">
      <alignment horizontal="left" vertical="top" wrapText="1"/>
    </xf>
    <xf numFmtId="0" fontId="3" fillId="0" borderId="4" xfId="6" applyFont="1" applyBorder="1" applyAlignment="1">
      <alignment horizontal="center" vertical="center"/>
    </xf>
    <xf numFmtId="0" fontId="3" fillId="0" borderId="3" xfId="6" applyFont="1" applyBorder="1" applyAlignment="1">
      <alignment horizontal="center" vertical="center"/>
    </xf>
    <xf numFmtId="0" fontId="3" fillId="0" borderId="2" xfId="6" applyFont="1" applyBorder="1" applyAlignment="1">
      <alignment horizontal="center" vertical="center"/>
    </xf>
    <xf numFmtId="0" fontId="3" fillId="5" borderId="4" xfId="6" applyFont="1" applyFill="1" applyBorder="1" applyAlignment="1">
      <alignment horizontal="center" vertical="center"/>
    </xf>
    <xf numFmtId="0" fontId="3" fillId="5" borderId="3" xfId="6" applyFont="1" applyFill="1" applyBorder="1" applyAlignment="1">
      <alignment horizontal="center" vertical="center"/>
    </xf>
    <xf numFmtId="0" fontId="3" fillId="0" borderId="1" xfId="6" applyFont="1" applyBorder="1" applyAlignment="1">
      <alignment horizontal="center" vertical="center"/>
    </xf>
    <xf numFmtId="0" fontId="3" fillId="0" borderId="14" xfId="6" applyFont="1" applyBorder="1" applyAlignment="1">
      <alignment horizontal="center" vertical="center" wrapText="1"/>
    </xf>
    <xf numFmtId="0" fontId="3" fillId="0" borderId="13" xfId="6" applyFont="1" applyBorder="1" applyAlignment="1">
      <alignment horizontal="center" vertical="center" wrapText="1"/>
    </xf>
    <xf numFmtId="0" fontId="3" fillId="0" borderId="12" xfId="6" applyFont="1" applyBorder="1" applyAlignment="1">
      <alignment horizontal="center" vertical="center" wrapText="1"/>
    </xf>
    <xf numFmtId="0" fontId="3" fillId="0" borderId="7" xfId="6" applyFont="1" applyBorder="1" applyAlignment="1">
      <alignment horizontal="center" vertical="center" wrapText="1"/>
    </xf>
    <xf numFmtId="0" fontId="3" fillId="0" borderId="6" xfId="6" applyFont="1" applyBorder="1" applyAlignment="1">
      <alignment horizontal="center" vertical="center" wrapText="1"/>
    </xf>
    <xf numFmtId="0" fontId="3" fillId="0" borderId="5" xfId="6" applyFont="1" applyBorder="1" applyAlignment="1">
      <alignment horizontal="center" vertical="center" wrapText="1"/>
    </xf>
    <xf numFmtId="177" fontId="21" fillId="4" borderId="14" xfId="7" applyNumberFormat="1" applyFont="1" applyFill="1" applyBorder="1" applyAlignment="1">
      <alignment horizontal="center" vertical="center"/>
    </xf>
    <xf numFmtId="177" fontId="21" fillId="4" borderId="13" xfId="7" applyNumberFormat="1" applyFont="1" applyFill="1" applyBorder="1" applyAlignment="1">
      <alignment horizontal="center" vertical="center"/>
    </xf>
    <xf numFmtId="177" fontId="21" fillId="4" borderId="12" xfId="7" applyNumberFormat="1" applyFont="1" applyFill="1" applyBorder="1" applyAlignment="1">
      <alignment horizontal="center" vertical="center"/>
    </xf>
    <xf numFmtId="177" fontId="21" fillId="4" borderId="7" xfId="7" applyNumberFormat="1" applyFont="1" applyFill="1" applyBorder="1" applyAlignment="1">
      <alignment horizontal="center" vertical="center"/>
    </xf>
    <xf numFmtId="177" fontId="21" fillId="4" borderId="6" xfId="7" applyNumberFormat="1" applyFont="1" applyFill="1" applyBorder="1" applyAlignment="1">
      <alignment horizontal="center" vertical="center"/>
    </xf>
    <xf numFmtId="177" fontId="21" fillId="4" borderId="5" xfId="7" applyNumberFormat="1" applyFont="1" applyFill="1" applyBorder="1" applyAlignment="1">
      <alignment horizontal="center" vertical="center"/>
    </xf>
    <xf numFmtId="0" fontId="3" fillId="0" borderId="10" xfId="6" applyFont="1" applyBorder="1" applyAlignment="1">
      <alignment horizontal="center" vertical="center"/>
    </xf>
    <xf numFmtId="0" fontId="3" fillId="0" borderId="4" xfId="8" applyFont="1" applyBorder="1" applyAlignment="1">
      <alignment horizontal="left" vertical="center" wrapText="1"/>
    </xf>
    <xf numFmtId="0" fontId="3" fillId="0" borderId="3" xfId="8" applyFont="1" applyBorder="1" applyAlignment="1">
      <alignment horizontal="left" vertical="center" wrapText="1"/>
    </xf>
    <xf numFmtId="0" fontId="3" fillId="0" borderId="2" xfId="8" applyFont="1" applyBorder="1" applyAlignment="1">
      <alignment horizontal="left" vertical="center" wrapText="1"/>
    </xf>
    <xf numFmtId="0" fontId="3" fillId="5" borderId="4" xfId="8" applyFont="1" applyFill="1" applyBorder="1" applyAlignment="1">
      <alignment horizontal="center" vertical="center"/>
    </xf>
    <xf numFmtId="0" fontId="3" fillId="5" borderId="3" xfId="8" applyFont="1" applyFill="1" applyBorder="1" applyAlignment="1">
      <alignment horizontal="center" vertical="center"/>
    </xf>
    <xf numFmtId="0" fontId="3" fillId="5" borderId="2" xfId="8" applyFont="1" applyFill="1" applyBorder="1" applyAlignment="1">
      <alignment horizontal="center" vertical="center"/>
    </xf>
    <xf numFmtId="0" fontId="3" fillId="0" borderId="4" xfId="6" applyFont="1" applyBorder="1" applyAlignment="1">
      <alignment horizontal="center" vertical="center" wrapText="1"/>
    </xf>
    <xf numFmtId="0" fontId="3" fillId="0" borderId="3" xfId="6" applyFont="1" applyBorder="1" applyAlignment="1">
      <alignment horizontal="center" vertical="center" wrapText="1"/>
    </xf>
    <xf numFmtId="0" fontId="3" fillId="0" borderId="2" xfId="6" applyFont="1" applyBorder="1" applyAlignment="1">
      <alignment horizontal="center" vertical="center" wrapText="1"/>
    </xf>
    <xf numFmtId="0" fontId="3" fillId="0" borderId="1" xfId="6" applyFont="1" applyBorder="1" applyAlignment="1">
      <alignment horizontal="center" vertical="center" wrapText="1"/>
    </xf>
    <xf numFmtId="0" fontId="29" fillId="0" borderId="0" xfId="6" applyFont="1" applyAlignment="1">
      <alignment horizontal="center" vertical="center"/>
    </xf>
    <xf numFmtId="0" fontId="3" fillId="5" borderId="48" xfId="6" applyFont="1" applyFill="1" applyBorder="1" applyAlignment="1">
      <alignment horizontal="center" vertical="center" shrinkToFit="1"/>
    </xf>
    <xf numFmtId="0" fontId="3" fillId="5" borderId="0" xfId="6" applyFont="1" applyFill="1" applyAlignment="1">
      <alignment horizontal="center" vertical="center"/>
    </xf>
    <xf numFmtId="0" fontId="4" fillId="0" borderId="0" xfId="0" applyFont="1" applyAlignment="1">
      <alignment horizontal="left" wrapText="1"/>
    </xf>
    <xf numFmtId="0" fontId="3" fillId="0" borderId="14" xfId="0" applyFont="1" applyBorder="1" applyAlignment="1">
      <alignment horizontal="left" vertical="center"/>
    </xf>
    <xf numFmtId="0" fontId="3" fillId="0" borderId="13" xfId="0" applyFont="1" applyBorder="1" applyAlignment="1">
      <alignment horizontal="left" vertical="center"/>
    </xf>
    <xf numFmtId="0" fontId="3" fillId="0" borderId="12" xfId="0" applyFont="1" applyBorder="1" applyAlignment="1">
      <alignment horizontal="left" vertical="center"/>
    </xf>
    <xf numFmtId="0" fontId="3" fillId="0" borderId="7" xfId="0" applyFont="1" applyBorder="1" applyAlignment="1">
      <alignment horizontal="left" vertical="center"/>
    </xf>
    <xf numFmtId="0" fontId="3" fillId="0" borderId="6" xfId="0" applyFont="1" applyBorder="1" applyAlignment="1">
      <alignment horizontal="left" vertical="center"/>
    </xf>
    <xf numFmtId="0" fontId="3" fillId="0" borderId="5" xfId="0" applyFont="1" applyBorder="1" applyAlignment="1">
      <alignment horizontal="left" vertical="center"/>
    </xf>
    <xf numFmtId="0" fontId="3" fillId="0" borderId="8" xfId="0" applyFont="1" applyBorder="1" applyAlignment="1">
      <alignment horizontal="center" vertical="center"/>
    </xf>
    <xf numFmtId="0" fontId="3" fillId="0" borderId="0" xfId="0" applyFont="1" applyAlignment="1">
      <alignment horizontal="center"/>
    </xf>
    <xf numFmtId="0" fontId="3" fillId="0" borderId="0" xfId="0" applyFont="1" applyAlignment="1">
      <alignment horizontal="center" vertical="top" wrapText="1"/>
    </xf>
    <xf numFmtId="0" fontId="3" fillId="0" borderId="9" xfId="0" applyFont="1" applyBorder="1" applyAlignment="1">
      <alignment horizontal="center" vertical="top" wrapText="1"/>
    </xf>
    <xf numFmtId="1" fontId="3" fillId="2" borderId="4" xfId="0" applyNumberFormat="1" applyFont="1" applyFill="1" applyBorder="1" applyAlignment="1">
      <alignment horizontal="center" vertical="center"/>
    </xf>
    <xf numFmtId="1" fontId="3" fillId="2" borderId="3" xfId="0" applyNumberFormat="1" applyFont="1" applyFill="1" applyBorder="1" applyAlignment="1">
      <alignment horizontal="center" vertical="center"/>
    </xf>
    <xf numFmtId="0" fontId="3" fillId="0" borderId="0" xfId="0" applyFont="1" applyAlignment="1">
      <alignment vertical="center" wrapText="1"/>
    </xf>
    <xf numFmtId="0" fontId="30" fillId="0" borderId="1" xfId="0" applyFont="1" applyBorder="1" applyAlignment="1">
      <alignment horizontal="center" vertical="center"/>
    </xf>
    <xf numFmtId="0" fontId="30" fillId="0" borderId="4" xfId="0" applyFont="1" applyBorder="1" applyAlignment="1">
      <alignment horizontal="center" vertical="center"/>
    </xf>
    <xf numFmtId="0" fontId="30" fillId="0" borderId="8" xfId="0" applyFont="1" applyBorder="1" applyAlignment="1">
      <alignment horizontal="center" vertical="center"/>
    </xf>
    <xf numFmtId="0" fontId="30" fillId="0" borderId="2" xfId="0" applyFont="1" applyBorder="1" applyAlignment="1">
      <alignment horizontal="center" vertical="center"/>
    </xf>
    <xf numFmtId="0" fontId="3" fillId="0" borderId="14" xfId="0" applyFont="1" applyBorder="1" applyAlignment="1">
      <alignment horizontal="center" vertical="center" wrapText="1"/>
    </xf>
    <xf numFmtId="0" fontId="3" fillId="0" borderId="13" xfId="0" applyFont="1" applyBorder="1" applyAlignment="1">
      <alignment horizontal="center" vertical="center" wrapText="1"/>
    </xf>
    <xf numFmtId="0" fontId="3" fillId="0" borderId="12" xfId="0" applyFont="1" applyBorder="1" applyAlignment="1">
      <alignment horizontal="center" vertical="center" wrapText="1"/>
    </xf>
    <xf numFmtId="0" fontId="3" fillId="0" borderId="10" xfId="0" applyFont="1" applyBorder="1" applyAlignment="1">
      <alignment horizontal="center" vertical="center" wrapText="1"/>
    </xf>
    <xf numFmtId="0" fontId="3" fillId="0" borderId="9" xfId="0" applyFont="1" applyBorder="1" applyAlignment="1">
      <alignment horizontal="center" vertical="center" wrapText="1"/>
    </xf>
    <xf numFmtId="0" fontId="3" fillId="0" borderId="7" xfId="0" applyFont="1" applyBorder="1" applyAlignment="1">
      <alignment horizontal="center" vertical="center" wrapText="1"/>
    </xf>
    <xf numFmtId="0" fontId="3" fillId="0" borderId="6" xfId="0" applyFont="1" applyBorder="1" applyAlignment="1">
      <alignment horizontal="center" vertical="center" wrapText="1"/>
    </xf>
    <xf numFmtId="0" fontId="3" fillId="0" borderId="5" xfId="0" applyFont="1" applyBorder="1" applyAlignment="1">
      <alignment horizontal="center" vertical="center" wrapText="1"/>
    </xf>
    <xf numFmtId="0" fontId="20" fillId="0" borderId="0" xfId="0" applyFont="1" applyAlignment="1">
      <alignment horizontal="center" vertical="top"/>
    </xf>
    <xf numFmtId="0" fontId="20" fillId="0" borderId="0" xfId="0" applyFont="1" applyAlignment="1">
      <alignment vertical="top" wrapText="1"/>
    </xf>
    <xf numFmtId="0" fontId="9" fillId="0" borderId="4" xfId="0" applyFont="1" applyBorder="1" applyAlignment="1">
      <alignment vertical="center" wrapText="1"/>
    </xf>
    <xf numFmtId="0" fontId="9" fillId="0" borderId="3" xfId="0" applyFont="1" applyBorder="1" applyAlignment="1">
      <alignment vertical="center" wrapText="1"/>
    </xf>
    <xf numFmtId="0" fontId="9" fillId="0" borderId="4" xfId="0" applyFont="1" applyBorder="1" applyAlignment="1">
      <alignment horizontal="left" vertical="center" wrapText="1"/>
    </xf>
    <xf numFmtId="0" fontId="9" fillId="0" borderId="3" xfId="0" applyFont="1" applyBorder="1" applyAlignment="1">
      <alignment horizontal="left" vertical="center" wrapText="1"/>
    </xf>
    <xf numFmtId="0" fontId="3" fillId="0" borderId="14" xfId="0" applyFont="1" applyBorder="1" applyAlignment="1">
      <alignment horizontal="left" vertical="center" wrapText="1"/>
    </xf>
    <xf numFmtId="0" fontId="3" fillId="0" borderId="13" xfId="0" applyFont="1" applyBorder="1" applyAlignment="1">
      <alignment horizontal="left" vertical="center" wrapText="1"/>
    </xf>
    <xf numFmtId="0" fontId="3" fillId="0" borderId="12" xfId="0" applyFont="1" applyBorder="1" applyAlignment="1">
      <alignment horizontal="left" vertical="center" wrapText="1"/>
    </xf>
    <xf numFmtId="0" fontId="3" fillId="0" borderId="7" xfId="0" applyFont="1" applyBorder="1" applyAlignment="1">
      <alignment horizontal="left" vertical="center" wrapText="1"/>
    </xf>
    <xf numFmtId="0" fontId="3" fillId="0" borderId="5" xfId="0" applyFont="1" applyBorder="1" applyAlignment="1">
      <alignment horizontal="left" vertical="center" wrapText="1"/>
    </xf>
    <xf numFmtId="0" fontId="4" fillId="0" borderId="14" xfId="0" applyFont="1" applyBorder="1" applyAlignment="1">
      <alignment wrapText="1"/>
    </xf>
    <xf numFmtId="0" fontId="4" fillId="0" borderId="13" xfId="0" applyFont="1" applyBorder="1" applyAlignment="1">
      <alignment wrapText="1"/>
    </xf>
    <xf numFmtId="0" fontId="4" fillId="0" borderId="12" xfId="0" applyFont="1" applyBorder="1" applyAlignment="1">
      <alignment wrapText="1"/>
    </xf>
    <xf numFmtId="0" fontId="4" fillId="0" borderId="10" xfId="0" applyFont="1" applyBorder="1" applyAlignment="1">
      <alignment horizontal="left" vertical="top" wrapText="1"/>
    </xf>
    <xf numFmtId="0" fontId="4" fillId="0" borderId="0" xfId="0" applyFont="1" applyAlignment="1">
      <alignment horizontal="left" vertical="top" wrapText="1"/>
    </xf>
    <xf numFmtId="0" fontId="4" fillId="0" borderId="9" xfId="0" applyFont="1" applyBorder="1" applyAlignment="1">
      <alignment horizontal="left" vertical="top" wrapText="1"/>
    </xf>
    <xf numFmtId="0" fontId="4" fillId="0" borderId="10" xfId="0" applyFont="1" applyBorder="1" applyAlignment="1">
      <alignment vertical="top" wrapText="1"/>
    </xf>
    <xf numFmtId="0" fontId="4" fillId="0" borderId="0" xfId="0" applyFont="1" applyAlignment="1">
      <alignment vertical="top" wrapText="1"/>
    </xf>
    <xf numFmtId="0" fontId="4" fillId="0" borderId="9" xfId="0" applyFont="1" applyBorder="1" applyAlignment="1">
      <alignment vertical="top" wrapText="1"/>
    </xf>
    <xf numFmtId="0" fontId="4" fillId="0" borderId="7" xfId="0" applyFont="1" applyBorder="1" applyAlignment="1">
      <alignment vertical="top" wrapText="1"/>
    </xf>
    <xf numFmtId="0" fontId="4" fillId="0" borderId="6" xfId="0" applyFont="1" applyBorder="1" applyAlignment="1">
      <alignment vertical="top" wrapText="1"/>
    </xf>
    <xf numFmtId="0" fontId="4" fillId="0" borderId="5" xfId="0" applyFont="1" applyBorder="1" applyAlignment="1">
      <alignment vertical="top" wrapText="1"/>
    </xf>
    <xf numFmtId="0" fontId="9" fillId="0" borderId="4" xfId="0" applyFont="1" applyBorder="1" applyAlignment="1">
      <alignment horizontal="left" vertical="center"/>
    </xf>
    <xf numFmtId="0" fontId="9" fillId="0" borderId="3" xfId="0" applyFont="1" applyBorder="1" applyAlignment="1">
      <alignment horizontal="left" vertical="center"/>
    </xf>
    <xf numFmtId="0" fontId="9" fillId="0" borderId="2" xfId="0" applyFont="1" applyBorder="1" applyAlignment="1">
      <alignment horizontal="left" vertical="center"/>
    </xf>
    <xf numFmtId="0" fontId="20" fillId="0" borderId="0" xfId="0" applyFont="1" applyAlignment="1">
      <alignment horizontal="left" vertical="top" wrapText="1"/>
    </xf>
    <xf numFmtId="0" fontId="9" fillId="0" borderId="14" xfId="0" applyFont="1" applyBorder="1" applyAlignment="1">
      <alignment horizontal="center" vertical="center" wrapText="1"/>
    </xf>
    <xf numFmtId="0" fontId="9" fillId="0" borderId="13" xfId="0" applyFont="1" applyBorder="1" applyAlignment="1">
      <alignment horizontal="center" vertical="center" wrapText="1"/>
    </xf>
    <xf numFmtId="0" fontId="9" fillId="0" borderId="12" xfId="0" applyFont="1" applyBorder="1" applyAlignment="1">
      <alignment horizontal="center" vertical="center" wrapText="1"/>
    </xf>
    <xf numFmtId="0" fontId="9" fillId="0" borderId="10" xfId="0" applyFont="1" applyBorder="1" applyAlignment="1">
      <alignment horizontal="center" vertical="center" wrapText="1"/>
    </xf>
    <xf numFmtId="0" fontId="9" fillId="0" borderId="0" xfId="0" applyFont="1" applyAlignment="1">
      <alignment horizontal="center" vertical="center" wrapText="1"/>
    </xf>
    <xf numFmtId="0" fontId="9" fillId="0" borderId="9" xfId="0" applyFont="1" applyBorder="1" applyAlignment="1">
      <alignment horizontal="center" vertical="center" wrapText="1"/>
    </xf>
    <xf numFmtId="0" fontId="9" fillId="0" borderId="7" xfId="0" applyFont="1" applyBorder="1" applyAlignment="1">
      <alignment horizontal="center" vertical="center" wrapText="1"/>
    </xf>
    <xf numFmtId="0" fontId="9" fillId="0" borderId="6" xfId="0" applyFont="1" applyBorder="1" applyAlignment="1">
      <alignment horizontal="center" vertical="center" wrapText="1"/>
    </xf>
    <xf numFmtId="0" fontId="9" fillId="0" borderId="5" xfId="0" applyFont="1" applyBorder="1" applyAlignment="1">
      <alignment horizontal="center" vertical="center" wrapText="1"/>
    </xf>
    <xf numFmtId="0" fontId="9" fillId="0" borderId="3" xfId="0" applyFont="1" applyBorder="1" applyAlignment="1">
      <alignment vertical="center"/>
    </xf>
    <xf numFmtId="0" fontId="3" fillId="0" borderId="14" xfId="0" applyFont="1" applyBorder="1" applyAlignment="1">
      <alignment horizontal="center" vertical="center" textRotation="255"/>
    </xf>
    <xf numFmtId="0" fontId="3" fillId="0" borderId="12" xfId="0" applyFont="1" applyBorder="1" applyAlignment="1">
      <alignment horizontal="center" vertical="center" textRotation="255"/>
    </xf>
    <xf numFmtId="0" fontId="3" fillId="0" borderId="10" xfId="0" applyFont="1" applyBorder="1" applyAlignment="1">
      <alignment horizontal="center" vertical="center" textRotation="255"/>
    </xf>
    <xf numFmtId="0" fontId="3" fillId="0" borderId="9" xfId="0" applyFont="1" applyBorder="1" applyAlignment="1">
      <alignment horizontal="center" vertical="center" textRotation="255"/>
    </xf>
    <xf numFmtId="0" fontId="3" fillId="0" borderId="7" xfId="0" applyFont="1" applyBorder="1" applyAlignment="1">
      <alignment horizontal="center" vertical="center" textRotation="255"/>
    </xf>
    <xf numFmtId="0" fontId="3" fillId="0" borderId="5" xfId="0" applyFont="1" applyBorder="1" applyAlignment="1">
      <alignment horizontal="center" vertical="center" textRotation="255"/>
    </xf>
    <xf numFmtId="0" fontId="9" fillId="0" borderId="2" xfId="0" applyFont="1" applyBorder="1" applyAlignment="1">
      <alignment vertical="center" wrapText="1"/>
    </xf>
    <xf numFmtId="0" fontId="20" fillId="0" borderId="0" xfId="0" applyFont="1" applyAlignment="1">
      <alignment horizontal="center" vertical="top" wrapText="1"/>
    </xf>
    <xf numFmtId="0" fontId="3" fillId="0" borderId="2" xfId="0" applyFont="1" applyBorder="1" applyAlignment="1">
      <alignment horizontal="center" vertical="center" textRotation="255"/>
    </xf>
    <xf numFmtId="0" fontId="3" fillId="0" borderId="4" xfId="0" applyFont="1" applyBorder="1" applyAlignment="1">
      <alignment vertical="center"/>
    </xf>
    <xf numFmtId="0" fontId="3" fillId="0" borderId="3" xfId="0" applyFont="1" applyBorder="1" applyAlignment="1">
      <alignment vertical="center"/>
    </xf>
    <xf numFmtId="0" fontId="3" fillId="0" borderId="7" xfId="0" applyFont="1" applyBorder="1" applyAlignment="1">
      <alignment vertical="center"/>
    </xf>
    <xf numFmtId="0" fontId="3" fillId="0" borderId="6" xfId="0" applyFont="1" applyBorder="1" applyAlignment="1">
      <alignment vertical="center"/>
    </xf>
    <xf numFmtId="0" fontId="9" fillId="0" borderId="7" xfId="0" applyFont="1" applyBorder="1" applyAlignment="1">
      <alignment horizontal="left" vertical="center" wrapText="1"/>
    </xf>
    <xf numFmtId="0" fontId="9" fillId="0" borderId="6" xfId="0" applyFont="1" applyBorder="1" applyAlignment="1">
      <alignment horizontal="left" vertical="center" wrapText="1"/>
    </xf>
    <xf numFmtId="0" fontId="3" fillId="0" borderId="8" xfId="0" applyFont="1" applyBorder="1" applyAlignment="1">
      <alignment vertical="center"/>
    </xf>
    <xf numFmtId="0" fontId="30" fillId="0" borderId="13" xfId="0" applyFont="1" applyBorder="1" applyAlignment="1">
      <alignment horizontal="center" vertical="center" shrinkToFit="1"/>
    </xf>
    <xf numFmtId="0" fontId="30" fillId="0" borderId="12" xfId="0" applyFont="1" applyBorder="1" applyAlignment="1">
      <alignment horizontal="center" vertical="center" shrinkToFit="1"/>
    </xf>
    <xf numFmtId="0" fontId="9" fillId="0" borderId="2" xfId="0" applyFont="1" applyBorder="1" applyAlignment="1">
      <alignment horizontal="left" vertical="center" wrapText="1"/>
    </xf>
    <xf numFmtId="0" fontId="30" fillId="0" borderId="13" xfId="0" applyFont="1" applyBorder="1" applyAlignment="1">
      <alignment horizontal="left" vertical="center" wrapText="1"/>
    </xf>
    <xf numFmtId="0" fontId="9" fillId="0" borderId="1" xfId="0" applyFont="1" applyBorder="1" applyAlignment="1">
      <alignment vertical="center" wrapText="1"/>
    </xf>
    <xf numFmtId="0" fontId="4" fillId="0" borderId="14" xfId="0" applyFont="1" applyBorder="1" applyAlignment="1">
      <alignment vertical="center" wrapText="1"/>
    </xf>
    <xf numFmtId="0" fontId="4" fillId="0" borderId="13" xfId="0" applyFont="1" applyBorder="1" applyAlignment="1">
      <alignment vertical="center" wrapText="1"/>
    </xf>
    <xf numFmtId="0" fontId="4" fillId="0" borderId="12" xfId="0" applyFont="1" applyBorder="1" applyAlignment="1">
      <alignment vertical="center" wrapText="1"/>
    </xf>
    <xf numFmtId="0" fontId="4" fillId="0" borderId="10" xfId="0" applyFont="1" applyBorder="1" applyAlignment="1">
      <alignment horizontal="left" vertical="center" wrapText="1"/>
    </xf>
    <xf numFmtId="0" fontId="4" fillId="0" borderId="0" xfId="0" applyFont="1" applyAlignment="1">
      <alignment horizontal="left" vertical="center" wrapText="1"/>
    </xf>
    <xf numFmtId="0" fontId="4" fillId="0" borderId="9" xfId="0" applyFont="1" applyBorder="1" applyAlignment="1">
      <alignment horizontal="left" vertical="center" wrapText="1"/>
    </xf>
    <xf numFmtId="0" fontId="4" fillId="0" borderId="7" xfId="0" applyFont="1" applyBorder="1" applyAlignment="1">
      <alignment vertical="center" wrapText="1"/>
    </xf>
    <xf numFmtId="0" fontId="4" fillId="0" borderId="6" xfId="0" applyFont="1" applyBorder="1" applyAlignment="1">
      <alignment vertical="center" wrapText="1"/>
    </xf>
    <xf numFmtId="0" fontId="4" fillId="0" borderId="5" xfId="0" applyFont="1" applyBorder="1" applyAlignment="1">
      <alignment vertical="center" wrapText="1"/>
    </xf>
    <xf numFmtId="0" fontId="34" fillId="0" borderId="0" xfId="0" applyFont="1" applyAlignment="1">
      <alignment horizontal="center" vertical="top" wrapText="1"/>
    </xf>
    <xf numFmtId="0" fontId="34" fillId="0" borderId="0" xfId="0" applyFont="1" applyAlignment="1">
      <alignment horizontal="center" vertical="top"/>
    </xf>
    <xf numFmtId="0" fontId="34" fillId="0" borderId="0" xfId="0" applyFont="1" applyAlignment="1">
      <alignment vertical="top" wrapText="1"/>
    </xf>
    <xf numFmtId="0" fontId="3" fillId="0" borderId="2" xfId="0" applyFont="1" applyBorder="1" applyAlignment="1">
      <alignment vertical="center"/>
    </xf>
    <xf numFmtId="0" fontId="3" fillId="0" borderId="1" xfId="0" applyFont="1" applyBorder="1" applyAlignment="1">
      <alignment horizontal="left" vertical="center" indent="1"/>
    </xf>
    <xf numFmtId="0" fontId="3" fillId="0" borderId="4" xfId="0" applyFont="1" applyBorder="1" applyAlignment="1">
      <alignment horizontal="left" vertical="center" indent="1"/>
    </xf>
    <xf numFmtId="0" fontId="3" fillId="0" borderId="3" xfId="0" applyFont="1" applyBorder="1" applyAlignment="1">
      <alignment horizontal="left" vertical="center" indent="1"/>
    </xf>
    <xf numFmtId="0" fontId="3" fillId="0" borderId="2" xfId="0" applyFont="1" applyBorder="1" applyAlignment="1">
      <alignment horizontal="left" vertical="center" indent="1"/>
    </xf>
    <xf numFmtId="0" fontId="3" fillId="0" borderId="14" xfId="0" applyFont="1" applyBorder="1" applyAlignment="1">
      <alignment vertical="center"/>
    </xf>
    <xf numFmtId="0" fontId="3" fillId="0" borderId="13" xfId="0" applyFont="1" applyBorder="1" applyAlignment="1">
      <alignment vertical="center"/>
    </xf>
    <xf numFmtId="0" fontId="3" fillId="0" borderId="12" xfId="0" applyFont="1" applyBorder="1" applyAlignment="1">
      <alignment vertical="center"/>
    </xf>
    <xf numFmtId="0" fontId="3" fillId="0" borderId="5" xfId="0" applyFont="1" applyBorder="1" applyAlignment="1">
      <alignment vertical="center"/>
    </xf>
    <xf numFmtId="0" fontId="3" fillId="0" borderId="4" xfId="0" applyFont="1" applyBorder="1" applyAlignment="1">
      <alignment horizontal="left" vertical="top"/>
    </xf>
    <xf numFmtId="0" fontId="3" fillId="0" borderId="3" xfId="0" applyFont="1" applyBorder="1" applyAlignment="1">
      <alignment horizontal="left" vertical="top"/>
    </xf>
    <xf numFmtId="0" fontId="3" fillId="0" borderId="2" xfId="0" applyFont="1" applyBorder="1" applyAlignment="1">
      <alignment horizontal="left" vertical="top"/>
    </xf>
    <xf numFmtId="0" fontId="4" fillId="0" borderId="0" xfId="0" applyFont="1" applyAlignment="1">
      <alignment horizontal="center" vertical="center"/>
    </xf>
    <xf numFmtId="0" fontId="4" fillId="0" borderId="4" xfId="0" applyFont="1" applyBorder="1" applyAlignment="1">
      <alignment horizontal="left" vertical="center" wrapText="1" indent="1"/>
    </xf>
    <xf numFmtId="0" fontId="4" fillId="0" borderId="3" xfId="0" applyFont="1" applyBorder="1" applyAlignment="1">
      <alignment horizontal="left" vertical="center" wrapText="1" indent="1"/>
    </xf>
    <xf numFmtId="0" fontId="4" fillId="0" borderId="2" xfId="0" applyFont="1" applyBorder="1" applyAlignment="1">
      <alignment horizontal="left" vertical="center" wrapText="1" indent="1"/>
    </xf>
    <xf numFmtId="0" fontId="3" fillId="0" borderId="10" xfId="0" applyFont="1" applyBorder="1" applyAlignment="1">
      <alignment vertical="top" wrapText="1"/>
    </xf>
    <xf numFmtId="0" fontId="3" fillId="0" borderId="0" xfId="0" applyFont="1" applyAlignment="1">
      <alignment vertical="top" wrapText="1"/>
    </xf>
    <xf numFmtId="0" fontId="3" fillId="0" borderId="9" xfId="0" applyFont="1" applyBorder="1" applyAlignment="1">
      <alignment vertical="top" wrapText="1"/>
    </xf>
    <xf numFmtId="0" fontId="4" fillId="0" borderId="50" xfId="0" applyFont="1" applyBorder="1" applyAlignment="1">
      <alignment horizontal="left" vertical="center"/>
    </xf>
    <xf numFmtId="0" fontId="4" fillId="0" borderId="54" xfId="0" applyFont="1" applyBorder="1" applyAlignment="1">
      <alignment horizontal="left" vertical="center" wrapText="1"/>
    </xf>
    <xf numFmtId="0" fontId="4" fillId="0" borderId="1" xfId="0" applyFont="1" applyBorder="1" applyAlignment="1">
      <alignment vertical="center" wrapText="1"/>
    </xf>
    <xf numFmtId="0" fontId="4" fillId="0" borderId="1" xfId="0" applyFont="1" applyBorder="1" applyAlignment="1">
      <alignment vertical="center"/>
    </xf>
    <xf numFmtId="0" fontId="4" fillId="0" borderId="4" xfId="0" applyFont="1" applyBorder="1" applyAlignment="1">
      <alignment vertical="center" wrapText="1"/>
    </xf>
    <xf numFmtId="0" fontId="4" fillId="0" borderId="3" xfId="0" applyFont="1" applyBorder="1" applyAlignment="1">
      <alignment vertical="center" wrapText="1"/>
    </xf>
    <xf numFmtId="0" fontId="4" fillId="0" borderId="2" xfId="0" applyFont="1" applyBorder="1" applyAlignment="1">
      <alignment vertical="center" wrapText="1"/>
    </xf>
    <xf numFmtId="0" fontId="3" fillId="0" borderId="10" xfId="0" applyFont="1" applyBorder="1" applyAlignment="1">
      <alignment vertical="center" wrapText="1"/>
    </xf>
    <xf numFmtId="0" fontId="3" fillId="0" borderId="9" xfId="0" applyFont="1" applyBorder="1" applyAlignment="1">
      <alignment vertical="center" wrapText="1"/>
    </xf>
    <xf numFmtId="0" fontId="20" fillId="0" borderId="1" xfId="0" applyFont="1" applyBorder="1" applyAlignment="1">
      <alignment horizontal="center" vertical="center" wrapText="1"/>
    </xf>
    <xf numFmtId="0" fontId="20" fillId="0" borderId="1" xfId="0" applyFont="1" applyBorder="1" applyAlignment="1">
      <alignment horizontal="center" vertical="center"/>
    </xf>
    <xf numFmtId="0" fontId="4" fillId="0" borderId="1" xfId="0" applyFont="1" applyBorder="1" applyAlignment="1">
      <alignment horizontal="center" vertical="center" wrapText="1"/>
    </xf>
    <xf numFmtId="0" fontId="4" fillId="0" borderId="1" xfId="0" applyFont="1" applyBorder="1" applyAlignment="1">
      <alignment horizontal="center" vertical="center"/>
    </xf>
    <xf numFmtId="0" fontId="6" fillId="0" borderId="0" xfId="0" applyFont="1" applyAlignment="1">
      <alignment horizontal="center" vertical="center" wrapText="1"/>
    </xf>
    <xf numFmtId="0" fontId="20" fillId="0" borderId="14" xfId="0" applyFont="1" applyBorder="1" applyAlignment="1">
      <alignment horizontal="center" vertical="center" wrapText="1"/>
    </xf>
    <xf numFmtId="0" fontId="20" fillId="0" borderId="13" xfId="0" applyFont="1" applyBorder="1" applyAlignment="1">
      <alignment horizontal="center" vertical="center"/>
    </xf>
    <xf numFmtId="0" fontId="20" fillId="0" borderId="12" xfId="0" applyFont="1" applyBorder="1" applyAlignment="1">
      <alignment horizontal="center" vertical="center"/>
    </xf>
    <xf numFmtId="0" fontId="20" fillId="0" borderId="10" xfId="0" applyFont="1" applyBorder="1" applyAlignment="1">
      <alignment horizontal="center" vertical="center"/>
    </xf>
    <xf numFmtId="0" fontId="20" fillId="0" borderId="0" xfId="0" applyFont="1" applyAlignment="1">
      <alignment horizontal="center" vertical="center"/>
    </xf>
    <xf numFmtId="0" fontId="20" fillId="0" borderId="9" xfId="0" applyFont="1" applyBorder="1" applyAlignment="1">
      <alignment horizontal="center" vertical="center"/>
    </xf>
    <xf numFmtId="0" fontId="20" fillId="0" borderId="7" xfId="0" applyFont="1" applyBorder="1" applyAlignment="1">
      <alignment horizontal="center" vertical="center"/>
    </xf>
    <xf numFmtId="0" fontId="20" fillId="0" borderId="6" xfId="0" applyFont="1" applyBorder="1" applyAlignment="1">
      <alignment horizontal="center" vertical="center"/>
    </xf>
    <xf numFmtId="0" fontId="20" fillId="0" borderId="5" xfId="0" applyFont="1" applyBorder="1" applyAlignment="1">
      <alignment horizontal="center" vertical="center"/>
    </xf>
    <xf numFmtId="0" fontId="11" fillId="0" borderId="0" xfId="6" applyAlignment="1">
      <alignment horizontal="left" vertical="center"/>
    </xf>
    <xf numFmtId="0" fontId="11" fillId="5" borderId="4" xfId="6" applyFill="1" applyBorder="1" applyAlignment="1">
      <alignment horizontal="center" vertical="center"/>
    </xf>
    <xf numFmtId="0" fontId="11" fillId="5" borderId="3" xfId="6" applyFill="1" applyBorder="1" applyAlignment="1">
      <alignment horizontal="center" vertical="center"/>
    </xf>
    <xf numFmtId="0" fontId="11" fillId="0" borderId="1" xfId="6" applyBorder="1" applyAlignment="1">
      <alignment horizontal="center" vertical="center"/>
    </xf>
    <xf numFmtId="0" fontId="11" fillId="0" borderId="4" xfId="6" applyBorder="1" applyAlignment="1">
      <alignment horizontal="center" vertical="center"/>
    </xf>
    <xf numFmtId="0" fontId="11" fillId="0" borderId="3" xfId="6" applyBorder="1" applyAlignment="1">
      <alignment horizontal="center" vertical="center"/>
    </xf>
    <xf numFmtId="0" fontId="11" fillId="0" borderId="1" xfId="6" applyBorder="1" applyAlignment="1">
      <alignment horizontal="center" vertical="center" wrapText="1"/>
    </xf>
    <xf numFmtId="178" fontId="11" fillId="0" borderId="4" xfId="6" applyNumberFormat="1" applyBorder="1" applyAlignment="1">
      <alignment horizontal="center" vertical="center"/>
    </xf>
    <xf numFmtId="178" fontId="11" fillId="0" borderId="3" xfId="6" applyNumberFormat="1" applyBorder="1" applyAlignment="1">
      <alignment horizontal="center" vertical="center"/>
    </xf>
    <xf numFmtId="0" fontId="11" fillId="0" borderId="4" xfId="6" applyBorder="1" applyAlignment="1">
      <alignment horizontal="center" vertical="center" wrapText="1"/>
    </xf>
    <xf numFmtId="0" fontId="11" fillId="0" borderId="3" xfId="6" applyBorder="1" applyAlignment="1">
      <alignment horizontal="center" vertical="center" wrapText="1"/>
    </xf>
    <xf numFmtId="0" fontId="11" fillId="0" borderId="2" xfId="6" applyBorder="1" applyAlignment="1">
      <alignment horizontal="center" vertical="center" wrapText="1"/>
    </xf>
    <xf numFmtId="177" fontId="1" fillId="4" borderId="4" xfId="7" applyNumberFormat="1" applyFont="1" applyFill="1" applyBorder="1" applyAlignment="1">
      <alignment horizontal="center" vertical="center"/>
    </xf>
    <xf numFmtId="177" fontId="1" fillId="4" borderId="3" xfId="7" applyNumberFormat="1" applyFont="1" applyFill="1" applyBorder="1" applyAlignment="1">
      <alignment horizontal="center" vertical="center"/>
    </xf>
    <xf numFmtId="177" fontId="1" fillId="4" borderId="2" xfId="7" applyNumberFormat="1" applyFont="1" applyFill="1" applyBorder="1" applyAlignment="1">
      <alignment horizontal="center" vertical="center"/>
    </xf>
    <xf numFmtId="0" fontId="11" fillId="0" borderId="2" xfId="6" applyBorder="1" applyAlignment="1">
      <alignment horizontal="center" vertical="center"/>
    </xf>
    <xf numFmtId="0" fontId="11" fillId="5" borderId="1" xfId="6" applyFill="1" applyBorder="1" applyAlignment="1">
      <alignment horizontal="center" vertical="center"/>
    </xf>
    <xf numFmtId="0" fontId="36" fillId="0" borderId="0" xfId="6" applyFont="1" applyAlignment="1">
      <alignment horizontal="center" vertical="center"/>
    </xf>
    <xf numFmtId="0" fontId="11" fillId="5" borderId="30" xfId="6" applyFill="1" applyBorder="1" applyAlignment="1">
      <alignment horizontal="center" vertical="center" shrinkToFit="1"/>
    </xf>
    <xf numFmtId="0" fontId="11" fillId="5" borderId="48" xfId="6" applyFill="1" applyBorder="1" applyAlignment="1">
      <alignment horizontal="center" vertical="center" shrinkToFit="1"/>
    </xf>
    <xf numFmtId="1" fontId="3" fillId="0" borderId="4" xfId="0" applyNumberFormat="1" applyFont="1" applyBorder="1" applyAlignment="1">
      <alignment horizontal="center" vertical="center"/>
    </xf>
    <xf numFmtId="1" fontId="3" fillId="0" borderId="3" xfId="0" applyNumberFormat="1" applyFont="1" applyBorder="1" applyAlignment="1">
      <alignment horizontal="center" vertical="center"/>
    </xf>
    <xf numFmtId="0" fontId="14" fillId="0" borderId="0" xfId="6" applyFont="1" applyAlignment="1">
      <alignment horizontal="left" vertical="center"/>
    </xf>
    <xf numFmtId="0" fontId="4" fillId="0" borderId="4" xfId="0" applyFont="1" applyBorder="1" applyAlignment="1">
      <alignment horizontal="center" vertical="center"/>
    </xf>
    <xf numFmtId="0" fontId="4" fillId="0" borderId="3" xfId="0" applyFont="1" applyBorder="1" applyAlignment="1">
      <alignment horizontal="center" vertical="center"/>
    </xf>
    <xf numFmtId="0" fontId="4" fillId="0" borderId="2" xfId="0" applyFont="1" applyBorder="1" applyAlignment="1">
      <alignment horizontal="center" vertical="center"/>
    </xf>
    <xf numFmtId="0" fontId="4" fillId="0" borderId="4" xfId="0" applyFont="1" applyBorder="1" applyAlignment="1">
      <alignment horizontal="center" vertical="center" wrapText="1"/>
    </xf>
    <xf numFmtId="0" fontId="4" fillId="0" borderId="2" xfId="0" applyFont="1" applyBorder="1" applyAlignment="1">
      <alignment horizontal="center" vertical="center" wrapText="1"/>
    </xf>
    <xf numFmtId="0" fontId="20" fillId="0" borderId="0" xfId="0" applyFont="1" applyAlignment="1">
      <alignment horizontal="left" vertical="center" shrinkToFit="1"/>
    </xf>
    <xf numFmtId="0" fontId="3" fillId="0" borderId="0" xfId="0" applyFont="1" applyAlignment="1">
      <alignment horizontal="left" vertical="center" shrinkToFit="1"/>
    </xf>
    <xf numFmtId="0" fontId="3" fillId="0" borderId="4" xfId="0" applyFont="1" applyBorder="1" applyAlignment="1">
      <alignment horizontal="right" vertical="center"/>
    </xf>
    <xf numFmtId="0" fontId="3" fillId="0" borderId="3" xfId="0" applyFont="1" applyBorder="1" applyAlignment="1">
      <alignment horizontal="right" vertical="center"/>
    </xf>
    <xf numFmtId="0" fontId="3" fillId="0" borderId="2" xfId="0" applyFont="1" applyBorder="1" applyAlignment="1">
      <alignment horizontal="right" vertical="center"/>
    </xf>
    <xf numFmtId="0" fontId="4" fillId="0" borderId="1" xfId="0" applyFont="1" applyBorder="1" applyAlignment="1">
      <alignment horizontal="left" vertical="center" shrinkToFit="1"/>
    </xf>
    <xf numFmtId="0" fontId="20" fillId="0" borderId="1" xfId="0" applyFont="1" applyBorder="1" applyAlignment="1">
      <alignment horizontal="left" vertical="center" shrinkToFit="1"/>
    </xf>
    <xf numFmtId="0" fontId="3" fillId="3" borderId="0" xfId="0" applyFont="1" applyFill="1" applyAlignment="1">
      <alignment horizontal="left" vertical="center" wrapText="1"/>
    </xf>
    <xf numFmtId="0" fontId="4" fillId="3" borderId="1" xfId="0" applyFont="1" applyFill="1" applyBorder="1" applyAlignment="1">
      <alignment horizontal="left" vertical="center"/>
    </xf>
    <xf numFmtId="0" fontId="3" fillId="3" borderId="10" xfId="0" applyFont="1" applyFill="1" applyBorder="1" applyAlignment="1">
      <alignment horizontal="left" vertical="center" wrapText="1"/>
    </xf>
    <xf numFmtId="0" fontId="3" fillId="3" borderId="9" xfId="0" applyFont="1" applyFill="1" applyBorder="1" applyAlignment="1">
      <alignment horizontal="left" vertical="center" wrapText="1"/>
    </xf>
    <xf numFmtId="0" fontId="4" fillId="3" borderId="0" xfId="0" applyFont="1" applyFill="1" applyAlignment="1">
      <alignment horizontal="left" vertical="top" wrapText="1"/>
    </xf>
    <xf numFmtId="0" fontId="4" fillId="3" borderId="8" xfId="0" applyFont="1" applyFill="1" applyBorder="1" applyAlignment="1">
      <alignment horizontal="left" vertical="center"/>
    </xf>
    <xf numFmtId="0" fontId="37" fillId="3" borderId="59" xfId="0" quotePrefix="1" applyFont="1" applyFill="1" applyBorder="1" applyAlignment="1">
      <alignment horizontal="center" vertical="center"/>
    </xf>
    <xf numFmtId="0" fontId="3" fillId="3" borderId="1" xfId="0" applyFont="1" applyFill="1" applyBorder="1" applyAlignment="1">
      <alignment horizontal="center" vertical="center"/>
    </xf>
    <xf numFmtId="0" fontId="3" fillId="3" borderId="4" xfId="0" applyFont="1" applyFill="1" applyBorder="1" applyAlignment="1">
      <alignment horizontal="center" vertical="center"/>
    </xf>
    <xf numFmtId="0" fontId="20" fillId="3" borderId="58" xfId="0" quotePrefix="1" applyFont="1" applyFill="1" applyBorder="1" applyAlignment="1">
      <alignment horizontal="center" vertical="center"/>
    </xf>
    <xf numFmtId="0" fontId="20" fillId="3" borderId="57" xfId="0" quotePrefix="1" applyFont="1" applyFill="1" applyBorder="1" applyAlignment="1">
      <alignment horizontal="center" vertical="center"/>
    </xf>
    <xf numFmtId="0" fontId="20" fillId="3" borderId="56" xfId="0" quotePrefix="1" applyFont="1" applyFill="1" applyBorder="1" applyAlignment="1">
      <alignment horizontal="center" vertical="center"/>
    </xf>
    <xf numFmtId="0" fontId="20" fillId="3" borderId="55" xfId="0" quotePrefix="1" applyFont="1" applyFill="1" applyBorder="1" applyAlignment="1">
      <alignment horizontal="center" vertical="center"/>
    </xf>
    <xf numFmtId="0" fontId="4" fillId="3" borderId="1" xfId="0" applyFont="1" applyFill="1" applyBorder="1" applyAlignment="1">
      <alignment horizontal="left" vertical="center" wrapText="1"/>
    </xf>
    <xf numFmtId="0" fontId="3" fillId="3" borderId="14" xfId="0" applyFont="1" applyFill="1" applyBorder="1" applyAlignment="1">
      <alignment horizontal="center" vertical="center"/>
    </xf>
    <xf numFmtId="0" fontId="3" fillId="3" borderId="10" xfId="0" applyFont="1" applyFill="1" applyBorder="1" applyAlignment="1">
      <alignment horizontal="center" vertical="center"/>
    </xf>
    <xf numFmtId="0" fontId="3" fillId="3" borderId="7" xfId="0" applyFont="1" applyFill="1" applyBorder="1" applyAlignment="1">
      <alignment horizontal="center" vertical="center"/>
    </xf>
    <xf numFmtId="0" fontId="3" fillId="3" borderId="12" xfId="0" applyFont="1" applyFill="1" applyBorder="1" applyAlignment="1">
      <alignment horizontal="center" vertical="center"/>
    </xf>
    <xf numFmtId="0" fontId="3" fillId="3" borderId="9" xfId="0" applyFont="1" applyFill="1" applyBorder="1" applyAlignment="1">
      <alignment horizontal="center" vertical="center"/>
    </xf>
    <xf numFmtId="0" fontId="3" fillId="3" borderId="5" xfId="0" applyFont="1" applyFill="1" applyBorder="1" applyAlignment="1">
      <alignment horizontal="center" vertical="center"/>
    </xf>
    <xf numFmtId="0" fontId="4" fillId="3" borderId="0" xfId="0" applyFont="1" applyFill="1" applyAlignment="1">
      <alignment horizontal="left" vertical="center" wrapText="1"/>
    </xf>
    <xf numFmtId="0" fontId="4" fillId="3" borderId="1" xfId="0" applyFont="1" applyFill="1" applyBorder="1" applyAlignment="1">
      <alignment horizontal="center" vertical="center"/>
    </xf>
    <xf numFmtId="0" fontId="4" fillId="3" borderId="1" xfId="0" applyFont="1" applyFill="1" applyBorder="1" applyAlignment="1">
      <alignment vertical="center" wrapText="1"/>
    </xf>
    <xf numFmtId="0" fontId="3" fillId="3" borderId="14" xfId="0" applyFont="1" applyFill="1" applyBorder="1" applyAlignment="1">
      <alignment horizontal="center" vertical="center" wrapText="1"/>
    </xf>
    <xf numFmtId="0" fontId="3" fillId="3" borderId="7" xfId="0" applyFont="1" applyFill="1" applyBorder="1" applyAlignment="1">
      <alignment horizontal="center" vertical="center" wrapText="1"/>
    </xf>
    <xf numFmtId="0" fontId="3" fillId="3" borderId="12" xfId="0" applyFont="1" applyFill="1" applyBorder="1" applyAlignment="1">
      <alignment horizontal="center" vertical="center" wrapText="1"/>
    </xf>
    <xf numFmtId="0" fontId="3" fillId="3" borderId="5" xfId="0" applyFont="1" applyFill="1" applyBorder="1" applyAlignment="1">
      <alignment horizontal="center" vertical="center" wrapText="1"/>
    </xf>
    <xf numFmtId="0" fontId="3" fillId="3" borderId="11" xfId="0" applyFont="1" applyFill="1" applyBorder="1" applyAlignment="1">
      <alignment horizontal="center" vertical="center" wrapText="1"/>
    </xf>
    <xf numFmtId="0" fontId="3" fillId="3" borderId="9" xfId="0" applyFont="1" applyFill="1" applyBorder="1" applyAlignment="1">
      <alignment horizontal="center" vertical="center" wrapText="1"/>
    </xf>
    <xf numFmtId="0" fontId="4" fillId="3" borderId="1" xfId="0" applyFont="1" applyFill="1" applyBorder="1" applyAlignment="1">
      <alignment horizontal="center" vertical="center" wrapText="1"/>
    </xf>
    <xf numFmtId="0" fontId="4" fillId="3" borderId="14" xfId="0" applyFont="1" applyFill="1" applyBorder="1" applyAlignment="1">
      <alignment horizontal="left" vertical="center" wrapText="1"/>
    </xf>
    <xf numFmtId="0" fontId="4" fillId="3" borderId="13" xfId="0" applyFont="1" applyFill="1" applyBorder="1" applyAlignment="1">
      <alignment horizontal="left" vertical="center" wrapText="1"/>
    </xf>
    <xf numFmtId="0" fontId="4" fillId="3" borderId="12" xfId="0" applyFont="1" applyFill="1" applyBorder="1" applyAlignment="1">
      <alignment horizontal="left" vertical="center" wrapText="1"/>
    </xf>
    <xf numFmtId="0" fontId="4" fillId="3" borderId="7" xfId="0" applyFont="1" applyFill="1" applyBorder="1" applyAlignment="1">
      <alignment horizontal="left" vertical="center" wrapText="1"/>
    </xf>
    <xf numFmtId="0" fontId="4" fillId="3" borderId="6" xfId="0" applyFont="1" applyFill="1" applyBorder="1" applyAlignment="1">
      <alignment horizontal="left" vertical="center" wrapText="1"/>
    </xf>
    <xf numFmtId="0" fontId="4" fillId="3" borderId="5" xfId="0" applyFont="1" applyFill="1" applyBorder="1" applyAlignment="1">
      <alignment horizontal="left" vertical="center" wrapText="1"/>
    </xf>
    <xf numFmtId="0" fontId="3" fillId="3" borderId="10" xfId="0" applyFont="1" applyFill="1" applyBorder="1" applyAlignment="1">
      <alignment horizontal="center" vertical="center" wrapText="1"/>
    </xf>
    <xf numFmtId="0" fontId="3" fillId="3" borderId="0" xfId="0" applyFont="1" applyFill="1" applyAlignment="1">
      <alignment horizontal="center" vertical="center" wrapText="1"/>
    </xf>
    <xf numFmtId="0" fontId="4" fillId="3" borderId="4" xfId="0" applyFont="1" applyFill="1" applyBorder="1" applyAlignment="1">
      <alignment horizontal="left" vertical="center" wrapText="1"/>
    </xf>
    <xf numFmtId="0" fontId="4" fillId="3" borderId="3" xfId="0" applyFont="1" applyFill="1" applyBorder="1" applyAlignment="1">
      <alignment horizontal="left" vertical="center" wrapText="1"/>
    </xf>
    <xf numFmtId="0" fontId="4" fillId="3" borderId="2" xfId="0" applyFont="1" applyFill="1" applyBorder="1" applyAlignment="1">
      <alignment horizontal="left" vertical="center" wrapText="1"/>
    </xf>
    <xf numFmtId="0" fontId="4" fillId="3" borderId="0" xfId="0" applyFont="1" applyFill="1" applyAlignment="1">
      <alignment horizontal="center" vertical="center" wrapText="1"/>
    </xf>
    <xf numFmtId="0" fontId="4" fillId="3" borderId="10" xfId="0" applyFont="1" applyFill="1" applyBorder="1" applyAlignment="1">
      <alignment horizontal="left" vertical="center" wrapText="1"/>
    </xf>
    <xf numFmtId="0" fontId="4" fillId="3" borderId="9" xfId="0" applyFont="1" applyFill="1" applyBorder="1" applyAlignment="1">
      <alignment horizontal="left" vertical="center" wrapText="1"/>
    </xf>
    <xf numFmtId="0" fontId="4" fillId="3" borderId="8" xfId="0" applyFont="1" applyFill="1" applyBorder="1" applyAlignment="1">
      <alignment horizontal="center" vertical="center"/>
    </xf>
    <xf numFmtId="0" fontId="4" fillId="3" borderId="8" xfId="0" applyFont="1" applyFill="1" applyBorder="1" applyAlignment="1">
      <alignment horizontal="center" vertical="center" wrapText="1"/>
    </xf>
    <xf numFmtId="0" fontId="4" fillId="3" borderId="7" xfId="0" applyFont="1" applyFill="1" applyBorder="1" applyAlignment="1">
      <alignment horizontal="center" vertical="center" wrapText="1"/>
    </xf>
    <xf numFmtId="0" fontId="4" fillId="3" borderId="60" xfId="0" applyFont="1" applyFill="1" applyBorder="1" applyAlignment="1">
      <alignment horizontal="left" vertical="center" wrapText="1"/>
    </xf>
    <xf numFmtId="0" fontId="4" fillId="3" borderId="0" xfId="0" applyFont="1" applyFill="1" applyAlignment="1">
      <alignment horizontal="center" vertical="center"/>
    </xf>
    <xf numFmtId="0" fontId="4" fillId="3" borderId="15" xfId="0" applyFont="1" applyFill="1" applyBorder="1" applyAlignment="1">
      <alignment horizontal="center" vertical="center"/>
    </xf>
    <xf numFmtId="0" fontId="4" fillId="3" borderId="14" xfId="0" applyFont="1" applyFill="1" applyBorder="1" applyAlignment="1">
      <alignment horizontal="center" vertical="center" wrapText="1"/>
    </xf>
    <xf numFmtId="0" fontId="4" fillId="3" borderId="10" xfId="0" applyFont="1" applyFill="1" applyBorder="1" applyAlignment="1">
      <alignment horizontal="center" vertical="center" wrapText="1"/>
    </xf>
    <xf numFmtId="0" fontId="4" fillId="3" borderId="13" xfId="0" applyFont="1" applyFill="1" applyBorder="1" applyAlignment="1">
      <alignment horizontal="center" vertical="center" wrapText="1"/>
    </xf>
    <xf numFmtId="0" fontId="4" fillId="3" borderId="12" xfId="0" applyFont="1" applyFill="1" applyBorder="1" applyAlignment="1">
      <alignment horizontal="center" vertical="center" wrapText="1"/>
    </xf>
    <xf numFmtId="0" fontId="4" fillId="3" borderId="9" xfId="0" applyFont="1" applyFill="1" applyBorder="1" applyAlignment="1">
      <alignment horizontal="center" vertical="center" wrapText="1"/>
    </xf>
    <xf numFmtId="0" fontId="4" fillId="3" borderId="6" xfId="0" applyFont="1" applyFill="1" applyBorder="1" applyAlignment="1">
      <alignment horizontal="center" vertical="center" wrapText="1"/>
    </xf>
    <xf numFmtId="0" fontId="4" fillId="3" borderId="5" xfId="0" applyFont="1" applyFill="1" applyBorder="1" applyAlignment="1">
      <alignment horizontal="center" vertical="center" wrapText="1"/>
    </xf>
    <xf numFmtId="0" fontId="3" fillId="3" borderId="13" xfId="0" applyFont="1" applyFill="1" applyBorder="1" applyAlignment="1">
      <alignment horizontal="center" vertical="center"/>
    </xf>
    <xf numFmtId="0" fontId="3" fillId="3" borderId="0" xfId="0" applyFont="1" applyFill="1" applyAlignment="1">
      <alignment horizontal="center" vertical="center"/>
    </xf>
    <xf numFmtId="0" fontId="3" fillId="3" borderId="6" xfId="0" applyFont="1" applyFill="1" applyBorder="1" applyAlignment="1">
      <alignment horizontal="center" vertical="center"/>
    </xf>
    <xf numFmtId="0" fontId="38" fillId="3" borderId="3" xfId="0" applyFont="1" applyFill="1" applyBorder="1" applyAlignment="1">
      <alignment horizontal="left" vertical="center" wrapText="1"/>
    </xf>
    <xf numFmtId="0" fontId="38" fillId="3" borderId="2" xfId="0" applyFont="1" applyFill="1" applyBorder="1" applyAlignment="1">
      <alignment horizontal="left" vertical="center" wrapText="1"/>
    </xf>
    <xf numFmtId="0" fontId="3" fillId="3" borderId="2" xfId="0" applyFont="1" applyFill="1" applyBorder="1" applyAlignment="1">
      <alignment horizontal="center" vertical="center"/>
    </xf>
    <xf numFmtId="0" fontId="3" fillId="3" borderId="4" xfId="0" applyFont="1" applyFill="1" applyBorder="1" applyAlignment="1">
      <alignment horizontal="left" vertical="center"/>
    </xf>
    <xf numFmtId="0" fontId="3" fillId="3" borderId="3" xfId="0" applyFont="1" applyFill="1" applyBorder="1" applyAlignment="1">
      <alignment horizontal="left" vertical="center"/>
    </xf>
    <xf numFmtId="0" fontId="3" fillId="3" borderId="2" xfId="0" applyFont="1" applyFill="1" applyBorder="1" applyAlignment="1">
      <alignment horizontal="left" vertical="center"/>
    </xf>
    <xf numFmtId="0" fontId="3" fillId="3" borderId="14" xfId="0" applyFont="1" applyFill="1" applyBorder="1" applyAlignment="1">
      <alignment horizontal="left" vertical="center"/>
    </xf>
    <xf numFmtId="0" fontId="3" fillId="3" borderId="13" xfId="0" applyFont="1" applyFill="1" applyBorder="1" applyAlignment="1">
      <alignment horizontal="left" vertical="center"/>
    </xf>
    <xf numFmtId="0" fontId="3" fillId="3" borderId="12" xfId="0" applyFont="1" applyFill="1" applyBorder="1" applyAlignment="1">
      <alignment horizontal="left" vertical="center"/>
    </xf>
    <xf numFmtId="0" fontId="3" fillId="3" borderId="7" xfId="0" applyFont="1" applyFill="1" applyBorder="1" applyAlignment="1">
      <alignment horizontal="left" vertical="center"/>
    </xf>
    <xf numFmtId="0" fontId="3" fillId="3" borderId="6" xfId="0" applyFont="1" applyFill="1" applyBorder="1" applyAlignment="1">
      <alignment horizontal="left" vertical="center"/>
    </xf>
    <xf numFmtId="0" fontId="3" fillId="3" borderId="5" xfId="0" applyFont="1" applyFill="1" applyBorder="1" applyAlignment="1">
      <alignment horizontal="left" vertical="center"/>
    </xf>
    <xf numFmtId="0" fontId="4" fillId="3" borderId="58" xfId="0" applyFont="1" applyFill="1" applyBorder="1" applyAlignment="1">
      <alignment horizontal="center" vertical="center" wrapText="1"/>
    </xf>
    <xf numFmtId="0" fontId="4" fillId="3" borderId="57" xfId="0" applyFont="1" applyFill="1" applyBorder="1" applyAlignment="1">
      <alignment horizontal="center" vertical="center" wrapText="1"/>
    </xf>
    <xf numFmtId="0" fontId="4" fillId="3" borderId="61" xfId="0" applyFont="1" applyFill="1" applyBorder="1" applyAlignment="1">
      <alignment horizontal="center" vertical="center" wrapText="1"/>
    </xf>
    <xf numFmtId="0" fontId="4" fillId="3" borderId="60" xfId="0" applyFont="1" applyFill="1" applyBorder="1" applyAlignment="1">
      <alignment horizontal="center" vertical="center" wrapText="1"/>
    </xf>
    <xf numFmtId="0" fontId="3" fillId="3" borderId="1" xfId="0" applyFont="1" applyFill="1" applyBorder="1" applyAlignment="1">
      <alignment horizontal="left" vertical="center"/>
    </xf>
    <xf numFmtId="0" fontId="4" fillId="0" borderId="1" xfId="0" applyFont="1" applyBorder="1" applyAlignment="1">
      <alignment horizontal="left" vertical="center"/>
    </xf>
    <xf numFmtId="0" fontId="37" fillId="0" borderId="59" xfId="0" quotePrefix="1" applyFont="1" applyBorder="1" applyAlignment="1">
      <alignment horizontal="center" vertical="center"/>
    </xf>
    <xf numFmtId="0" fontId="20" fillId="0" borderId="58" xfId="0" quotePrefix="1" applyFont="1" applyBorder="1" applyAlignment="1">
      <alignment horizontal="center" vertical="center"/>
    </xf>
    <xf numFmtId="0" fontId="20" fillId="0" borderId="57" xfId="0" quotePrefix="1" applyFont="1" applyBorder="1" applyAlignment="1">
      <alignment horizontal="center" vertical="center"/>
    </xf>
    <xf numFmtId="0" fontId="20" fillId="0" borderId="56" xfId="0" quotePrefix="1" applyFont="1" applyBorder="1" applyAlignment="1">
      <alignment horizontal="center" vertical="center"/>
    </xf>
    <xf numFmtId="0" fontId="20" fillId="0" borderId="55" xfId="0" quotePrefix="1" applyFont="1" applyBorder="1" applyAlignment="1">
      <alignment horizontal="center" vertical="center"/>
    </xf>
    <xf numFmtId="0" fontId="4" fillId="0" borderId="1" xfId="0" applyFont="1" applyBorder="1" applyAlignment="1">
      <alignment horizontal="left" vertical="center" wrapText="1"/>
    </xf>
    <xf numFmtId="0" fontId="4" fillId="0" borderId="60" xfId="0" applyFont="1" applyBorder="1" applyAlignment="1">
      <alignment horizontal="left" vertical="center" wrapText="1"/>
    </xf>
    <xf numFmtId="0" fontId="3" fillId="0" borderId="11" xfId="0" applyFont="1" applyBorder="1" applyAlignment="1">
      <alignment horizontal="center" vertical="center" wrapText="1"/>
    </xf>
    <xf numFmtId="0" fontId="4" fillId="0" borderId="14" xfId="0" applyFont="1" applyBorder="1" applyAlignment="1">
      <alignment horizontal="left" vertical="center" wrapText="1"/>
    </xf>
    <xf numFmtId="0" fontId="4" fillId="0" borderId="13" xfId="0" applyFont="1" applyBorder="1" applyAlignment="1">
      <alignment horizontal="left" vertical="center" wrapText="1"/>
    </xf>
    <xf numFmtId="0" fontId="4" fillId="0" borderId="12" xfId="0" applyFont="1" applyBorder="1" applyAlignment="1">
      <alignment horizontal="left" vertical="center" wrapText="1"/>
    </xf>
    <xf numFmtId="0" fontId="4" fillId="0" borderId="7" xfId="0" applyFont="1" applyBorder="1" applyAlignment="1">
      <alignment horizontal="left" vertical="center" wrapText="1"/>
    </xf>
    <xf numFmtId="0" fontId="4" fillId="0" borderId="6" xfId="0" applyFont="1" applyBorder="1" applyAlignment="1">
      <alignment horizontal="left" vertical="center" wrapText="1"/>
    </xf>
    <xf numFmtId="0" fontId="4" fillId="0" borderId="5" xfId="0" applyFont="1" applyBorder="1" applyAlignment="1">
      <alignment horizontal="left" vertical="center" wrapText="1"/>
    </xf>
    <xf numFmtId="0" fontId="4" fillId="0" borderId="4" xfId="0" applyFont="1" applyBorder="1" applyAlignment="1">
      <alignment horizontal="left" vertical="center" wrapText="1"/>
    </xf>
    <xf numFmtId="0" fontId="4" fillId="0" borderId="3" xfId="0" applyFont="1" applyBorder="1" applyAlignment="1">
      <alignment horizontal="left" vertical="center" wrapText="1"/>
    </xf>
    <xf numFmtId="0" fontId="4" fillId="0" borderId="2" xfId="0" applyFont="1" applyBorder="1" applyAlignment="1">
      <alignment horizontal="left" vertical="center" wrapText="1"/>
    </xf>
    <xf numFmtId="0" fontId="4" fillId="0" borderId="8" xfId="0" applyFont="1" applyBorder="1" applyAlignment="1">
      <alignment horizontal="center" vertical="center"/>
    </xf>
    <xf numFmtId="0" fontId="4" fillId="0" borderId="8" xfId="0" applyFont="1" applyBorder="1" applyAlignment="1">
      <alignment horizontal="center" vertical="center" wrapText="1"/>
    </xf>
    <xf numFmtId="0" fontId="4" fillId="0" borderId="7" xfId="0" applyFont="1" applyBorder="1" applyAlignment="1">
      <alignment horizontal="center" vertical="center" wrapText="1"/>
    </xf>
    <xf numFmtId="0" fontId="4" fillId="0" borderId="15" xfId="0" applyFont="1" applyBorder="1" applyAlignment="1">
      <alignment horizontal="center" vertical="center"/>
    </xf>
    <xf numFmtId="0" fontId="4" fillId="0" borderId="14" xfId="0" applyFont="1" applyBorder="1" applyAlignment="1">
      <alignment horizontal="center" vertical="center" wrapText="1"/>
    </xf>
    <xf numFmtId="0" fontId="4" fillId="0" borderId="10" xfId="0" applyFont="1" applyBorder="1" applyAlignment="1">
      <alignment horizontal="center" vertical="center" wrapText="1"/>
    </xf>
    <xf numFmtId="0" fontId="4" fillId="0" borderId="13" xfId="0" applyFont="1" applyBorder="1" applyAlignment="1">
      <alignment horizontal="center" vertical="center" wrapText="1"/>
    </xf>
    <xf numFmtId="0" fontId="4" fillId="0" borderId="12" xfId="0" applyFont="1" applyBorder="1" applyAlignment="1">
      <alignment horizontal="center" vertical="center" wrapText="1"/>
    </xf>
    <xf numFmtId="0" fontId="4" fillId="0" borderId="0" xfId="0" applyFont="1" applyAlignment="1">
      <alignment horizontal="center" vertical="center" wrapText="1"/>
    </xf>
    <xf numFmtId="0" fontId="4" fillId="0" borderId="9" xfId="0" applyFont="1" applyBorder="1" applyAlignment="1">
      <alignment horizontal="center" vertical="center" wrapText="1"/>
    </xf>
    <xf numFmtId="0" fontId="4" fillId="0" borderId="6" xfId="0" applyFont="1" applyBorder="1" applyAlignment="1">
      <alignment horizontal="center" vertical="center" wrapText="1"/>
    </xf>
    <xf numFmtId="0" fontId="4" fillId="0" borderId="5" xfId="0" applyFont="1" applyBorder="1" applyAlignment="1">
      <alignment horizontal="center" vertical="center" wrapText="1"/>
    </xf>
    <xf numFmtId="0" fontId="38" fillId="0" borderId="3" xfId="0" applyFont="1" applyBorder="1" applyAlignment="1">
      <alignment horizontal="left" vertical="center" wrapText="1"/>
    </xf>
    <xf numFmtId="0" fontId="38" fillId="0" borderId="2" xfId="0" applyFont="1" applyBorder="1" applyAlignment="1">
      <alignment horizontal="left" vertical="center" wrapText="1"/>
    </xf>
    <xf numFmtId="0" fontId="4" fillId="0" borderId="58" xfId="0" applyFont="1" applyBorder="1" applyAlignment="1">
      <alignment horizontal="center" vertical="center" wrapText="1"/>
    </xf>
    <xf numFmtId="0" fontId="4" fillId="0" borderId="57" xfId="0" applyFont="1" applyBorder="1" applyAlignment="1">
      <alignment horizontal="center" vertical="center" wrapText="1"/>
    </xf>
    <xf numFmtId="0" fontId="4" fillId="0" borderId="61" xfId="0" applyFont="1" applyBorder="1" applyAlignment="1">
      <alignment horizontal="center" vertical="center" wrapText="1"/>
    </xf>
    <xf numFmtId="0" fontId="4" fillId="0" borderId="60" xfId="0" applyFont="1" applyBorder="1" applyAlignment="1">
      <alignment horizontal="center" vertical="center" wrapText="1"/>
    </xf>
    <xf numFmtId="0" fontId="0" fillId="0" borderId="0" xfId="0" applyAlignment="1">
      <alignment horizontal="center" vertical="center"/>
    </xf>
    <xf numFmtId="0" fontId="0" fillId="0" borderId="9" xfId="0" applyBorder="1" applyAlignment="1">
      <alignment horizontal="center" vertical="center"/>
    </xf>
    <xf numFmtId="0" fontId="3" fillId="0" borderId="28" xfId="0" applyFont="1" applyBorder="1" applyAlignment="1">
      <alignment vertical="center"/>
    </xf>
    <xf numFmtId="0" fontId="0" fillId="0" borderId="26" xfId="0" applyBorder="1" applyAlignment="1">
      <alignment vertical="center"/>
    </xf>
    <xf numFmtId="0" fontId="4" fillId="0" borderId="4" xfId="0" applyFont="1" applyBorder="1" applyAlignment="1">
      <alignment horizontal="left" vertical="center" indent="1"/>
    </xf>
    <xf numFmtId="0" fontId="4" fillId="0" borderId="3" xfId="0" applyFont="1" applyBorder="1" applyAlignment="1">
      <alignment horizontal="left" vertical="center" indent="1"/>
    </xf>
    <xf numFmtId="0" fontId="4" fillId="0" borderId="2" xfId="0" applyFont="1" applyBorder="1" applyAlignment="1">
      <alignment horizontal="left" vertical="center" indent="1"/>
    </xf>
    <xf numFmtId="0" fontId="3" fillId="0" borderId="4" xfId="0" applyFont="1" applyBorder="1" applyAlignment="1">
      <alignment horizontal="center" vertical="center" shrinkToFit="1"/>
    </xf>
    <xf numFmtId="0" fontId="3" fillId="0" borderId="2" xfId="0" applyFont="1" applyBorder="1" applyAlignment="1">
      <alignment horizontal="center" vertical="center" shrinkToFit="1"/>
    </xf>
    <xf numFmtId="0" fontId="4" fillId="0" borderId="4" xfId="0" applyFont="1" applyBorder="1" applyAlignment="1">
      <alignment horizontal="left" vertical="center"/>
    </xf>
    <xf numFmtId="0" fontId="4" fillId="0" borderId="3" xfId="0" applyFont="1" applyBorder="1" applyAlignment="1">
      <alignment horizontal="left" vertical="center"/>
    </xf>
    <xf numFmtId="0" fontId="4" fillId="0" borderId="2" xfId="0" applyFont="1" applyBorder="1" applyAlignment="1">
      <alignment horizontal="left" vertical="center"/>
    </xf>
    <xf numFmtId="0" fontId="39" fillId="0" borderId="3" xfId="0" applyFont="1" applyBorder="1" applyAlignment="1">
      <alignment horizontal="left" vertical="center" wrapText="1"/>
    </xf>
    <xf numFmtId="0" fontId="39" fillId="0" borderId="2" xfId="0" applyFont="1" applyBorder="1" applyAlignment="1">
      <alignment horizontal="left" vertical="center" wrapText="1"/>
    </xf>
    <xf numFmtId="0" fontId="39" fillId="0" borderId="3" xfId="0" applyFont="1" applyBorder="1" applyAlignment="1">
      <alignment horizontal="left" vertical="center"/>
    </xf>
    <xf numFmtId="0" fontId="39" fillId="0" borderId="2" xfId="0" applyFont="1" applyBorder="1" applyAlignment="1">
      <alignment horizontal="left" vertical="center"/>
    </xf>
    <xf numFmtId="0" fontId="4" fillId="0" borderId="0" xfId="0" applyFont="1" applyAlignment="1">
      <alignment horizontal="right" vertical="top" wrapText="1"/>
    </xf>
    <xf numFmtId="0" fontId="4" fillId="0" borderId="9" xfId="0" applyFont="1" applyBorder="1" applyAlignment="1">
      <alignment horizontal="right" vertical="top" wrapText="1"/>
    </xf>
    <xf numFmtId="0" fontId="4" fillId="0" borderId="6" xfId="0" applyFont="1" applyBorder="1" applyAlignment="1">
      <alignment horizontal="right" vertical="top" wrapText="1"/>
    </xf>
    <xf numFmtId="0" fontId="4" fillId="0" borderId="5" xfId="0" applyFont="1" applyBorder="1" applyAlignment="1">
      <alignment horizontal="right" vertical="top" wrapText="1"/>
    </xf>
    <xf numFmtId="0" fontId="4" fillId="0" borderId="3" xfId="0" applyFont="1" applyBorder="1" applyAlignment="1">
      <alignment horizontal="center" vertical="center" wrapText="1"/>
    </xf>
    <xf numFmtId="0" fontId="4" fillId="0" borderId="10" xfId="0" applyFont="1" applyBorder="1" applyAlignment="1">
      <alignment horizontal="center" vertical="center"/>
    </xf>
    <xf numFmtId="0" fontId="20" fillId="0" borderId="0" xfId="0" applyFont="1" applyAlignment="1">
      <alignment horizontal="left" vertical="center" wrapText="1"/>
    </xf>
    <xf numFmtId="0" fontId="20" fillId="0" borderId="4" xfId="0" applyFont="1" applyBorder="1" applyAlignment="1">
      <alignment horizontal="center" vertical="center" shrinkToFit="1"/>
    </xf>
    <xf numFmtId="0" fontId="20" fillId="0" borderId="2" xfId="0" applyFont="1" applyBorder="1" applyAlignment="1">
      <alignment horizontal="center" vertical="center" shrinkToFit="1"/>
    </xf>
    <xf numFmtId="0" fontId="4" fillId="0" borderId="7" xfId="0" applyFont="1" applyBorder="1" applyAlignment="1">
      <alignment horizontal="center" vertical="center"/>
    </xf>
    <xf numFmtId="0" fontId="4" fillId="0" borderId="5" xfId="0" applyFont="1" applyBorder="1" applyAlignment="1">
      <alignment horizontal="center" vertical="center"/>
    </xf>
    <xf numFmtId="9" fontId="4" fillId="0" borderId="0" xfId="0" quotePrefix="1" applyNumberFormat="1" applyFont="1" applyAlignment="1">
      <alignment horizontal="center" vertical="center" wrapText="1"/>
    </xf>
    <xf numFmtId="0" fontId="4" fillId="0" borderId="10" xfId="0" applyFont="1" applyBorder="1" applyAlignment="1">
      <alignment vertical="center" wrapText="1"/>
    </xf>
    <xf numFmtId="0" fontId="4" fillId="0" borderId="0" xfId="0" applyFont="1" applyAlignment="1">
      <alignment vertical="center" wrapText="1"/>
    </xf>
    <xf numFmtId="0" fontId="4" fillId="0" borderId="9" xfId="0" applyFont="1" applyBorder="1" applyAlignment="1">
      <alignment vertical="center" wrapText="1"/>
    </xf>
    <xf numFmtId="0" fontId="4" fillId="0" borderId="8" xfId="0" applyFont="1" applyBorder="1" applyAlignment="1">
      <alignment vertical="center" wrapText="1"/>
    </xf>
    <xf numFmtId="0" fontId="4" fillId="0" borderId="8" xfId="0" applyFont="1" applyBorder="1" applyAlignment="1">
      <alignment vertical="center"/>
    </xf>
    <xf numFmtId="0" fontId="4" fillId="0" borderId="6" xfId="0" applyFont="1" applyBorder="1" applyAlignment="1">
      <alignment horizontal="center" vertical="center"/>
    </xf>
    <xf numFmtId="9" fontId="4" fillId="0" borderId="0" xfId="0" applyNumberFormat="1" applyFont="1" applyAlignment="1">
      <alignment horizontal="left" vertical="center" wrapText="1"/>
    </xf>
    <xf numFmtId="0" fontId="3" fillId="0" borderId="68" xfId="0" applyFont="1" applyBorder="1" applyAlignment="1">
      <alignment horizontal="left" vertical="center"/>
    </xf>
    <xf numFmtId="0" fontId="3" fillId="0" borderId="67" xfId="0" applyFont="1" applyBorder="1" applyAlignment="1">
      <alignment horizontal="left" vertical="center"/>
    </xf>
    <xf numFmtId="0" fontId="3" fillId="0" borderId="66" xfId="0" applyFont="1" applyBorder="1" applyAlignment="1">
      <alignment horizontal="left" vertical="center"/>
    </xf>
    <xf numFmtId="0" fontId="4" fillId="0" borderId="0" xfId="0" applyFont="1" applyAlignment="1">
      <alignment horizontal="left" vertical="center"/>
    </xf>
    <xf numFmtId="0" fontId="30" fillId="0" borderId="0" xfId="0" applyFont="1" applyAlignment="1">
      <alignment horizontal="left" vertical="center" wrapText="1"/>
    </xf>
    <xf numFmtId="0" fontId="3" fillId="0" borderId="15" xfId="0" applyFont="1" applyBorder="1" applyAlignment="1">
      <alignment horizontal="left" vertical="center" wrapText="1"/>
    </xf>
    <xf numFmtId="0" fontId="3" fillId="0" borderId="11" xfId="0" applyFont="1" applyBorder="1" applyAlignment="1">
      <alignment horizontal="left" vertical="center" wrapText="1"/>
    </xf>
    <xf numFmtId="0" fontId="3" fillId="0" borderId="71" xfId="0" applyFont="1" applyBorder="1" applyAlignment="1">
      <alignment horizontal="left" vertical="center"/>
    </xf>
    <xf numFmtId="0" fontId="3" fillId="0" borderId="70" xfId="0" applyFont="1" applyBorder="1" applyAlignment="1">
      <alignment horizontal="left" vertical="center"/>
    </xf>
    <xf numFmtId="0" fontId="3" fillId="0" borderId="69" xfId="0" applyFont="1" applyBorder="1" applyAlignment="1">
      <alignment horizontal="left" vertical="center"/>
    </xf>
    <xf numFmtId="0" fontId="20" fillId="0" borderId="0" xfId="0" applyFont="1" applyAlignment="1">
      <alignment horizontal="left" vertical="center"/>
    </xf>
    <xf numFmtId="182" fontId="3" fillId="0" borderId="4" xfId="2" applyNumberFormat="1" applyFont="1" applyBorder="1" applyAlignment="1">
      <alignment horizontal="center" vertical="center"/>
    </xf>
    <xf numFmtId="182" fontId="3" fillId="0" borderId="3" xfId="2" applyNumberFormat="1" applyFont="1" applyBorder="1" applyAlignment="1">
      <alignment horizontal="center" vertical="center"/>
    </xf>
    <xf numFmtId="182" fontId="3" fillId="0" borderId="13" xfId="2" applyNumberFormat="1" applyFont="1" applyBorder="1" applyAlignment="1">
      <alignment horizontal="center" vertical="center"/>
    </xf>
    <xf numFmtId="182" fontId="3" fillId="0" borderId="6" xfId="2" applyNumberFormat="1" applyFont="1" applyBorder="1" applyAlignment="1">
      <alignment horizontal="center" vertical="center"/>
    </xf>
    <xf numFmtId="182" fontId="3" fillId="0" borderId="12" xfId="2" applyNumberFormat="1" applyFont="1" applyBorder="1" applyAlignment="1">
      <alignment horizontal="center" vertical="center"/>
    </xf>
    <xf numFmtId="182" fontId="3" fillId="0" borderId="5" xfId="2" applyNumberFormat="1" applyFont="1" applyBorder="1" applyAlignment="1">
      <alignment horizontal="center" vertical="center"/>
    </xf>
    <xf numFmtId="0" fontId="9" fillId="0" borderId="1" xfId="0" applyFont="1" applyBorder="1" applyAlignment="1">
      <alignment horizontal="center" vertical="center"/>
    </xf>
    <xf numFmtId="38" fontId="3" fillId="0" borderId="1" xfId="1" applyFont="1" applyFill="1" applyBorder="1" applyAlignment="1">
      <alignment horizontal="center" vertical="center"/>
    </xf>
    <xf numFmtId="38" fontId="3" fillId="0" borderId="1" xfId="1" applyFont="1" applyFill="1" applyBorder="1" applyAlignment="1">
      <alignment horizontal="center" vertical="center" wrapText="1"/>
    </xf>
    <xf numFmtId="0" fontId="3" fillId="0" borderId="15" xfId="0" applyFont="1" applyBorder="1" applyAlignment="1">
      <alignment horizontal="center" vertical="center" wrapText="1"/>
    </xf>
    <xf numFmtId="0" fontId="41" fillId="0" borderId="0" xfId="0" applyFont="1" applyAlignment="1">
      <alignment horizontal="left" vertical="center" wrapText="1"/>
    </xf>
    <xf numFmtId="0" fontId="42" fillId="0" borderId="4" xfId="0" applyFont="1" applyBorder="1" applyAlignment="1">
      <alignment horizontal="left" vertical="center" wrapText="1" indent="1"/>
    </xf>
    <xf numFmtId="0" fontId="42" fillId="0" borderId="3" xfId="0" applyFont="1" applyBorder="1" applyAlignment="1">
      <alignment horizontal="left" vertical="center" wrapText="1" indent="1"/>
    </xf>
    <xf numFmtId="0" fontId="42" fillId="0" borderId="2" xfId="0" applyFont="1" applyBorder="1" applyAlignment="1">
      <alignment horizontal="left" vertical="center" wrapText="1" indent="1"/>
    </xf>
    <xf numFmtId="0" fontId="41" fillId="0" borderId="4" xfId="0" applyFont="1" applyBorder="1" applyAlignment="1">
      <alignment horizontal="center" vertical="center"/>
    </xf>
    <xf numFmtId="0" fontId="41" fillId="0" borderId="3" xfId="0" applyFont="1" applyBorder="1" applyAlignment="1">
      <alignment horizontal="center" vertical="center"/>
    </xf>
    <xf numFmtId="0" fontId="42" fillId="0" borderId="0" xfId="0" applyFont="1" applyAlignment="1">
      <alignment horizontal="left" vertical="center" wrapText="1"/>
    </xf>
    <xf numFmtId="0" fontId="42" fillId="0" borderId="4" xfId="0" applyFont="1" applyBorder="1" applyAlignment="1">
      <alignment horizontal="center" vertical="center"/>
    </xf>
    <xf numFmtId="0" fontId="42" fillId="0" borderId="3" xfId="0" applyFont="1" applyBorder="1" applyAlignment="1">
      <alignment horizontal="center" vertical="center"/>
    </xf>
    <xf numFmtId="0" fontId="42" fillId="0" borderId="2" xfId="0" applyFont="1" applyBorder="1" applyAlignment="1">
      <alignment horizontal="center" vertical="center"/>
    </xf>
    <xf numFmtId="0" fontId="42" fillId="0" borderId="3" xfId="0" applyFont="1" applyBorder="1" applyAlignment="1">
      <alignment horizontal="center" vertical="center" wrapText="1"/>
    </xf>
    <xf numFmtId="0" fontId="41" fillId="0" borderId="10" xfId="0" applyFont="1" applyBorder="1" applyAlignment="1">
      <alignment horizontal="left" vertical="center" wrapText="1"/>
    </xf>
    <xf numFmtId="0" fontId="41" fillId="0" borderId="9" xfId="0" applyFont="1" applyBorder="1" applyAlignment="1">
      <alignment horizontal="left" vertical="center" wrapText="1"/>
    </xf>
    <xf numFmtId="0" fontId="41" fillId="0" borderId="1" xfId="0" applyFont="1" applyBorder="1" applyAlignment="1">
      <alignment horizontal="center" vertical="center"/>
    </xf>
    <xf numFmtId="0" fontId="41" fillId="0" borderId="4" xfId="0" applyFont="1" applyBorder="1" applyAlignment="1">
      <alignment horizontal="left" vertical="center"/>
    </xf>
    <xf numFmtId="0" fontId="41" fillId="0" borderId="3" xfId="0" applyFont="1" applyBorder="1" applyAlignment="1">
      <alignment horizontal="left" vertical="center"/>
    </xf>
    <xf numFmtId="0" fontId="41" fillId="0" borderId="2" xfId="0" applyFont="1" applyBorder="1" applyAlignment="1">
      <alignment horizontal="left" vertical="center"/>
    </xf>
    <xf numFmtId="0" fontId="41" fillId="0" borderId="2" xfId="0" applyFont="1" applyBorder="1" applyAlignment="1">
      <alignment horizontal="center" vertical="center"/>
    </xf>
    <xf numFmtId="0" fontId="3" fillId="0" borderId="4" xfId="0" applyFont="1" applyBorder="1" applyAlignment="1">
      <alignment vertical="top" wrapText="1"/>
    </xf>
    <xf numFmtId="0" fontId="3" fillId="0" borderId="3" xfId="0" applyFont="1" applyBorder="1" applyAlignment="1">
      <alignment vertical="top" wrapText="1"/>
    </xf>
    <xf numFmtId="0" fontId="3" fillId="0" borderId="2" xfId="0" applyFont="1" applyBorder="1" applyAlignment="1">
      <alignment vertical="top" wrapText="1"/>
    </xf>
    <xf numFmtId="0" fontId="21" fillId="0" borderId="3" xfId="0" applyFont="1" applyBorder="1" applyAlignment="1">
      <alignment horizontal="center" vertical="center"/>
    </xf>
    <xf numFmtId="0" fontId="3" fillId="0" borderId="0" xfId="0" applyFont="1" applyAlignment="1">
      <alignment vertical="top"/>
    </xf>
    <xf numFmtId="0" fontId="21" fillId="0" borderId="4" xfId="0" applyFont="1" applyBorder="1" applyAlignment="1">
      <alignment horizontal="center" vertical="center"/>
    </xf>
    <xf numFmtId="0" fontId="21" fillId="0" borderId="2" xfId="0" applyFont="1" applyBorder="1" applyAlignment="1">
      <alignment horizontal="center" vertical="center"/>
    </xf>
    <xf numFmtId="0" fontId="3" fillId="0" borderId="4" xfId="0" applyFont="1" applyBorder="1" applyAlignment="1">
      <alignment horizontal="left"/>
    </xf>
    <xf numFmtId="0" fontId="3" fillId="0" borderId="3" xfId="0" applyFont="1" applyBorder="1" applyAlignment="1">
      <alignment horizontal="left"/>
    </xf>
    <xf numFmtId="0" fontId="3" fillId="0" borderId="2" xfId="0" applyFont="1" applyBorder="1" applyAlignment="1">
      <alignment horizontal="left"/>
    </xf>
    <xf numFmtId="0" fontId="20" fillId="0" borderId="13" xfId="0" applyFont="1" applyBorder="1" applyAlignment="1">
      <alignment horizontal="left" vertical="center" wrapText="1"/>
    </xf>
    <xf numFmtId="0" fontId="20" fillId="0" borderId="3" xfId="0" applyFont="1" applyBorder="1" applyAlignment="1">
      <alignment horizontal="left" vertical="center" wrapText="1"/>
    </xf>
    <xf numFmtId="0" fontId="20" fillId="0" borderId="2" xfId="0" applyFont="1" applyBorder="1" applyAlignment="1">
      <alignment horizontal="left" vertical="center" wrapText="1"/>
    </xf>
    <xf numFmtId="0" fontId="20" fillId="0" borderId="13" xfId="0" applyFont="1" applyBorder="1" applyAlignment="1">
      <alignment horizontal="center" vertical="center" wrapText="1"/>
    </xf>
    <xf numFmtId="0" fontId="20" fillId="0" borderId="12" xfId="0" applyFont="1" applyBorder="1" applyAlignment="1">
      <alignment horizontal="center" vertical="center" wrapText="1"/>
    </xf>
    <xf numFmtId="0" fontId="20" fillId="0" borderId="0" xfId="0" applyFont="1" applyAlignment="1">
      <alignment horizontal="center" vertical="center" wrapText="1"/>
    </xf>
    <xf numFmtId="0" fontId="20" fillId="0" borderId="9" xfId="0" applyFont="1" applyBorder="1" applyAlignment="1">
      <alignment horizontal="center" vertical="center" wrapText="1"/>
    </xf>
    <xf numFmtId="0" fontId="20" fillId="0" borderId="6" xfId="0" applyFont="1" applyBorder="1" applyAlignment="1">
      <alignment horizontal="center" vertical="center" wrapText="1"/>
    </xf>
    <xf numFmtId="0" fontId="20" fillId="0" borderId="5" xfId="0" applyFont="1" applyBorder="1" applyAlignment="1">
      <alignment horizontal="center" vertical="center" wrapText="1"/>
    </xf>
    <xf numFmtId="0" fontId="20" fillId="0" borderId="3" xfId="0" applyFont="1" applyBorder="1" applyAlignment="1">
      <alignment vertical="center" wrapText="1"/>
    </xf>
    <xf numFmtId="0" fontId="20" fillId="0" borderId="2" xfId="0" applyFont="1" applyBorder="1" applyAlignment="1">
      <alignment vertical="center" wrapText="1"/>
    </xf>
    <xf numFmtId="0" fontId="20" fillId="0" borderId="6" xfId="0" applyFont="1" applyBorder="1" applyAlignment="1">
      <alignment horizontal="left" vertical="center" wrapText="1"/>
    </xf>
    <xf numFmtId="0" fontId="20" fillId="0" borderId="5" xfId="0" applyFont="1" applyBorder="1" applyAlignment="1">
      <alignment horizontal="left" vertical="center" wrapText="1"/>
    </xf>
    <xf numFmtId="0" fontId="3" fillId="0" borderId="1" xfId="9" applyFont="1" applyBorder="1" applyAlignment="1">
      <alignment horizontal="center" vertical="center"/>
    </xf>
    <xf numFmtId="0" fontId="3" fillId="0" borderId="1" xfId="9" applyFont="1" applyBorder="1" applyAlignment="1">
      <alignment vertical="center"/>
    </xf>
    <xf numFmtId="0" fontId="3" fillId="0" borderId="13" xfId="0" applyFont="1" applyBorder="1" applyAlignment="1">
      <alignment horizontal="left" vertical="top" wrapText="1"/>
    </xf>
    <xf numFmtId="0" fontId="5" fillId="0" borderId="10" xfId="0" applyFont="1" applyBorder="1" applyAlignment="1">
      <alignment horizontal="left" vertical="center"/>
    </xf>
    <xf numFmtId="0" fontId="5" fillId="0" borderId="0" xfId="0" applyFont="1" applyAlignment="1">
      <alignment horizontal="left" vertical="center"/>
    </xf>
    <xf numFmtId="0" fontId="5" fillId="0" borderId="9" xfId="0" applyFont="1" applyBorder="1" applyAlignment="1">
      <alignment horizontal="left" vertical="center"/>
    </xf>
    <xf numFmtId="0" fontId="3" fillId="0" borderId="15" xfId="0" applyFont="1" applyBorder="1" applyAlignment="1">
      <alignment horizontal="center" vertical="center"/>
    </xf>
    <xf numFmtId="0" fontId="5" fillId="0" borderId="14" xfId="0" applyFont="1" applyBorder="1" applyAlignment="1">
      <alignment horizontal="left" vertical="center" wrapText="1"/>
    </xf>
    <xf numFmtId="0" fontId="5" fillId="0" borderId="13" xfId="0" applyFont="1" applyBorder="1" applyAlignment="1">
      <alignment horizontal="left" vertical="center" wrapText="1"/>
    </xf>
    <xf numFmtId="0" fontId="5" fillId="0" borderId="12" xfId="0" applyFont="1" applyBorder="1" applyAlignment="1">
      <alignment horizontal="left" vertical="center" wrapText="1"/>
    </xf>
    <xf numFmtId="0" fontId="4" fillId="0" borderId="6" xfId="0" applyFont="1" applyBorder="1" applyAlignment="1">
      <alignment horizontal="left" vertical="center"/>
    </xf>
    <xf numFmtId="0" fontId="4" fillId="0" borderId="5" xfId="0" applyFont="1" applyBorder="1" applyAlignment="1">
      <alignment horizontal="left" vertical="center"/>
    </xf>
    <xf numFmtId="0" fontId="4" fillId="0" borderId="7" xfId="0" applyFont="1" applyBorder="1" applyAlignment="1">
      <alignment horizontal="left" vertical="center" wrapText="1" indent="1"/>
    </xf>
    <xf numFmtId="0" fontId="4" fillId="0" borderId="6" xfId="0" applyFont="1" applyBorder="1" applyAlignment="1">
      <alignment horizontal="left" vertical="center" wrapText="1" indent="1"/>
    </xf>
    <xf numFmtId="0" fontId="4" fillId="0" borderId="5" xfId="0" applyFont="1" applyBorder="1" applyAlignment="1">
      <alignment horizontal="left" vertical="center" wrapText="1" indent="1"/>
    </xf>
    <xf numFmtId="0" fontId="4" fillId="0" borderId="1" xfId="0" applyFont="1" applyBorder="1" applyAlignment="1">
      <alignment horizontal="left" vertical="center" wrapText="1" indent="1"/>
    </xf>
    <xf numFmtId="0" fontId="4" fillId="0" borderId="1" xfId="0" applyFont="1" applyBorder="1" applyAlignment="1">
      <alignment horizontal="left" vertical="center" indent="1"/>
    </xf>
  </cellXfs>
  <cellStyles count="10">
    <cellStyle name="パーセント 2" xfId="4"/>
    <cellStyle name="パーセント 2 2 2" xfId="7"/>
    <cellStyle name="桁区切り" xfId="1" builtinId="6"/>
    <cellStyle name="桁区切り 2" xfId="5"/>
    <cellStyle name="標準" xfId="0" builtinId="0"/>
    <cellStyle name="標準 2" xfId="2"/>
    <cellStyle name="標準 2 2" xfId="8"/>
    <cellStyle name="標準 3" xfId="3"/>
    <cellStyle name="標準 3 2 2" xfId="6"/>
    <cellStyle name="標準_資料２　介護給付費に係る体制等状況一覧" xfId="9"/>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39" Type="http://schemas.openxmlformats.org/officeDocument/2006/relationships/worksheet" Target="worksheets/sheet39.xml"/><Relationship Id="rId21" Type="http://schemas.openxmlformats.org/officeDocument/2006/relationships/worksheet" Target="worksheets/sheet21.xml"/><Relationship Id="rId34" Type="http://schemas.openxmlformats.org/officeDocument/2006/relationships/worksheet" Target="worksheets/sheet34.xml"/><Relationship Id="rId42" Type="http://schemas.openxmlformats.org/officeDocument/2006/relationships/worksheet" Target="worksheets/sheet42.xml"/><Relationship Id="rId47" Type="http://schemas.openxmlformats.org/officeDocument/2006/relationships/worksheet" Target="worksheets/sheet47.xml"/><Relationship Id="rId50" Type="http://schemas.openxmlformats.org/officeDocument/2006/relationships/worksheet" Target="worksheets/sheet50.xml"/><Relationship Id="rId55" Type="http://schemas.openxmlformats.org/officeDocument/2006/relationships/worksheet" Target="worksheets/sheet55.xml"/><Relationship Id="rId63" Type="http://schemas.openxmlformats.org/officeDocument/2006/relationships/worksheet" Target="worksheets/sheet63.xml"/><Relationship Id="rId68" Type="http://schemas.openxmlformats.org/officeDocument/2006/relationships/worksheet" Target="worksheets/sheet68.xml"/><Relationship Id="rId76" Type="http://schemas.openxmlformats.org/officeDocument/2006/relationships/sharedStrings" Target="sharedStrings.xml"/><Relationship Id="rId7" Type="http://schemas.openxmlformats.org/officeDocument/2006/relationships/worksheet" Target="worksheets/sheet7.xml"/><Relationship Id="rId71" Type="http://schemas.openxmlformats.org/officeDocument/2006/relationships/externalLink" Target="externalLinks/externalLink1.xml"/><Relationship Id="rId2" Type="http://schemas.openxmlformats.org/officeDocument/2006/relationships/worksheet" Target="worksheets/sheet2.xml"/><Relationship Id="rId16" Type="http://schemas.openxmlformats.org/officeDocument/2006/relationships/worksheet" Target="worksheets/sheet16.xml"/><Relationship Id="rId29" Type="http://schemas.openxmlformats.org/officeDocument/2006/relationships/worksheet" Target="worksheets/sheet29.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worksheet" Target="worksheets/sheet32.xml"/><Relationship Id="rId37" Type="http://schemas.openxmlformats.org/officeDocument/2006/relationships/worksheet" Target="worksheets/sheet37.xml"/><Relationship Id="rId40" Type="http://schemas.openxmlformats.org/officeDocument/2006/relationships/worksheet" Target="worksheets/sheet40.xml"/><Relationship Id="rId45" Type="http://schemas.openxmlformats.org/officeDocument/2006/relationships/worksheet" Target="worksheets/sheet45.xml"/><Relationship Id="rId53" Type="http://schemas.openxmlformats.org/officeDocument/2006/relationships/worksheet" Target="worksheets/sheet53.xml"/><Relationship Id="rId58" Type="http://schemas.openxmlformats.org/officeDocument/2006/relationships/worksheet" Target="worksheets/sheet58.xml"/><Relationship Id="rId66" Type="http://schemas.openxmlformats.org/officeDocument/2006/relationships/worksheet" Target="worksheets/sheet66.xml"/><Relationship Id="rId74" Type="http://schemas.openxmlformats.org/officeDocument/2006/relationships/theme" Target="theme/theme1.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worksheet" Target="worksheets/sheet28.xml"/><Relationship Id="rId36" Type="http://schemas.openxmlformats.org/officeDocument/2006/relationships/worksheet" Target="worksheets/sheet36.xml"/><Relationship Id="rId49" Type="http://schemas.openxmlformats.org/officeDocument/2006/relationships/worksheet" Target="worksheets/sheet49.xml"/><Relationship Id="rId57" Type="http://schemas.openxmlformats.org/officeDocument/2006/relationships/worksheet" Target="worksheets/sheet57.xml"/><Relationship Id="rId61" Type="http://schemas.openxmlformats.org/officeDocument/2006/relationships/worksheet" Target="worksheets/sheet61.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worksheet" Target="worksheets/sheet31.xml"/><Relationship Id="rId44" Type="http://schemas.openxmlformats.org/officeDocument/2006/relationships/worksheet" Target="worksheets/sheet44.xml"/><Relationship Id="rId52" Type="http://schemas.openxmlformats.org/officeDocument/2006/relationships/worksheet" Target="worksheets/sheet52.xml"/><Relationship Id="rId60" Type="http://schemas.openxmlformats.org/officeDocument/2006/relationships/worksheet" Target="worksheets/sheet60.xml"/><Relationship Id="rId65" Type="http://schemas.openxmlformats.org/officeDocument/2006/relationships/worksheet" Target="worksheets/sheet65.xml"/><Relationship Id="rId73" Type="http://schemas.openxmlformats.org/officeDocument/2006/relationships/externalLink" Target="externalLinks/externalLink3.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worksheet" Target="worksheets/sheet30.xml"/><Relationship Id="rId35" Type="http://schemas.openxmlformats.org/officeDocument/2006/relationships/worksheet" Target="worksheets/sheet35.xml"/><Relationship Id="rId43" Type="http://schemas.openxmlformats.org/officeDocument/2006/relationships/worksheet" Target="worksheets/sheet43.xml"/><Relationship Id="rId48" Type="http://schemas.openxmlformats.org/officeDocument/2006/relationships/worksheet" Target="worksheets/sheet48.xml"/><Relationship Id="rId56" Type="http://schemas.openxmlformats.org/officeDocument/2006/relationships/worksheet" Target="worksheets/sheet56.xml"/><Relationship Id="rId64" Type="http://schemas.openxmlformats.org/officeDocument/2006/relationships/worksheet" Target="worksheets/sheet64.xml"/><Relationship Id="rId69" Type="http://schemas.openxmlformats.org/officeDocument/2006/relationships/worksheet" Target="worksheets/sheet69.xml"/><Relationship Id="rId77" Type="http://schemas.openxmlformats.org/officeDocument/2006/relationships/calcChain" Target="calcChain.xml"/><Relationship Id="rId8" Type="http://schemas.openxmlformats.org/officeDocument/2006/relationships/worksheet" Target="worksheets/sheet8.xml"/><Relationship Id="rId51" Type="http://schemas.openxmlformats.org/officeDocument/2006/relationships/worksheet" Target="worksheets/sheet51.xml"/><Relationship Id="rId72" Type="http://schemas.openxmlformats.org/officeDocument/2006/relationships/externalLink" Target="externalLinks/externalLink2.xml"/><Relationship Id="rId3" Type="http://schemas.openxmlformats.org/officeDocument/2006/relationships/worksheet" Target="worksheets/sheet3.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worksheet" Target="worksheets/sheet33.xml"/><Relationship Id="rId38" Type="http://schemas.openxmlformats.org/officeDocument/2006/relationships/worksheet" Target="worksheets/sheet38.xml"/><Relationship Id="rId46" Type="http://schemas.openxmlformats.org/officeDocument/2006/relationships/worksheet" Target="worksheets/sheet46.xml"/><Relationship Id="rId59" Type="http://schemas.openxmlformats.org/officeDocument/2006/relationships/worksheet" Target="worksheets/sheet59.xml"/><Relationship Id="rId67" Type="http://schemas.openxmlformats.org/officeDocument/2006/relationships/worksheet" Target="worksheets/sheet67.xml"/><Relationship Id="rId20" Type="http://schemas.openxmlformats.org/officeDocument/2006/relationships/worksheet" Target="worksheets/sheet20.xml"/><Relationship Id="rId41" Type="http://schemas.openxmlformats.org/officeDocument/2006/relationships/worksheet" Target="worksheets/sheet41.xml"/><Relationship Id="rId54" Type="http://schemas.openxmlformats.org/officeDocument/2006/relationships/worksheet" Target="worksheets/sheet54.xml"/><Relationship Id="rId62" Type="http://schemas.openxmlformats.org/officeDocument/2006/relationships/worksheet" Target="worksheets/sheet62.xml"/><Relationship Id="rId70" Type="http://schemas.openxmlformats.org/officeDocument/2006/relationships/worksheet" Target="worksheets/sheet70.xml"/><Relationship Id="rId75"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26.xml.rels><?xml version="1.0" encoding="UTF-8" standalone="yes"?>
<Relationships xmlns="http://schemas.openxmlformats.org/package/2006/relationships"><Relationship Id="rId1" Type="http://schemas.openxmlformats.org/officeDocument/2006/relationships/printerSettings" Target="../printerSettings/printerSettings26.bin"/></Relationships>
</file>

<file path=xl/worksheets/_rels/sheet27.xml.rels><?xml version="1.0" encoding="UTF-8" standalone="yes"?>
<Relationships xmlns="http://schemas.openxmlformats.org/package/2006/relationships"><Relationship Id="rId1" Type="http://schemas.openxmlformats.org/officeDocument/2006/relationships/printerSettings" Target="../printerSettings/printerSettings27.bin"/></Relationships>
</file>

<file path=xl/worksheets/_rels/sheet28.xml.rels><?xml version="1.0" encoding="UTF-8" standalone="yes"?>
<Relationships xmlns="http://schemas.openxmlformats.org/package/2006/relationships"><Relationship Id="rId1" Type="http://schemas.openxmlformats.org/officeDocument/2006/relationships/printerSettings" Target="../printerSettings/printerSettings28.bin"/></Relationships>
</file>

<file path=xl/worksheets/_rels/sheet29.xml.rels><?xml version="1.0" encoding="UTF-8" standalone="yes"?>
<Relationships xmlns="http://schemas.openxmlformats.org/package/2006/relationships"><Relationship Id="rId1" Type="http://schemas.openxmlformats.org/officeDocument/2006/relationships/printerSettings" Target="../printerSettings/printerSettings29.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30.xml.rels><?xml version="1.0" encoding="UTF-8" standalone="yes"?>
<Relationships xmlns="http://schemas.openxmlformats.org/package/2006/relationships"><Relationship Id="rId1" Type="http://schemas.openxmlformats.org/officeDocument/2006/relationships/printerSettings" Target="../printerSettings/printerSettings30.bin"/></Relationships>
</file>

<file path=xl/worksheets/_rels/sheet31.xml.rels><?xml version="1.0" encoding="UTF-8" standalone="yes"?>
<Relationships xmlns="http://schemas.openxmlformats.org/package/2006/relationships"><Relationship Id="rId1" Type="http://schemas.openxmlformats.org/officeDocument/2006/relationships/printerSettings" Target="../printerSettings/printerSettings31.bin"/></Relationships>
</file>

<file path=xl/worksheets/_rels/sheet32.xml.rels><?xml version="1.0" encoding="UTF-8" standalone="yes"?>
<Relationships xmlns="http://schemas.openxmlformats.org/package/2006/relationships"><Relationship Id="rId1" Type="http://schemas.openxmlformats.org/officeDocument/2006/relationships/printerSettings" Target="../printerSettings/printerSettings32.bin"/></Relationships>
</file>

<file path=xl/worksheets/_rels/sheet33.xml.rels><?xml version="1.0" encoding="UTF-8" standalone="yes"?>
<Relationships xmlns="http://schemas.openxmlformats.org/package/2006/relationships"><Relationship Id="rId1" Type="http://schemas.openxmlformats.org/officeDocument/2006/relationships/printerSettings" Target="../printerSettings/printerSettings33.bin"/></Relationships>
</file>

<file path=xl/worksheets/_rels/sheet34.xml.rels><?xml version="1.0" encoding="UTF-8" standalone="yes"?>
<Relationships xmlns="http://schemas.openxmlformats.org/package/2006/relationships"><Relationship Id="rId1" Type="http://schemas.openxmlformats.org/officeDocument/2006/relationships/printerSettings" Target="../printerSettings/printerSettings34.bin"/></Relationships>
</file>

<file path=xl/worksheets/_rels/sheet35.xml.rels><?xml version="1.0" encoding="UTF-8" standalone="yes"?>
<Relationships xmlns="http://schemas.openxmlformats.org/package/2006/relationships"><Relationship Id="rId1" Type="http://schemas.openxmlformats.org/officeDocument/2006/relationships/printerSettings" Target="../printerSettings/printerSettings35.bin"/></Relationships>
</file>

<file path=xl/worksheets/_rels/sheet36.xml.rels><?xml version="1.0" encoding="UTF-8" standalone="yes"?>
<Relationships xmlns="http://schemas.openxmlformats.org/package/2006/relationships"><Relationship Id="rId1" Type="http://schemas.openxmlformats.org/officeDocument/2006/relationships/printerSettings" Target="../printerSettings/printerSettings36.bin"/></Relationships>
</file>

<file path=xl/worksheets/_rels/sheet37.xml.rels><?xml version="1.0" encoding="UTF-8" standalone="yes"?>
<Relationships xmlns="http://schemas.openxmlformats.org/package/2006/relationships"><Relationship Id="rId1" Type="http://schemas.openxmlformats.org/officeDocument/2006/relationships/printerSettings" Target="../printerSettings/printerSettings37.bin"/></Relationships>
</file>

<file path=xl/worksheets/_rels/sheet38.xml.rels><?xml version="1.0" encoding="UTF-8" standalone="yes"?>
<Relationships xmlns="http://schemas.openxmlformats.org/package/2006/relationships"><Relationship Id="rId1" Type="http://schemas.openxmlformats.org/officeDocument/2006/relationships/printerSettings" Target="../printerSettings/printerSettings38.bin"/></Relationships>
</file>

<file path=xl/worksheets/_rels/sheet39.xml.rels><?xml version="1.0" encoding="UTF-8" standalone="yes"?>
<Relationships xmlns="http://schemas.openxmlformats.org/package/2006/relationships"><Relationship Id="rId1" Type="http://schemas.openxmlformats.org/officeDocument/2006/relationships/printerSettings" Target="../printerSettings/printerSettings39.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40.xml.rels><?xml version="1.0" encoding="UTF-8" standalone="yes"?>
<Relationships xmlns="http://schemas.openxmlformats.org/package/2006/relationships"><Relationship Id="rId1" Type="http://schemas.openxmlformats.org/officeDocument/2006/relationships/printerSettings" Target="../printerSettings/printerSettings40.bin"/></Relationships>
</file>

<file path=xl/worksheets/_rels/sheet41.xml.rels><?xml version="1.0" encoding="UTF-8" standalone="yes"?>
<Relationships xmlns="http://schemas.openxmlformats.org/package/2006/relationships"><Relationship Id="rId1" Type="http://schemas.openxmlformats.org/officeDocument/2006/relationships/printerSettings" Target="../printerSettings/printerSettings41.bin"/></Relationships>
</file>

<file path=xl/worksheets/_rels/sheet42.xml.rels><?xml version="1.0" encoding="UTF-8" standalone="yes"?>
<Relationships xmlns="http://schemas.openxmlformats.org/package/2006/relationships"><Relationship Id="rId1" Type="http://schemas.openxmlformats.org/officeDocument/2006/relationships/printerSettings" Target="../printerSettings/printerSettings42.bin"/></Relationships>
</file>

<file path=xl/worksheets/_rels/sheet43.xml.rels><?xml version="1.0" encoding="UTF-8" standalone="yes"?>
<Relationships xmlns="http://schemas.openxmlformats.org/package/2006/relationships"><Relationship Id="rId1" Type="http://schemas.openxmlformats.org/officeDocument/2006/relationships/printerSettings" Target="../printerSettings/printerSettings43.bin"/></Relationships>
</file>

<file path=xl/worksheets/_rels/sheet44.xml.rels><?xml version="1.0" encoding="UTF-8" standalone="yes"?>
<Relationships xmlns="http://schemas.openxmlformats.org/package/2006/relationships"><Relationship Id="rId1" Type="http://schemas.openxmlformats.org/officeDocument/2006/relationships/printerSettings" Target="../printerSettings/printerSettings44.bin"/></Relationships>
</file>

<file path=xl/worksheets/_rels/sheet45.xml.rels><?xml version="1.0" encoding="UTF-8" standalone="yes"?>
<Relationships xmlns="http://schemas.openxmlformats.org/package/2006/relationships"><Relationship Id="rId1" Type="http://schemas.openxmlformats.org/officeDocument/2006/relationships/printerSettings" Target="../printerSettings/printerSettings45.bin"/></Relationships>
</file>

<file path=xl/worksheets/_rels/sheet46.xml.rels><?xml version="1.0" encoding="UTF-8" standalone="yes"?>
<Relationships xmlns="http://schemas.openxmlformats.org/package/2006/relationships"><Relationship Id="rId1" Type="http://schemas.openxmlformats.org/officeDocument/2006/relationships/printerSettings" Target="../printerSettings/printerSettings46.bin"/></Relationships>
</file>

<file path=xl/worksheets/_rels/sheet47.xml.rels><?xml version="1.0" encoding="UTF-8" standalone="yes"?>
<Relationships xmlns="http://schemas.openxmlformats.org/package/2006/relationships"><Relationship Id="rId1" Type="http://schemas.openxmlformats.org/officeDocument/2006/relationships/printerSettings" Target="../printerSettings/printerSettings47.bin"/></Relationships>
</file>

<file path=xl/worksheets/_rels/sheet48.xml.rels><?xml version="1.0" encoding="UTF-8" standalone="yes"?>
<Relationships xmlns="http://schemas.openxmlformats.org/package/2006/relationships"><Relationship Id="rId1" Type="http://schemas.openxmlformats.org/officeDocument/2006/relationships/printerSettings" Target="../printerSettings/printerSettings48.bin"/></Relationships>
</file>

<file path=xl/worksheets/_rels/sheet49.xml.rels><?xml version="1.0" encoding="UTF-8" standalone="yes"?>
<Relationships xmlns="http://schemas.openxmlformats.org/package/2006/relationships"><Relationship Id="rId1" Type="http://schemas.openxmlformats.org/officeDocument/2006/relationships/printerSettings" Target="../printerSettings/printerSettings49.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50.xml.rels><?xml version="1.0" encoding="UTF-8" standalone="yes"?>
<Relationships xmlns="http://schemas.openxmlformats.org/package/2006/relationships"><Relationship Id="rId1" Type="http://schemas.openxmlformats.org/officeDocument/2006/relationships/printerSettings" Target="../printerSettings/printerSettings50.bin"/></Relationships>
</file>

<file path=xl/worksheets/_rels/sheet51.xml.rels><?xml version="1.0" encoding="UTF-8" standalone="yes"?>
<Relationships xmlns="http://schemas.openxmlformats.org/package/2006/relationships"><Relationship Id="rId1" Type="http://schemas.openxmlformats.org/officeDocument/2006/relationships/printerSettings" Target="../printerSettings/printerSettings51.bin"/></Relationships>
</file>

<file path=xl/worksheets/_rels/sheet52.xml.rels><?xml version="1.0" encoding="UTF-8" standalone="yes"?>
<Relationships xmlns="http://schemas.openxmlformats.org/package/2006/relationships"><Relationship Id="rId1" Type="http://schemas.openxmlformats.org/officeDocument/2006/relationships/printerSettings" Target="../printerSettings/printerSettings52.bin"/></Relationships>
</file>

<file path=xl/worksheets/_rels/sheet53.xml.rels><?xml version="1.0" encoding="UTF-8" standalone="yes"?>
<Relationships xmlns="http://schemas.openxmlformats.org/package/2006/relationships"><Relationship Id="rId1" Type="http://schemas.openxmlformats.org/officeDocument/2006/relationships/printerSettings" Target="../printerSettings/printerSettings53.bin"/></Relationships>
</file>

<file path=xl/worksheets/_rels/sheet54.xml.rels><?xml version="1.0" encoding="UTF-8" standalone="yes"?>
<Relationships xmlns="http://schemas.openxmlformats.org/package/2006/relationships"><Relationship Id="rId1" Type="http://schemas.openxmlformats.org/officeDocument/2006/relationships/printerSettings" Target="../printerSettings/printerSettings54.bin"/></Relationships>
</file>

<file path=xl/worksheets/_rels/sheet55.xml.rels><?xml version="1.0" encoding="UTF-8" standalone="yes"?>
<Relationships xmlns="http://schemas.openxmlformats.org/package/2006/relationships"><Relationship Id="rId1" Type="http://schemas.openxmlformats.org/officeDocument/2006/relationships/printerSettings" Target="../printerSettings/printerSettings55.bin"/></Relationships>
</file>

<file path=xl/worksheets/_rels/sheet56.xml.rels><?xml version="1.0" encoding="UTF-8" standalone="yes"?>
<Relationships xmlns="http://schemas.openxmlformats.org/package/2006/relationships"><Relationship Id="rId1" Type="http://schemas.openxmlformats.org/officeDocument/2006/relationships/printerSettings" Target="../printerSettings/printerSettings56.bin"/></Relationships>
</file>

<file path=xl/worksheets/_rels/sheet57.xml.rels><?xml version="1.0" encoding="UTF-8" standalone="yes"?>
<Relationships xmlns="http://schemas.openxmlformats.org/package/2006/relationships"><Relationship Id="rId1" Type="http://schemas.openxmlformats.org/officeDocument/2006/relationships/printerSettings" Target="../printerSettings/printerSettings57.bin"/></Relationships>
</file>

<file path=xl/worksheets/_rels/sheet58.xml.rels><?xml version="1.0" encoding="UTF-8" standalone="yes"?>
<Relationships xmlns="http://schemas.openxmlformats.org/package/2006/relationships"><Relationship Id="rId1" Type="http://schemas.openxmlformats.org/officeDocument/2006/relationships/printerSettings" Target="../printerSettings/printerSettings58.bin"/></Relationships>
</file>

<file path=xl/worksheets/_rels/sheet59.xml.rels><?xml version="1.0" encoding="UTF-8" standalone="yes"?>
<Relationships xmlns="http://schemas.openxmlformats.org/package/2006/relationships"><Relationship Id="rId1" Type="http://schemas.openxmlformats.org/officeDocument/2006/relationships/printerSettings" Target="../printerSettings/printerSettings59.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60.xml.rels><?xml version="1.0" encoding="UTF-8" standalone="yes"?>
<Relationships xmlns="http://schemas.openxmlformats.org/package/2006/relationships"><Relationship Id="rId1" Type="http://schemas.openxmlformats.org/officeDocument/2006/relationships/printerSettings" Target="../printerSettings/printerSettings60.bin"/></Relationships>
</file>

<file path=xl/worksheets/_rels/sheet61.xml.rels><?xml version="1.0" encoding="UTF-8" standalone="yes"?>
<Relationships xmlns="http://schemas.openxmlformats.org/package/2006/relationships"><Relationship Id="rId1" Type="http://schemas.openxmlformats.org/officeDocument/2006/relationships/printerSettings" Target="../printerSettings/printerSettings61.bin"/></Relationships>
</file>

<file path=xl/worksheets/_rels/sheet62.xml.rels><?xml version="1.0" encoding="UTF-8" standalone="yes"?>
<Relationships xmlns="http://schemas.openxmlformats.org/package/2006/relationships"><Relationship Id="rId1" Type="http://schemas.openxmlformats.org/officeDocument/2006/relationships/printerSettings" Target="../printerSettings/printerSettings62.bin"/></Relationships>
</file>

<file path=xl/worksheets/_rels/sheet63.xml.rels><?xml version="1.0" encoding="UTF-8" standalone="yes"?>
<Relationships xmlns="http://schemas.openxmlformats.org/package/2006/relationships"><Relationship Id="rId1" Type="http://schemas.openxmlformats.org/officeDocument/2006/relationships/printerSettings" Target="../printerSettings/printerSettings63.bin"/></Relationships>
</file>

<file path=xl/worksheets/_rels/sheet64.xml.rels><?xml version="1.0" encoding="UTF-8" standalone="yes"?>
<Relationships xmlns="http://schemas.openxmlformats.org/package/2006/relationships"><Relationship Id="rId1" Type="http://schemas.openxmlformats.org/officeDocument/2006/relationships/printerSettings" Target="../printerSettings/printerSettings64.bin"/></Relationships>
</file>

<file path=xl/worksheets/_rels/sheet65.xml.rels><?xml version="1.0" encoding="UTF-8" standalone="yes"?>
<Relationships xmlns="http://schemas.openxmlformats.org/package/2006/relationships"><Relationship Id="rId1" Type="http://schemas.openxmlformats.org/officeDocument/2006/relationships/printerSettings" Target="../printerSettings/printerSettings65.bin"/></Relationships>
</file>

<file path=xl/worksheets/_rels/sheet66.xml.rels><?xml version="1.0" encoding="UTF-8" standalone="yes"?>
<Relationships xmlns="http://schemas.openxmlformats.org/package/2006/relationships"><Relationship Id="rId1" Type="http://schemas.openxmlformats.org/officeDocument/2006/relationships/printerSettings" Target="../printerSettings/printerSettings66.bin"/></Relationships>
</file>

<file path=xl/worksheets/_rels/sheet67.xml.rels><?xml version="1.0" encoding="UTF-8" standalone="yes"?>
<Relationships xmlns="http://schemas.openxmlformats.org/package/2006/relationships"><Relationship Id="rId1" Type="http://schemas.openxmlformats.org/officeDocument/2006/relationships/printerSettings" Target="../printerSettings/printerSettings67.bin"/></Relationships>
</file>

<file path=xl/worksheets/_rels/sheet68.xml.rels><?xml version="1.0" encoding="UTF-8" standalone="yes"?>
<Relationships xmlns="http://schemas.openxmlformats.org/package/2006/relationships"><Relationship Id="rId1" Type="http://schemas.openxmlformats.org/officeDocument/2006/relationships/printerSettings" Target="../printerSettings/printerSettings68.bin"/></Relationships>
</file>

<file path=xl/worksheets/_rels/sheet69.xml.rels><?xml version="1.0" encoding="UTF-8" standalone="yes"?>
<Relationships xmlns="http://schemas.openxmlformats.org/package/2006/relationships"><Relationship Id="rId1" Type="http://schemas.openxmlformats.org/officeDocument/2006/relationships/printerSettings" Target="../printerSettings/printerSettings69.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70.xml.rels><?xml version="1.0" encoding="UTF-8" standalone="yes"?>
<Relationships xmlns="http://schemas.openxmlformats.org/package/2006/relationships"><Relationship Id="rId1" Type="http://schemas.openxmlformats.org/officeDocument/2006/relationships/printerSettings" Target="../printerSettings/printerSettings70.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AC120"/>
  <sheetViews>
    <sheetView zoomScale="60" zoomScaleNormal="60" zoomScaleSheetLayoutView="70" workbookViewId="0">
      <selection activeCell="C87" sqref="C87"/>
    </sheetView>
  </sheetViews>
  <sheetFormatPr defaultColWidth="4" defaultRowHeight="17.25" x14ac:dyDescent="0.15"/>
  <cols>
    <col min="1" max="1" width="1.5" style="21" customWidth="1"/>
    <col min="2" max="29" width="4" style="21"/>
    <col min="30" max="30" width="1.5" style="21" customWidth="1"/>
    <col min="31" max="16384" width="4" style="21"/>
  </cols>
  <sheetData>
    <row r="2" spans="2:29" x14ac:dyDescent="0.15">
      <c r="B2" s="21" t="s">
        <v>45</v>
      </c>
    </row>
    <row r="4" spans="2:29" x14ac:dyDescent="0.15">
      <c r="S4" s="27"/>
      <c r="T4" s="26" t="s">
        <v>12</v>
      </c>
      <c r="U4" s="658"/>
      <c r="V4" s="658"/>
      <c r="W4" s="27" t="s">
        <v>11</v>
      </c>
      <c r="X4" s="658"/>
      <c r="Y4" s="658"/>
      <c r="Z4" s="27" t="s">
        <v>10</v>
      </c>
      <c r="AA4" s="658"/>
      <c r="AB4" s="658"/>
      <c r="AC4" s="27" t="s">
        <v>44</v>
      </c>
    </row>
    <row r="5" spans="2:29" x14ac:dyDescent="0.15">
      <c r="B5" s="658"/>
      <c r="C5" s="658"/>
      <c r="D5" s="658"/>
      <c r="E5" s="658"/>
      <c r="F5" s="658"/>
      <c r="G5" s="658"/>
      <c r="H5" s="658" t="s">
        <v>9</v>
      </c>
      <c r="I5" s="658"/>
      <c r="J5" s="658"/>
      <c r="K5" s="27" t="s">
        <v>8</v>
      </c>
    </row>
    <row r="7" spans="2:29" x14ac:dyDescent="0.15">
      <c r="P7" s="26" t="s">
        <v>43</v>
      </c>
      <c r="Q7" s="657"/>
      <c r="R7" s="657"/>
      <c r="S7" s="657"/>
      <c r="T7" s="657"/>
      <c r="U7" s="657"/>
      <c r="V7" s="657"/>
      <c r="W7" s="657"/>
      <c r="X7" s="657"/>
      <c r="Y7" s="657"/>
      <c r="Z7" s="657"/>
      <c r="AA7" s="657"/>
      <c r="AB7" s="657"/>
      <c r="AC7" s="657"/>
    </row>
    <row r="10" spans="2:29" x14ac:dyDescent="0.15">
      <c r="B10" s="651" t="s">
        <v>42</v>
      </c>
      <c r="C10" s="651"/>
      <c r="D10" s="651"/>
      <c r="E10" s="651"/>
      <c r="F10" s="651"/>
      <c r="G10" s="651"/>
      <c r="H10" s="651"/>
      <c r="I10" s="651"/>
      <c r="J10" s="651"/>
      <c r="K10" s="651"/>
      <c r="L10" s="651"/>
      <c r="M10" s="651"/>
      <c r="N10" s="651"/>
      <c r="O10" s="651"/>
      <c r="P10" s="651"/>
      <c r="Q10" s="651"/>
      <c r="R10" s="651"/>
      <c r="S10" s="651"/>
      <c r="T10" s="651"/>
      <c r="U10" s="651"/>
      <c r="V10" s="651"/>
      <c r="W10" s="651"/>
      <c r="X10" s="651"/>
      <c r="Y10" s="651"/>
      <c r="Z10" s="651"/>
      <c r="AA10" s="651"/>
      <c r="AB10" s="651"/>
      <c r="AC10" s="651"/>
    </row>
    <row r="11" spans="2:29" x14ac:dyDescent="0.15">
      <c r="B11" s="651"/>
      <c r="C11" s="651"/>
      <c r="D11" s="651"/>
      <c r="E11" s="651"/>
      <c r="F11" s="651"/>
      <c r="G11" s="651"/>
      <c r="H11" s="651"/>
      <c r="I11" s="651"/>
      <c r="J11" s="651"/>
      <c r="K11" s="651"/>
      <c r="L11" s="651"/>
      <c r="M11" s="651"/>
      <c r="N11" s="651"/>
      <c r="O11" s="651"/>
      <c r="P11" s="651"/>
      <c r="Q11" s="651"/>
      <c r="R11" s="651"/>
      <c r="S11" s="651"/>
      <c r="T11" s="651"/>
      <c r="U11" s="651"/>
      <c r="V11" s="651"/>
      <c r="W11" s="651"/>
      <c r="X11" s="651"/>
      <c r="Y11" s="651"/>
      <c r="Z11" s="651"/>
      <c r="AA11" s="651"/>
      <c r="AB11" s="651"/>
      <c r="AC11" s="651"/>
    </row>
    <row r="12" spans="2:29" x14ac:dyDescent="0.15">
      <c r="B12" s="651"/>
      <c r="C12" s="651"/>
      <c r="D12" s="651"/>
      <c r="E12" s="651"/>
      <c r="F12" s="651"/>
      <c r="G12" s="651"/>
      <c r="H12" s="651"/>
      <c r="I12" s="651"/>
      <c r="J12" s="651"/>
      <c r="K12" s="651"/>
      <c r="L12" s="651"/>
      <c r="M12" s="651"/>
      <c r="N12" s="651"/>
      <c r="O12" s="651"/>
      <c r="P12" s="651"/>
      <c r="Q12" s="651"/>
      <c r="R12" s="651"/>
      <c r="S12" s="651"/>
      <c r="T12" s="651"/>
      <c r="U12" s="651"/>
      <c r="V12" s="651"/>
      <c r="W12" s="651"/>
      <c r="X12" s="651"/>
      <c r="Y12" s="651"/>
      <c r="Z12" s="651"/>
      <c r="AA12" s="651"/>
      <c r="AB12" s="651"/>
      <c r="AC12" s="651"/>
    </row>
    <row r="15" spans="2:29" x14ac:dyDescent="0.15">
      <c r="B15" s="21" t="s">
        <v>41</v>
      </c>
    </row>
    <row r="17" spans="1:29" x14ac:dyDescent="0.15">
      <c r="B17" s="652" t="s">
        <v>40</v>
      </c>
      <c r="C17" s="652"/>
      <c r="D17" s="652"/>
      <c r="E17" s="652"/>
      <c r="F17" s="652"/>
      <c r="G17" s="652"/>
      <c r="H17" s="652"/>
      <c r="I17" s="652"/>
      <c r="J17" s="652"/>
      <c r="K17" s="652"/>
      <c r="L17" s="652"/>
      <c r="M17" s="652"/>
      <c r="N17" s="652"/>
      <c r="O17" s="652"/>
      <c r="P17" s="652"/>
      <c r="Q17" s="652"/>
      <c r="R17" s="652"/>
      <c r="S17" s="652"/>
      <c r="T17" s="652"/>
      <c r="U17" s="652"/>
      <c r="V17" s="652"/>
      <c r="W17" s="652"/>
      <c r="X17" s="652"/>
      <c r="Y17" s="652"/>
      <c r="Z17" s="652"/>
      <c r="AA17" s="652"/>
      <c r="AB17" s="652"/>
      <c r="AC17" s="652"/>
    </row>
    <row r="19" spans="1:29" x14ac:dyDescent="0.15">
      <c r="A19" s="21" t="s">
        <v>39</v>
      </c>
    </row>
    <row r="21" spans="1:29" s="24" customFormat="1" ht="54.75" customHeight="1" x14ac:dyDescent="0.15">
      <c r="B21" s="639" t="s">
        <v>38</v>
      </c>
      <c r="C21" s="640"/>
      <c r="D21" s="640"/>
      <c r="E21" s="640"/>
      <c r="F21" s="640"/>
      <c r="G21" s="640"/>
      <c r="H21" s="640"/>
      <c r="I21" s="640"/>
      <c r="J21" s="653"/>
      <c r="K21" s="639" t="s">
        <v>37</v>
      </c>
      <c r="L21" s="640"/>
      <c r="M21" s="640"/>
      <c r="N21" s="640"/>
      <c r="O21" s="640"/>
      <c r="P21" s="640"/>
      <c r="Q21" s="640"/>
      <c r="R21" s="640"/>
      <c r="S21" s="640"/>
      <c r="T21" s="640"/>
      <c r="U21" s="640"/>
      <c r="V21" s="653"/>
      <c r="W21" s="654" t="s">
        <v>36</v>
      </c>
      <c r="X21" s="655"/>
      <c r="Y21" s="655"/>
      <c r="Z21" s="655"/>
      <c r="AA21" s="655"/>
      <c r="AB21" s="655"/>
      <c r="AC21" s="656"/>
    </row>
    <row r="22" spans="1:29" s="24" customFormat="1" ht="33" customHeight="1" x14ac:dyDescent="0.15">
      <c r="B22" s="648" t="s">
        <v>35</v>
      </c>
      <c r="C22" s="649"/>
      <c r="D22" s="649"/>
      <c r="E22" s="649"/>
      <c r="F22" s="649"/>
      <c r="G22" s="649"/>
      <c r="H22" s="649"/>
      <c r="I22" s="649"/>
      <c r="J22" s="650"/>
      <c r="K22" s="636" t="s">
        <v>34</v>
      </c>
      <c r="L22" s="637"/>
      <c r="M22" s="637"/>
      <c r="N22" s="637"/>
      <c r="O22" s="637"/>
      <c r="P22" s="637"/>
      <c r="Q22" s="637"/>
      <c r="R22" s="637"/>
      <c r="S22" s="637"/>
      <c r="T22" s="637"/>
      <c r="U22" s="637"/>
      <c r="V22" s="637"/>
      <c r="W22" s="639"/>
      <c r="X22" s="640"/>
      <c r="Y22" s="640"/>
      <c r="Z22" s="640"/>
      <c r="AA22" s="640"/>
      <c r="AB22" s="640"/>
      <c r="AC22" s="25" t="s">
        <v>23</v>
      </c>
    </row>
    <row r="23" spans="1:29" s="24" customFormat="1" ht="34.5" customHeight="1" x14ac:dyDescent="0.15">
      <c r="B23" s="642"/>
      <c r="C23" s="643"/>
      <c r="D23" s="643"/>
      <c r="E23" s="643"/>
      <c r="F23" s="643"/>
      <c r="G23" s="643"/>
      <c r="H23" s="643"/>
      <c r="I23" s="643"/>
      <c r="J23" s="644"/>
      <c r="K23" s="636" t="s">
        <v>33</v>
      </c>
      <c r="L23" s="637"/>
      <c r="M23" s="637"/>
      <c r="N23" s="637"/>
      <c r="O23" s="637"/>
      <c r="P23" s="637"/>
      <c r="Q23" s="637"/>
      <c r="R23" s="637"/>
      <c r="S23" s="637"/>
      <c r="T23" s="637"/>
      <c r="U23" s="637"/>
      <c r="V23" s="638"/>
      <c r="W23" s="639"/>
      <c r="X23" s="640"/>
      <c r="Y23" s="640"/>
      <c r="Z23" s="640"/>
      <c r="AA23" s="640"/>
      <c r="AB23" s="640"/>
      <c r="AC23" s="25" t="s">
        <v>23</v>
      </c>
    </row>
    <row r="24" spans="1:29" s="24" customFormat="1" ht="34.5" customHeight="1" x14ac:dyDescent="0.15">
      <c r="B24" s="642"/>
      <c r="C24" s="643"/>
      <c r="D24" s="643"/>
      <c r="E24" s="643"/>
      <c r="F24" s="643"/>
      <c r="G24" s="643"/>
      <c r="H24" s="643"/>
      <c r="I24" s="643"/>
      <c r="J24" s="644"/>
      <c r="K24" s="636" t="s">
        <v>32</v>
      </c>
      <c r="L24" s="637"/>
      <c r="M24" s="637"/>
      <c r="N24" s="637"/>
      <c r="O24" s="637"/>
      <c r="P24" s="637"/>
      <c r="Q24" s="637"/>
      <c r="R24" s="637"/>
      <c r="S24" s="637"/>
      <c r="T24" s="637"/>
      <c r="U24" s="637"/>
      <c r="V24" s="638"/>
      <c r="W24" s="639"/>
      <c r="X24" s="640"/>
      <c r="Y24" s="640"/>
      <c r="Z24" s="640"/>
      <c r="AA24" s="640"/>
      <c r="AB24" s="640"/>
      <c r="AC24" s="25" t="s">
        <v>23</v>
      </c>
    </row>
    <row r="25" spans="1:29" s="24" customFormat="1" ht="34.5" customHeight="1" x14ac:dyDescent="0.15">
      <c r="B25" s="642"/>
      <c r="C25" s="643"/>
      <c r="D25" s="643"/>
      <c r="E25" s="643"/>
      <c r="F25" s="643"/>
      <c r="G25" s="643"/>
      <c r="H25" s="643"/>
      <c r="I25" s="643"/>
      <c r="J25" s="644"/>
      <c r="K25" s="636" t="s">
        <v>31</v>
      </c>
      <c r="L25" s="637"/>
      <c r="M25" s="637"/>
      <c r="N25" s="637"/>
      <c r="O25" s="637"/>
      <c r="P25" s="637"/>
      <c r="Q25" s="637"/>
      <c r="R25" s="637"/>
      <c r="S25" s="637"/>
      <c r="T25" s="637"/>
      <c r="U25" s="637"/>
      <c r="V25" s="638"/>
      <c r="W25" s="639"/>
      <c r="X25" s="640"/>
      <c r="Y25" s="640"/>
      <c r="Z25" s="640"/>
      <c r="AA25" s="640"/>
      <c r="AB25" s="640"/>
      <c r="AC25" s="25" t="s">
        <v>23</v>
      </c>
    </row>
    <row r="26" spans="1:29" s="24" customFormat="1" ht="34.5" customHeight="1" x14ac:dyDescent="0.15">
      <c r="B26" s="645"/>
      <c r="C26" s="646"/>
      <c r="D26" s="646"/>
      <c r="E26" s="646"/>
      <c r="F26" s="646"/>
      <c r="G26" s="646"/>
      <c r="H26" s="646"/>
      <c r="I26" s="646"/>
      <c r="J26" s="647"/>
      <c r="K26" s="636" t="s">
        <v>30</v>
      </c>
      <c r="L26" s="637"/>
      <c r="M26" s="637"/>
      <c r="N26" s="637"/>
      <c r="O26" s="637"/>
      <c r="P26" s="637"/>
      <c r="Q26" s="637"/>
      <c r="R26" s="637"/>
      <c r="S26" s="637"/>
      <c r="T26" s="637"/>
      <c r="U26" s="637"/>
      <c r="V26" s="638"/>
      <c r="W26" s="639"/>
      <c r="X26" s="640"/>
      <c r="Y26" s="640"/>
      <c r="Z26" s="640"/>
      <c r="AA26" s="640"/>
      <c r="AB26" s="640"/>
      <c r="AC26" s="25" t="s">
        <v>23</v>
      </c>
    </row>
    <row r="27" spans="1:29" s="24" customFormat="1" ht="34.5" customHeight="1" x14ac:dyDescent="0.15">
      <c r="B27" s="642" t="s">
        <v>29</v>
      </c>
      <c r="C27" s="643"/>
      <c r="D27" s="643"/>
      <c r="E27" s="643"/>
      <c r="F27" s="643"/>
      <c r="G27" s="643"/>
      <c r="H27" s="643"/>
      <c r="I27" s="643"/>
      <c r="J27" s="644"/>
      <c r="K27" s="636" t="s">
        <v>28</v>
      </c>
      <c r="L27" s="637"/>
      <c r="M27" s="637"/>
      <c r="N27" s="637"/>
      <c r="O27" s="637"/>
      <c r="P27" s="637"/>
      <c r="Q27" s="637"/>
      <c r="R27" s="637"/>
      <c r="S27" s="637"/>
      <c r="T27" s="637"/>
      <c r="U27" s="637"/>
      <c r="V27" s="638"/>
      <c r="W27" s="639"/>
      <c r="X27" s="640"/>
      <c r="Y27" s="640"/>
      <c r="Z27" s="640"/>
      <c r="AA27" s="640"/>
      <c r="AB27" s="640"/>
      <c r="AC27" s="25" t="s">
        <v>23</v>
      </c>
    </row>
    <row r="28" spans="1:29" s="24" customFormat="1" ht="34.5" customHeight="1" x14ac:dyDescent="0.15">
      <c r="B28" s="642"/>
      <c r="C28" s="643"/>
      <c r="D28" s="643"/>
      <c r="E28" s="643"/>
      <c r="F28" s="643"/>
      <c r="G28" s="643"/>
      <c r="H28" s="643"/>
      <c r="I28" s="643"/>
      <c r="J28" s="644"/>
      <c r="K28" s="636" t="s">
        <v>27</v>
      </c>
      <c r="L28" s="637"/>
      <c r="M28" s="637"/>
      <c r="N28" s="637"/>
      <c r="O28" s="637"/>
      <c r="P28" s="637"/>
      <c r="Q28" s="637"/>
      <c r="R28" s="637"/>
      <c r="S28" s="637"/>
      <c r="T28" s="637"/>
      <c r="U28" s="637"/>
      <c r="V28" s="638"/>
      <c r="W28" s="639"/>
      <c r="X28" s="640"/>
      <c r="Y28" s="640"/>
      <c r="Z28" s="640"/>
      <c r="AA28" s="640"/>
      <c r="AB28" s="640"/>
      <c r="AC28" s="25" t="s">
        <v>23</v>
      </c>
    </row>
    <row r="29" spans="1:29" s="24" customFormat="1" ht="34.5" customHeight="1" x14ac:dyDescent="0.15">
      <c r="B29" s="645"/>
      <c r="C29" s="646"/>
      <c r="D29" s="646"/>
      <c r="E29" s="646"/>
      <c r="F29" s="646"/>
      <c r="G29" s="646"/>
      <c r="H29" s="646"/>
      <c r="I29" s="646"/>
      <c r="J29" s="647"/>
      <c r="K29" s="636" t="s">
        <v>26</v>
      </c>
      <c r="L29" s="637"/>
      <c r="M29" s="637"/>
      <c r="N29" s="637"/>
      <c r="O29" s="637"/>
      <c r="P29" s="637"/>
      <c r="Q29" s="637"/>
      <c r="R29" s="637"/>
      <c r="S29" s="637"/>
      <c r="T29" s="637"/>
      <c r="U29" s="637"/>
      <c r="V29" s="638"/>
      <c r="W29" s="639"/>
      <c r="X29" s="640"/>
      <c r="Y29" s="640"/>
      <c r="Z29" s="640"/>
      <c r="AA29" s="640"/>
      <c r="AB29" s="640"/>
      <c r="AC29" s="25" t="s">
        <v>23</v>
      </c>
    </row>
    <row r="30" spans="1:29" s="24" customFormat="1" ht="34.5" customHeight="1" x14ac:dyDescent="0.15">
      <c r="B30" s="636" t="s">
        <v>25</v>
      </c>
      <c r="C30" s="637"/>
      <c r="D30" s="637"/>
      <c r="E30" s="637"/>
      <c r="F30" s="637"/>
      <c r="G30" s="637"/>
      <c r="H30" s="637"/>
      <c r="I30" s="637"/>
      <c r="J30" s="638"/>
      <c r="K30" s="639"/>
      <c r="L30" s="640"/>
      <c r="M30" s="640"/>
      <c r="N30" s="640"/>
      <c r="O30" s="640"/>
      <c r="P30" s="640"/>
      <c r="Q30" s="640"/>
      <c r="R30" s="640"/>
      <c r="S30" s="640"/>
      <c r="T30" s="640"/>
      <c r="U30" s="640"/>
      <c r="V30" s="640"/>
      <c r="W30" s="640"/>
      <c r="X30" s="640"/>
      <c r="Y30" s="640"/>
      <c r="Z30" s="640"/>
      <c r="AA30" s="640"/>
      <c r="AB30" s="640"/>
      <c r="AC30" s="25" t="s">
        <v>23</v>
      </c>
    </row>
    <row r="31" spans="1:29" s="24" customFormat="1" ht="34.5" customHeight="1" x14ac:dyDescent="0.15">
      <c r="B31" s="636" t="s">
        <v>24</v>
      </c>
      <c r="C31" s="637"/>
      <c r="D31" s="637"/>
      <c r="E31" s="637"/>
      <c r="F31" s="637"/>
      <c r="G31" s="637"/>
      <c r="H31" s="637"/>
      <c r="I31" s="637"/>
      <c r="J31" s="638"/>
      <c r="K31" s="639"/>
      <c r="L31" s="640"/>
      <c r="M31" s="640"/>
      <c r="N31" s="640"/>
      <c r="O31" s="640"/>
      <c r="P31" s="640"/>
      <c r="Q31" s="640"/>
      <c r="R31" s="640"/>
      <c r="S31" s="640"/>
      <c r="T31" s="640"/>
      <c r="U31" s="640"/>
      <c r="V31" s="640"/>
      <c r="W31" s="640"/>
      <c r="X31" s="640"/>
      <c r="Y31" s="640"/>
      <c r="Z31" s="640"/>
      <c r="AA31" s="640"/>
      <c r="AB31" s="640"/>
      <c r="AC31" s="25" t="s">
        <v>23</v>
      </c>
    </row>
    <row r="33" spans="1:20" x14ac:dyDescent="0.15">
      <c r="A33" s="21" t="s">
        <v>22</v>
      </c>
      <c r="J33" s="641"/>
      <c r="K33" s="641"/>
      <c r="L33" s="641"/>
      <c r="M33" s="641"/>
      <c r="N33" s="21" t="s">
        <v>11</v>
      </c>
      <c r="O33" s="641"/>
      <c r="P33" s="641"/>
      <c r="Q33" s="21" t="s">
        <v>21</v>
      </c>
      <c r="R33" s="641"/>
      <c r="S33" s="641"/>
      <c r="T33" s="21" t="s">
        <v>20</v>
      </c>
    </row>
    <row r="119" spans="3:7" x14ac:dyDescent="0.15">
      <c r="C119" s="23"/>
      <c r="D119" s="23"/>
      <c r="E119" s="23"/>
      <c r="F119" s="23"/>
      <c r="G119" s="23"/>
    </row>
    <row r="120" spans="3:7" x14ac:dyDescent="0.15">
      <c r="C120" s="22"/>
    </row>
  </sheetData>
  <mergeCells count="36">
    <mergeCell ref="Q7:AC7"/>
    <mergeCell ref="U4:V4"/>
    <mergeCell ref="X4:Y4"/>
    <mergeCell ref="AA4:AB4"/>
    <mergeCell ref="B5:G5"/>
    <mergeCell ref="H5:J5"/>
    <mergeCell ref="B10:AC12"/>
    <mergeCell ref="B17:AC17"/>
    <mergeCell ref="B21:J21"/>
    <mergeCell ref="K21:V21"/>
    <mergeCell ref="W21:AC21"/>
    <mergeCell ref="B22:J26"/>
    <mergeCell ref="K22:V22"/>
    <mergeCell ref="W22:AB22"/>
    <mergeCell ref="K23:V23"/>
    <mergeCell ref="W23:AB23"/>
    <mergeCell ref="K24:V24"/>
    <mergeCell ref="W24:AB24"/>
    <mergeCell ref="K25:V25"/>
    <mergeCell ref="W25:AB25"/>
    <mergeCell ref="K26:V26"/>
    <mergeCell ref="W26:AB26"/>
    <mergeCell ref="B27:J29"/>
    <mergeCell ref="K27:V27"/>
    <mergeCell ref="W27:AB27"/>
    <mergeCell ref="K28:V28"/>
    <mergeCell ref="W28:AB28"/>
    <mergeCell ref="K29:V29"/>
    <mergeCell ref="W29:AB29"/>
    <mergeCell ref="B30:J30"/>
    <mergeCell ref="K30:AB30"/>
    <mergeCell ref="B31:J31"/>
    <mergeCell ref="K31:AB31"/>
    <mergeCell ref="J33:M33"/>
    <mergeCell ref="O33:P33"/>
    <mergeCell ref="R33:S33"/>
  </mergeCells>
  <phoneticPr fontId="2"/>
  <pageMargins left="0.7" right="0.7" top="0.75" bottom="0.75" header="0.3" footer="0.3"/>
  <pageSetup paperSize="9" scale="79"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AB114"/>
  <sheetViews>
    <sheetView zoomScaleNormal="100" workbookViewId="0">
      <selection activeCell="AK8" sqref="AK8"/>
    </sheetView>
  </sheetViews>
  <sheetFormatPr defaultColWidth="4" defaultRowHeight="13.5" x14ac:dyDescent="0.15"/>
  <cols>
    <col min="1" max="1" width="2.875" style="8" customWidth="1"/>
    <col min="2" max="2" width="2.375" style="8" customWidth="1"/>
    <col min="3" max="11" width="3.625" style="8" customWidth="1"/>
    <col min="12" max="12" width="4.5" style="8" customWidth="1"/>
    <col min="13" max="21" width="3.625" style="8" customWidth="1"/>
    <col min="22" max="22" width="2.875" style="8" customWidth="1"/>
    <col min="23" max="23" width="2.125" style="8" customWidth="1"/>
    <col min="24" max="27" width="3.25" style="8" customWidth="1"/>
    <col min="28" max="28" width="3.75" style="8" customWidth="1"/>
    <col min="29" max="29" width="0.875" style="8" customWidth="1"/>
    <col min="30" max="16384" width="4" style="8"/>
  </cols>
  <sheetData>
    <row r="2" spans="2:28" x14ac:dyDescent="0.15">
      <c r="B2" s="8" t="s">
        <v>331</v>
      </c>
    </row>
    <row r="3" spans="2:28" x14ac:dyDescent="0.15">
      <c r="Q3" s="182"/>
      <c r="R3" s="182"/>
      <c r="S3" s="17" t="s">
        <v>12</v>
      </c>
      <c r="T3" s="778"/>
      <c r="U3" s="778"/>
      <c r="V3" s="18" t="s">
        <v>11</v>
      </c>
      <c r="W3" s="778"/>
      <c r="X3" s="778"/>
      <c r="Y3" s="18" t="s">
        <v>21</v>
      </c>
      <c r="Z3" s="778"/>
      <c r="AA3" s="778"/>
      <c r="AB3" s="18" t="s">
        <v>20</v>
      </c>
    </row>
    <row r="4" spans="2:28" x14ac:dyDescent="0.15">
      <c r="S4" s="182"/>
      <c r="T4" s="182"/>
      <c r="U4" s="182"/>
    </row>
    <row r="5" spans="2:28" ht="20.100000000000001" customHeight="1" x14ac:dyDescent="0.15">
      <c r="B5" s="778" t="s">
        <v>330</v>
      </c>
      <c r="C5" s="778"/>
      <c r="D5" s="778"/>
      <c r="E5" s="778"/>
      <c r="F5" s="778"/>
      <c r="G5" s="778"/>
      <c r="H5" s="778"/>
      <c r="I5" s="778"/>
      <c r="J5" s="778"/>
      <c r="K5" s="778"/>
      <c r="L5" s="778"/>
      <c r="M5" s="778"/>
      <c r="N5" s="778"/>
      <c r="O5" s="778"/>
      <c r="P5" s="778"/>
      <c r="Q5" s="778"/>
      <c r="R5" s="778"/>
      <c r="S5" s="778"/>
      <c r="T5" s="778"/>
      <c r="U5" s="778"/>
      <c r="V5" s="778"/>
      <c r="W5" s="778"/>
      <c r="X5" s="778"/>
      <c r="Y5" s="778"/>
      <c r="Z5" s="778"/>
      <c r="AA5" s="778"/>
      <c r="AB5" s="778"/>
    </row>
    <row r="7" spans="2:28" ht="23.25" customHeight="1" x14ac:dyDescent="0.15">
      <c r="B7" s="780" t="s">
        <v>258</v>
      </c>
      <c r="C7" s="781"/>
      <c r="D7" s="781"/>
      <c r="E7" s="781"/>
      <c r="F7" s="782"/>
      <c r="G7" s="780"/>
      <c r="H7" s="781"/>
      <c r="I7" s="781"/>
      <c r="J7" s="781"/>
      <c r="K7" s="781"/>
      <c r="L7" s="781"/>
      <c r="M7" s="781"/>
      <c r="N7" s="781"/>
      <c r="O7" s="781"/>
      <c r="P7" s="781"/>
      <c r="Q7" s="781"/>
      <c r="R7" s="781"/>
      <c r="S7" s="781"/>
      <c r="T7" s="781"/>
      <c r="U7" s="781"/>
      <c r="V7" s="781"/>
      <c r="W7" s="781"/>
      <c r="X7" s="781"/>
      <c r="Y7" s="781"/>
      <c r="Z7" s="781"/>
      <c r="AA7" s="781"/>
      <c r="AB7" s="782"/>
    </row>
    <row r="8" spans="2:28" ht="23.25" customHeight="1" x14ac:dyDescent="0.15">
      <c r="B8" s="780" t="s">
        <v>257</v>
      </c>
      <c r="C8" s="781"/>
      <c r="D8" s="781"/>
      <c r="E8" s="781"/>
      <c r="F8" s="782"/>
      <c r="G8" s="180" t="s">
        <v>0</v>
      </c>
      <c r="H8" s="168" t="s">
        <v>242</v>
      </c>
      <c r="I8" s="168"/>
      <c r="J8" s="168"/>
      <c r="K8" s="168"/>
      <c r="L8" s="179" t="s">
        <v>0</v>
      </c>
      <c r="M8" s="168" t="s">
        <v>241</v>
      </c>
      <c r="N8" s="168"/>
      <c r="O8" s="168"/>
      <c r="P8" s="168"/>
      <c r="Q8" s="179" t="s">
        <v>0</v>
      </c>
      <c r="R8" s="168" t="s">
        <v>240</v>
      </c>
      <c r="S8" s="168"/>
      <c r="T8" s="168"/>
      <c r="U8" s="177"/>
      <c r="V8" s="177"/>
      <c r="W8" s="177"/>
      <c r="X8" s="177"/>
      <c r="Y8" s="177"/>
      <c r="Z8" s="177"/>
      <c r="AA8" s="177"/>
      <c r="AB8" s="176"/>
    </row>
    <row r="10" spans="2:28" x14ac:dyDescent="0.15">
      <c r="B10" s="158"/>
      <c r="C10" s="157"/>
      <c r="D10" s="157"/>
      <c r="E10" s="157"/>
      <c r="F10" s="157"/>
      <c r="G10" s="157"/>
      <c r="H10" s="157"/>
      <c r="I10" s="157"/>
      <c r="J10" s="157"/>
      <c r="K10" s="157"/>
      <c r="L10" s="157"/>
      <c r="M10" s="157"/>
      <c r="N10" s="157"/>
      <c r="O10" s="157"/>
      <c r="P10" s="157"/>
      <c r="Q10" s="157"/>
      <c r="R10" s="157"/>
      <c r="S10" s="157"/>
      <c r="T10" s="157"/>
      <c r="U10" s="157"/>
      <c r="V10" s="157"/>
      <c r="W10" s="157"/>
      <c r="X10" s="158"/>
      <c r="Y10" s="157"/>
      <c r="Z10" s="157"/>
      <c r="AA10" s="157"/>
      <c r="AB10" s="156"/>
    </row>
    <row r="11" spans="2:28" x14ac:dyDescent="0.15">
      <c r="B11" s="9" t="s">
        <v>329</v>
      </c>
      <c r="X11" s="9"/>
      <c r="Y11" s="152" t="s">
        <v>227</v>
      </c>
      <c r="Z11" s="152" t="s">
        <v>217</v>
      </c>
      <c r="AA11" s="152" t="s">
        <v>226</v>
      </c>
      <c r="AB11" s="149"/>
    </row>
    <row r="12" spans="2:28" ht="6" customHeight="1" x14ac:dyDescent="0.15">
      <c r="B12" s="9"/>
      <c r="X12" s="9"/>
      <c r="AB12" s="149"/>
    </row>
    <row r="13" spans="2:28" ht="36" customHeight="1" x14ac:dyDescent="0.15">
      <c r="B13" s="9"/>
      <c r="C13" s="789" t="s">
        <v>312</v>
      </c>
      <c r="D13" s="789"/>
      <c r="E13" s="789"/>
      <c r="F13" s="789"/>
      <c r="G13" s="789"/>
      <c r="H13" s="789"/>
      <c r="I13" s="789"/>
      <c r="J13" s="789"/>
      <c r="K13" s="789"/>
      <c r="L13" s="789"/>
      <c r="M13" s="789"/>
      <c r="N13" s="789"/>
      <c r="O13" s="789"/>
      <c r="P13" s="789"/>
      <c r="Q13" s="789"/>
      <c r="R13" s="789"/>
      <c r="S13" s="789"/>
      <c r="T13" s="789"/>
      <c r="U13" s="789"/>
      <c r="V13" s="789"/>
      <c r="W13" s="805"/>
      <c r="X13" s="20"/>
      <c r="Y13" s="178" t="s">
        <v>0</v>
      </c>
      <c r="Z13" s="178" t="s">
        <v>217</v>
      </c>
      <c r="AA13" s="178" t="s">
        <v>0</v>
      </c>
      <c r="AB13" s="150"/>
    </row>
    <row r="14" spans="2:28" ht="20.100000000000001" customHeight="1" x14ac:dyDescent="0.15">
      <c r="B14" s="9"/>
      <c r="C14" s="809" t="s">
        <v>311</v>
      </c>
      <c r="D14" s="809"/>
      <c r="E14" s="809"/>
      <c r="F14" s="809"/>
      <c r="G14" s="809"/>
      <c r="H14" s="809"/>
      <c r="I14" s="809"/>
      <c r="J14" s="809"/>
      <c r="K14" s="809"/>
      <c r="L14" s="809"/>
      <c r="M14" s="809"/>
      <c r="N14" s="809"/>
      <c r="O14" s="809"/>
      <c r="P14" s="809"/>
      <c r="Q14" s="809"/>
      <c r="R14" s="809"/>
      <c r="S14" s="809"/>
      <c r="T14" s="809"/>
      <c r="U14" s="809"/>
      <c r="V14" s="809"/>
      <c r="W14" s="821"/>
      <c r="X14" s="20"/>
      <c r="Y14" s="178" t="s">
        <v>0</v>
      </c>
      <c r="Z14" s="178" t="s">
        <v>217</v>
      </c>
      <c r="AA14" s="178" t="s">
        <v>0</v>
      </c>
      <c r="AB14" s="150"/>
    </row>
    <row r="15" spans="2:28" ht="33.75" customHeight="1" x14ac:dyDescent="0.15">
      <c r="B15" s="9"/>
      <c r="C15" s="789" t="s">
        <v>310</v>
      </c>
      <c r="D15" s="789"/>
      <c r="E15" s="789"/>
      <c r="F15" s="789"/>
      <c r="G15" s="789"/>
      <c r="H15" s="789"/>
      <c r="I15" s="789"/>
      <c r="J15" s="789"/>
      <c r="K15" s="789"/>
      <c r="L15" s="789"/>
      <c r="M15" s="789"/>
      <c r="N15" s="789"/>
      <c r="O15" s="789"/>
      <c r="P15" s="789"/>
      <c r="Q15" s="789"/>
      <c r="R15" s="789"/>
      <c r="S15" s="789"/>
      <c r="T15" s="789"/>
      <c r="U15" s="789"/>
      <c r="V15" s="789"/>
      <c r="W15" s="805"/>
      <c r="X15" s="20"/>
      <c r="Y15" s="178" t="s">
        <v>0</v>
      </c>
      <c r="Z15" s="178" t="s">
        <v>217</v>
      </c>
      <c r="AA15" s="178" t="s">
        <v>0</v>
      </c>
      <c r="AB15" s="150"/>
    </row>
    <row r="16" spans="2:28" ht="20.100000000000001" customHeight="1" x14ac:dyDescent="0.15">
      <c r="B16" s="9"/>
      <c r="C16" s="809" t="s">
        <v>309</v>
      </c>
      <c r="D16" s="809"/>
      <c r="E16" s="809"/>
      <c r="F16" s="809"/>
      <c r="G16" s="809"/>
      <c r="H16" s="809"/>
      <c r="I16" s="809"/>
      <c r="J16" s="809"/>
      <c r="K16" s="809"/>
      <c r="L16" s="809"/>
      <c r="M16" s="809"/>
      <c r="N16" s="809"/>
      <c r="O16" s="809"/>
      <c r="P16" s="809"/>
      <c r="Q16" s="809"/>
      <c r="R16" s="809"/>
      <c r="S16" s="809"/>
      <c r="T16" s="809"/>
      <c r="U16" s="809"/>
      <c r="V16" s="809"/>
      <c r="W16" s="821"/>
      <c r="X16" s="20"/>
      <c r="Y16" s="178" t="s">
        <v>0</v>
      </c>
      <c r="Z16" s="178" t="s">
        <v>217</v>
      </c>
      <c r="AA16" s="178" t="s">
        <v>0</v>
      </c>
      <c r="AB16" s="150"/>
    </row>
    <row r="17" spans="2:28" ht="20.100000000000001" customHeight="1" x14ac:dyDescent="0.15">
      <c r="B17" s="9"/>
      <c r="C17" s="809" t="s">
        <v>308</v>
      </c>
      <c r="D17" s="809"/>
      <c r="E17" s="809"/>
      <c r="F17" s="809"/>
      <c r="G17" s="809"/>
      <c r="H17" s="809"/>
      <c r="I17" s="809"/>
      <c r="J17" s="809"/>
      <c r="K17" s="809"/>
      <c r="L17" s="809"/>
      <c r="M17" s="809"/>
      <c r="N17" s="809"/>
      <c r="O17" s="809"/>
      <c r="P17" s="809"/>
      <c r="Q17" s="809"/>
      <c r="R17" s="809"/>
      <c r="S17" s="809"/>
      <c r="T17" s="809"/>
      <c r="U17" s="809"/>
      <c r="V17" s="809"/>
      <c r="W17" s="821"/>
      <c r="X17" s="20"/>
      <c r="Y17" s="178" t="s">
        <v>0</v>
      </c>
      <c r="Z17" s="178" t="s">
        <v>217</v>
      </c>
      <c r="AA17" s="178" t="s">
        <v>0</v>
      </c>
      <c r="AB17" s="150"/>
    </row>
    <row r="18" spans="2:28" ht="31.5" customHeight="1" x14ac:dyDescent="0.15">
      <c r="B18" s="9"/>
      <c r="C18" s="789" t="s">
        <v>328</v>
      </c>
      <c r="D18" s="789"/>
      <c r="E18" s="789"/>
      <c r="F18" s="789"/>
      <c r="G18" s="789"/>
      <c r="H18" s="789"/>
      <c r="I18" s="789"/>
      <c r="J18" s="789"/>
      <c r="K18" s="789"/>
      <c r="L18" s="789"/>
      <c r="M18" s="789"/>
      <c r="N18" s="789"/>
      <c r="O18" s="789"/>
      <c r="P18" s="789"/>
      <c r="Q18" s="789"/>
      <c r="R18" s="789"/>
      <c r="S18" s="789"/>
      <c r="T18" s="789"/>
      <c r="U18" s="789"/>
      <c r="V18" s="789"/>
      <c r="W18" s="805"/>
      <c r="X18" s="20"/>
      <c r="Y18" s="178" t="s">
        <v>0</v>
      </c>
      <c r="Z18" s="178" t="s">
        <v>217</v>
      </c>
      <c r="AA18" s="178" t="s">
        <v>0</v>
      </c>
      <c r="AB18" s="150"/>
    </row>
    <row r="19" spans="2:28" ht="21" customHeight="1" x14ac:dyDescent="0.15">
      <c r="B19" s="9"/>
      <c r="C19" s="14" t="s">
        <v>272</v>
      </c>
      <c r="D19" s="178" t="s">
        <v>0</v>
      </c>
      <c r="E19" s="809" t="s">
        <v>271</v>
      </c>
      <c r="F19" s="809"/>
      <c r="G19" s="178" t="s">
        <v>0</v>
      </c>
      <c r="H19" s="789" t="s">
        <v>270</v>
      </c>
      <c r="I19" s="789"/>
      <c r="J19" s="16" t="s">
        <v>269</v>
      </c>
      <c r="K19" s="16"/>
      <c r="V19" s="154"/>
      <c r="W19" s="196"/>
      <c r="X19" s="20"/>
      <c r="Y19" s="178"/>
      <c r="Z19" s="178"/>
      <c r="AA19" s="178"/>
      <c r="AB19" s="150"/>
    </row>
    <row r="20" spans="2:28" ht="19.5" customHeight="1" x14ac:dyDescent="0.15">
      <c r="B20" s="9"/>
      <c r="C20" s="8" t="s">
        <v>327</v>
      </c>
      <c r="U20" s="154"/>
      <c r="V20" s="154"/>
      <c r="W20" s="196"/>
      <c r="X20" s="20"/>
      <c r="Y20" s="178"/>
      <c r="Z20" s="178"/>
      <c r="AA20" s="178"/>
      <c r="AB20" s="150"/>
    </row>
    <row r="21" spans="2:28" ht="31.5" customHeight="1" x14ac:dyDescent="0.15">
      <c r="B21" s="9"/>
      <c r="C21" s="198" t="s">
        <v>123</v>
      </c>
      <c r="D21" s="828" t="s">
        <v>326</v>
      </c>
      <c r="E21" s="829"/>
      <c r="F21" s="829"/>
      <c r="G21" s="829"/>
      <c r="H21" s="829"/>
      <c r="I21" s="829"/>
      <c r="J21" s="829"/>
      <c r="K21" s="829"/>
      <c r="L21" s="829"/>
      <c r="M21" s="829"/>
      <c r="N21" s="829"/>
      <c r="O21" s="829"/>
      <c r="P21" s="830"/>
      <c r="Q21" s="780"/>
      <c r="R21" s="781"/>
      <c r="S21" s="197" t="s">
        <v>175</v>
      </c>
      <c r="U21" s="154"/>
      <c r="V21" s="154"/>
      <c r="W21" s="196"/>
      <c r="X21" s="20"/>
      <c r="Y21" s="178"/>
      <c r="Z21" s="178"/>
      <c r="AA21" s="178"/>
      <c r="AB21" s="150"/>
    </row>
    <row r="22" spans="2:28" ht="31.5" customHeight="1" x14ac:dyDescent="0.15">
      <c r="B22" s="9"/>
      <c r="C22" s="198" t="s">
        <v>124</v>
      </c>
      <c r="D22" s="791" t="s">
        <v>325</v>
      </c>
      <c r="E22" s="792"/>
      <c r="F22" s="792"/>
      <c r="G22" s="792"/>
      <c r="H22" s="792"/>
      <c r="I22" s="792"/>
      <c r="J22" s="792"/>
      <c r="K22" s="792"/>
      <c r="L22" s="792"/>
      <c r="M22" s="792"/>
      <c r="N22" s="792"/>
      <c r="O22" s="792"/>
      <c r="P22" s="793"/>
      <c r="Q22" s="780"/>
      <c r="R22" s="781"/>
      <c r="S22" s="197" t="s">
        <v>175</v>
      </c>
      <c r="T22" s="8" t="s">
        <v>275</v>
      </c>
      <c r="U22" s="827" t="s">
        <v>324</v>
      </c>
      <c r="V22" s="827"/>
      <c r="W22" s="831"/>
      <c r="X22" s="20"/>
      <c r="Y22" s="178" t="s">
        <v>0</v>
      </c>
      <c r="Z22" s="178" t="s">
        <v>217</v>
      </c>
      <c r="AA22" s="178" t="s">
        <v>0</v>
      </c>
      <c r="AB22" s="150"/>
    </row>
    <row r="23" spans="2:28" ht="10.5" customHeight="1" x14ac:dyDescent="0.15">
      <c r="B23" s="9"/>
      <c r="U23" s="154"/>
      <c r="V23" s="154"/>
      <c r="W23" s="196"/>
      <c r="X23" s="20"/>
      <c r="Y23" s="178"/>
      <c r="Z23" s="178"/>
      <c r="AA23" s="178"/>
      <c r="AB23" s="150"/>
    </row>
    <row r="24" spans="2:28" ht="48.75" customHeight="1" x14ac:dyDescent="0.15">
      <c r="B24" s="9"/>
      <c r="C24" s="789" t="s">
        <v>323</v>
      </c>
      <c r="D24" s="789"/>
      <c r="E24" s="789"/>
      <c r="F24" s="789"/>
      <c r="G24" s="789"/>
      <c r="H24" s="789"/>
      <c r="I24" s="789"/>
      <c r="J24" s="789"/>
      <c r="K24" s="789"/>
      <c r="L24" s="789"/>
      <c r="M24" s="789"/>
      <c r="N24" s="789"/>
      <c r="O24" s="789"/>
      <c r="P24" s="789"/>
      <c r="Q24" s="789"/>
      <c r="R24" s="789"/>
      <c r="S24" s="789"/>
      <c r="T24" s="789"/>
      <c r="U24" s="789"/>
      <c r="V24" s="789"/>
      <c r="W24" s="805"/>
      <c r="X24" s="151"/>
      <c r="Y24" s="178" t="s">
        <v>0</v>
      </c>
      <c r="Z24" s="178" t="s">
        <v>217</v>
      </c>
      <c r="AA24" s="178" t="s">
        <v>0</v>
      </c>
      <c r="AB24" s="174"/>
    </row>
    <row r="25" spans="2:28" x14ac:dyDescent="0.15">
      <c r="B25" s="173"/>
      <c r="C25" s="172"/>
      <c r="D25" s="172"/>
      <c r="E25" s="172"/>
      <c r="F25" s="172"/>
      <c r="G25" s="172"/>
      <c r="H25" s="172"/>
      <c r="I25" s="172"/>
      <c r="J25" s="172"/>
      <c r="K25" s="172"/>
      <c r="L25" s="172"/>
      <c r="M25" s="172"/>
      <c r="N25" s="172"/>
      <c r="O25" s="172"/>
      <c r="P25" s="172"/>
      <c r="Q25" s="172"/>
      <c r="R25" s="172"/>
      <c r="S25" s="172"/>
      <c r="T25" s="172"/>
      <c r="U25" s="172"/>
      <c r="V25" s="172"/>
      <c r="W25" s="172"/>
      <c r="X25" s="163"/>
      <c r="Y25" s="143"/>
      <c r="Z25" s="143"/>
      <c r="AA25" s="143"/>
      <c r="AB25" s="170"/>
    </row>
    <row r="26" spans="2:28" ht="6" customHeight="1" x14ac:dyDescent="0.15"/>
    <row r="27" spans="2:28" ht="56.25" customHeight="1" x14ac:dyDescent="0.15">
      <c r="B27" s="195" t="s">
        <v>303</v>
      </c>
      <c r="C27" s="827" t="s">
        <v>322</v>
      </c>
      <c r="D27" s="827"/>
      <c r="E27" s="827"/>
      <c r="F27" s="827"/>
      <c r="G27" s="827"/>
      <c r="H27" s="827"/>
      <c r="I27" s="827"/>
      <c r="J27" s="827"/>
      <c r="K27" s="827"/>
      <c r="L27" s="827"/>
      <c r="M27" s="827"/>
      <c r="N27" s="827"/>
      <c r="O27" s="827"/>
      <c r="P27" s="827"/>
      <c r="Q27" s="827"/>
      <c r="R27" s="827"/>
      <c r="S27" s="827"/>
      <c r="T27" s="827"/>
      <c r="U27" s="827"/>
      <c r="V27" s="827"/>
      <c r="W27" s="827"/>
    </row>
    <row r="28" spans="2:28" x14ac:dyDescent="0.15">
      <c r="B28" s="8" t="s">
        <v>321</v>
      </c>
    </row>
    <row r="29" spans="2:28" ht="4.5" customHeight="1" x14ac:dyDescent="0.15"/>
    <row r="30" spans="2:28" x14ac:dyDescent="0.15">
      <c r="B30" s="8" t="s">
        <v>265</v>
      </c>
    </row>
    <row r="113" spans="3:7" x14ac:dyDescent="0.15">
      <c r="C113" s="172"/>
      <c r="D113" s="172"/>
      <c r="E113" s="172"/>
      <c r="F113" s="172"/>
      <c r="G113" s="172"/>
    </row>
    <row r="114" spans="3:7" x14ac:dyDescent="0.15">
      <c r="C114" s="157"/>
    </row>
  </sheetData>
  <mergeCells count="22">
    <mergeCell ref="C15:W15"/>
    <mergeCell ref="C16:W16"/>
    <mergeCell ref="C17:W17"/>
    <mergeCell ref="T3:U3"/>
    <mergeCell ref="W3:X3"/>
    <mergeCell ref="C13:W13"/>
    <mergeCell ref="C14:W14"/>
    <mergeCell ref="Z3:AA3"/>
    <mergeCell ref="B5:AB5"/>
    <mergeCell ref="B7:F7"/>
    <mergeCell ref="G7:AB7"/>
    <mergeCell ref="B8:F8"/>
    <mergeCell ref="C24:W24"/>
    <mergeCell ref="C27:W27"/>
    <mergeCell ref="C18:W18"/>
    <mergeCell ref="E19:F19"/>
    <mergeCell ref="H19:I19"/>
    <mergeCell ref="D21:P21"/>
    <mergeCell ref="Q21:R21"/>
    <mergeCell ref="D22:P22"/>
    <mergeCell ref="Q22:R22"/>
    <mergeCell ref="U22:W22"/>
  </mergeCells>
  <phoneticPr fontId="2"/>
  <dataValidations count="1">
    <dataValidation type="list" allowBlank="1" showInputMessage="1" showErrorMessage="1" sqref="G8 L8 Q8 D19 G19 AA13:AA24 Y13:Y24">
      <formula1>"□,■"</formula1>
    </dataValidation>
  </dataValidations>
  <pageMargins left="0.7" right="0.7" top="0.75" bottom="0.75" header="0.3" footer="0.3"/>
  <pageSetup paperSize="9" scale="92" orientation="portrait"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H123"/>
  <sheetViews>
    <sheetView zoomScaleNormal="100" zoomScaleSheetLayoutView="85" workbookViewId="0">
      <selection activeCell="C87" sqref="C87"/>
    </sheetView>
  </sheetViews>
  <sheetFormatPr defaultRowHeight="13.5" x14ac:dyDescent="0.15"/>
  <cols>
    <col min="1" max="1" width="2.125" style="199" customWidth="1"/>
    <col min="2" max="11" width="3.625" style="199" customWidth="1"/>
    <col min="12" max="12" width="5.625" style="199" customWidth="1"/>
    <col min="13" max="18" width="3.625" style="199" customWidth="1"/>
    <col min="19" max="19" width="5.625" style="199" customWidth="1"/>
    <col min="20" max="25" width="3.625" style="199" customWidth="1"/>
    <col min="26" max="26" width="5.625" style="199" customWidth="1"/>
    <col min="27" max="32" width="3.625" style="199" customWidth="1"/>
    <col min="33" max="33" width="5.625" style="199" customWidth="1"/>
    <col min="34" max="34" width="4" style="199" customWidth="1"/>
    <col min="35" max="35" width="2.125" style="199" customWidth="1"/>
    <col min="36" max="37" width="5.625" style="199" customWidth="1"/>
    <col min="38" max="16384" width="9" style="199"/>
  </cols>
  <sheetData>
    <row r="1" spans="2:34" x14ac:dyDescent="0.15">
      <c r="B1" s="199" t="s">
        <v>364</v>
      </c>
      <c r="M1" s="217"/>
      <c r="N1" s="203"/>
      <c r="O1" s="203"/>
      <c r="P1" s="203"/>
      <c r="T1" s="203"/>
      <c r="U1" s="203"/>
      <c r="V1" s="203"/>
      <c r="W1" s="203"/>
      <c r="X1" s="203"/>
      <c r="Y1" s="203"/>
      <c r="AB1" s="217" t="s">
        <v>363</v>
      </c>
      <c r="AC1" s="216"/>
      <c r="AD1" s="203" t="s">
        <v>362</v>
      </c>
      <c r="AE1" s="216"/>
      <c r="AF1" s="203" t="s">
        <v>345</v>
      </c>
      <c r="AG1" s="216"/>
      <c r="AH1" s="203" t="s">
        <v>361</v>
      </c>
    </row>
    <row r="2" spans="2:34" ht="5.0999999999999996" customHeight="1" x14ac:dyDescent="0.15">
      <c r="M2" s="217"/>
      <c r="N2" s="203"/>
      <c r="O2" s="203"/>
      <c r="P2" s="203"/>
      <c r="Q2" s="217"/>
      <c r="R2" s="203"/>
      <c r="S2" s="203"/>
      <c r="T2" s="203"/>
      <c r="U2" s="203"/>
      <c r="V2" s="203"/>
      <c r="W2" s="203"/>
      <c r="X2" s="203"/>
      <c r="Y2" s="203"/>
      <c r="Z2" s="203"/>
      <c r="AA2" s="203"/>
      <c r="AB2" s="203"/>
      <c r="AC2" s="203"/>
      <c r="AD2" s="203"/>
      <c r="AE2" s="203"/>
      <c r="AF2" s="203"/>
      <c r="AG2" s="203"/>
      <c r="AH2" s="203"/>
    </row>
    <row r="3" spans="2:34" ht="27" customHeight="1" x14ac:dyDescent="0.15">
      <c r="B3" s="867" t="s">
        <v>360</v>
      </c>
      <c r="C3" s="867"/>
      <c r="D3" s="867"/>
      <c r="E3" s="867"/>
      <c r="F3" s="867"/>
      <c r="G3" s="867"/>
      <c r="H3" s="867"/>
      <c r="I3" s="867"/>
      <c r="J3" s="867"/>
      <c r="K3" s="867"/>
      <c r="L3" s="867"/>
      <c r="M3" s="867"/>
      <c r="N3" s="867"/>
      <c r="O3" s="867"/>
      <c r="P3" s="867"/>
      <c r="Q3" s="867"/>
      <c r="R3" s="867"/>
      <c r="S3" s="867"/>
      <c r="T3" s="867"/>
      <c r="U3" s="867"/>
      <c r="V3" s="867"/>
      <c r="W3" s="867"/>
      <c r="X3" s="867"/>
      <c r="Y3" s="867"/>
      <c r="Z3" s="867"/>
      <c r="AA3" s="867"/>
      <c r="AB3" s="867"/>
      <c r="AC3" s="867"/>
      <c r="AD3" s="867"/>
      <c r="AE3" s="867"/>
      <c r="AF3" s="867"/>
      <c r="AG3" s="867"/>
      <c r="AH3" s="867"/>
    </row>
    <row r="4" spans="2:34" ht="5.0999999999999996" customHeight="1" x14ac:dyDescent="0.15">
      <c r="B4" s="203"/>
      <c r="C4" s="203"/>
      <c r="D4" s="203"/>
      <c r="E4" s="203"/>
      <c r="F4" s="203"/>
      <c r="G4" s="203"/>
      <c r="H4" s="203"/>
      <c r="I4" s="203"/>
      <c r="J4" s="203"/>
      <c r="K4" s="203"/>
      <c r="L4" s="203"/>
      <c r="M4" s="203"/>
      <c r="N4" s="203"/>
      <c r="O4" s="203"/>
      <c r="P4" s="203"/>
      <c r="Q4" s="203"/>
      <c r="R4" s="203"/>
      <c r="S4" s="203"/>
      <c r="T4" s="203"/>
      <c r="U4" s="203"/>
      <c r="V4" s="203"/>
      <c r="W4" s="203"/>
      <c r="X4" s="203"/>
      <c r="Y4" s="203"/>
      <c r="Z4" s="203"/>
      <c r="AA4" s="203"/>
      <c r="AB4" s="203"/>
      <c r="AC4" s="203"/>
      <c r="AD4" s="203"/>
      <c r="AE4" s="203"/>
      <c r="AF4" s="203"/>
      <c r="AG4" s="203"/>
      <c r="AH4" s="203"/>
    </row>
    <row r="5" spans="2:34" x14ac:dyDescent="0.15">
      <c r="B5" s="203"/>
      <c r="C5" s="203"/>
      <c r="D5" s="203"/>
      <c r="E5" s="203"/>
      <c r="F5" s="203"/>
      <c r="G5" s="203"/>
      <c r="H5" s="203"/>
      <c r="I5" s="203"/>
      <c r="J5" s="203"/>
      <c r="K5" s="203"/>
      <c r="L5" s="203"/>
      <c r="M5" s="203"/>
      <c r="N5" s="203"/>
      <c r="O5" s="203"/>
      <c r="P5" s="217" t="s">
        <v>359</v>
      </c>
      <c r="Q5" s="868"/>
      <c r="R5" s="868"/>
      <c r="S5" s="868"/>
      <c r="T5" s="868"/>
      <c r="U5" s="868"/>
      <c r="V5" s="868"/>
      <c r="W5" s="868"/>
      <c r="X5" s="868"/>
      <c r="Y5" s="868"/>
      <c r="Z5" s="868"/>
      <c r="AA5" s="868"/>
      <c r="AB5" s="868"/>
      <c r="AC5" s="868"/>
      <c r="AD5" s="868"/>
      <c r="AE5" s="868"/>
      <c r="AF5" s="868"/>
      <c r="AG5" s="868"/>
      <c r="AH5" s="868"/>
    </row>
    <row r="6" spans="2:34" x14ac:dyDescent="0.15">
      <c r="B6" s="203"/>
      <c r="C6" s="203"/>
      <c r="D6" s="203"/>
      <c r="E6" s="203"/>
      <c r="F6" s="203"/>
      <c r="G6" s="203"/>
      <c r="H6" s="203"/>
      <c r="I6" s="203"/>
      <c r="J6" s="203"/>
      <c r="K6" s="203"/>
      <c r="L6" s="203"/>
      <c r="M6" s="203"/>
      <c r="N6" s="203"/>
      <c r="O6" s="203"/>
      <c r="P6" s="217" t="s">
        <v>358</v>
      </c>
      <c r="Q6" s="869"/>
      <c r="R6" s="869"/>
      <c r="S6" s="869"/>
      <c r="T6" s="869"/>
      <c r="U6" s="869"/>
      <c r="V6" s="869"/>
      <c r="W6" s="869"/>
      <c r="X6" s="869"/>
      <c r="Y6" s="869"/>
      <c r="Z6" s="869"/>
      <c r="AA6" s="869"/>
      <c r="AB6" s="869"/>
      <c r="AC6" s="869"/>
      <c r="AD6" s="869"/>
      <c r="AE6" s="869"/>
      <c r="AF6" s="869"/>
      <c r="AG6" s="869"/>
      <c r="AH6" s="869"/>
    </row>
    <row r="7" spans="2:34" ht="10.5" customHeight="1" x14ac:dyDescent="0.15">
      <c r="B7" s="203"/>
      <c r="C7" s="203"/>
      <c r="D7" s="203"/>
      <c r="E7" s="203"/>
      <c r="F7" s="203"/>
      <c r="G7" s="203"/>
      <c r="H7" s="203"/>
      <c r="I7" s="203"/>
      <c r="J7" s="203"/>
      <c r="K7" s="203"/>
      <c r="L7" s="203"/>
      <c r="M7" s="203"/>
      <c r="N7" s="203"/>
      <c r="O7" s="203"/>
      <c r="P7" s="203"/>
      <c r="Q7" s="203"/>
      <c r="R7" s="203"/>
      <c r="S7" s="203"/>
      <c r="T7" s="203"/>
      <c r="U7" s="203"/>
      <c r="V7" s="203"/>
      <c r="W7" s="203"/>
      <c r="X7" s="203"/>
      <c r="Y7" s="203"/>
      <c r="Z7" s="203"/>
      <c r="AA7" s="203"/>
      <c r="AB7" s="203"/>
      <c r="AC7" s="203"/>
      <c r="AD7" s="203"/>
      <c r="AE7" s="203"/>
      <c r="AF7" s="203"/>
      <c r="AG7" s="203"/>
      <c r="AH7" s="203"/>
    </row>
    <row r="8" spans="2:34" x14ac:dyDescent="0.15">
      <c r="B8" s="199" t="s">
        <v>357</v>
      </c>
    </row>
    <row r="9" spans="2:34" x14ac:dyDescent="0.15">
      <c r="C9" s="216" t="s">
        <v>0</v>
      </c>
      <c r="D9" s="199" t="s">
        <v>356</v>
      </c>
      <c r="J9" s="216" t="s">
        <v>0</v>
      </c>
      <c r="K9" s="199" t="s">
        <v>355</v>
      </c>
    </row>
    <row r="10" spans="2:34" ht="10.5" customHeight="1" x14ac:dyDescent="0.15"/>
    <row r="11" spans="2:34" x14ac:dyDescent="0.15">
      <c r="B11" s="199" t="s">
        <v>354</v>
      </c>
    </row>
    <row r="12" spans="2:34" x14ac:dyDescent="0.15">
      <c r="C12" s="216" t="s">
        <v>0</v>
      </c>
      <c r="D12" s="199" t="s">
        <v>353</v>
      </c>
    </row>
    <row r="13" spans="2:34" x14ac:dyDescent="0.15">
      <c r="C13" s="216" t="s">
        <v>0</v>
      </c>
      <c r="D13" s="199" t="s">
        <v>352</v>
      </c>
    </row>
    <row r="14" spans="2:34" ht="10.5" customHeight="1" x14ac:dyDescent="0.15"/>
    <row r="15" spans="2:34" x14ac:dyDescent="0.15">
      <c r="B15" s="199" t="s">
        <v>351</v>
      </c>
    </row>
    <row r="16" spans="2:34" ht="60" customHeight="1" x14ac:dyDescent="0.15">
      <c r="B16" s="834"/>
      <c r="C16" s="835"/>
      <c r="D16" s="835"/>
      <c r="E16" s="836"/>
      <c r="F16" s="864" t="s">
        <v>349</v>
      </c>
      <c r="G16" s="865"/>
      <c r="H16" s="865"/>
      <c r="I16" s="865"/>
      <c r="J16" s="865"/>
      <c r="K16" s="865"/>
      <c r="L16" s="866"/>
      <c r="M16" s="864" t="s">
        <v>348</v>
      </c>
      <c r="N16" s="865"/>
      <c r="O16" s="865"/>
      <c r="P16" s="865"/>
      <c r="Q16" s="865"/>
      <c r="R16" s="865"/>
      <c r="S16" s="866"/>
      <c r="T16" s="864" t="s">
        <v>347</v>
      </c>
      <c r="U16" s="865"/>
      <c r="V16" s="865"/>
      <c r="W16" s="865"/>
      <c r="X16" s="865"/>
      <c r="Y16" s="865"/>
      <c r="Z16" s="866"/>
      <c r="AA16" s="864" t="s">
        <v>346</v>
      </c>
      <c r="AB16" s="865"/>
      <c r="AC16" s="865"/>
      <c r="AD16" s="865"/>
      <c r="AE16" s="865"/>
      <c r="AF16" s="865"/>
      <c r="AG16" s="866"/>
    </row>
    <row r="17" spans="2:33" x14ac:dyDescent="0.15">
      <c r="B17" s="834">
        <v>4</v>
      </c>
      <c r="C17" s="835"/>
      <c r="D17" s="835" t="s">
        <v>345</v>
      </c>
      <c r="E17" s="836"/>
      <c r="F17" s="863"/>
      <c r="G17" s="862"/>
      <c r="H17" s="862"/>
      <c r="I17" s="862"/>
      <c r="J17" s="862"/>
      <c r="K17" s="862"/>
      <c r="L17" s="209" t="s">
        <v>341</v>
      </c>
      <c r="M17" s="863"/>
      <c r="N17" s="862"/>
      <c r="O17" s="862"/>
      <c r="P17" s="862"/>
      <c r="Q17" s="862"/>
      <c r="R17" s="862"/>
      <c r="S17" s="209" t="s">
        <v>341</v>
      </c>
      <c r="T17" s="863"/>
      <c r="U17" s="862"/>
      <c r="V17" s="862"/>
      <c r="W17" s="862"/>
      <c r="X17" s="862"/>
      <c r="Y17" s="862"/>
      <c r="Z17" s="209" t="s">
        <v>341</v>
      </c>
      <c r="AA17" s="863"/>
      <c r="AB17" s="862"/>
      <c r="AC17" s="862"/>
      <c r="AD17" s="862"/>
      <c r="AE17" s="862"/>
      <c r="AF17" s="862"/>
      <c r="AG17" s="209" t="s">
        <v>341</v>
      </c>
    </row>
    <row r="18" spans="2:33" x14ac:dyDescent="0.15">
      <c r="B18" s="834">
        <v>5</v>
      </c>
      <c r="C18" s="835"/>
      <c r="D18" s="835" t="s">
        <v>345</v>
      </c>
      <c r="E18" s="836"/>
      <c r="F18" s="863"/>
      <c r="G18" s="862"/>
      <c r="H18" s="862"/>
      <c r="I18" s="862"/>
      <c r="J18" s="862"/>
      <c r="K18" s="862"/>
      <c r="L18" s="209" t="s">
        <v>341</v>
      </c>
      <c r="M18" s="863"/>
      <c r="N18" s="862"/>
      <c r="O18" s="862"/>
      <c r="P18" s="862"/>
      <c r="Q18" s="862"/>
      <c r="R18" s="862"/>
      <c r="S18" s="209" t="s">
        <v>341</v>
      </c>
      <c r="T18" s="863"/>
      <c r="U18" s="862"/>
      <c r="V18" s="862"/>
      <c r="W18" s="862"/>
      <c r="X18" s="862"/>
      <c r="Y18" s="862"/>
      <c r="Z18" s="209" t="s">
        <v>341</v>
      </c>
      <c r="AA18" s="863"/>
      <c r="AB18" s="862"/>
      <c r="AC18" s="862"/>
      <c r="AD18" s="862"/>
      <c r="AE18" s="862"/>
      <c r="AF18" s="862"/>
      <c r="AG18" s="209" t="s">
        <v>341</v>
      </c>
    </row>
    <row r="19" spans="2:33" x14ac:dyDescent="0.15">
      <c r="B19" s="834">
        <v>6</v>
      </c>
      <c r="C19" s="835"/>
      <c r="D19" s="835" t="s">
        <v>345</v>
      </c>
      <c r="E19" s="836"/>
      <c r="F19" s="863"/>
      <c r="G19" s="862"/>
      <c r="H19" s="862"/>
      <c r="I19" s="862"/>
      <c r="J19" s="862"/>
      <c r="K19" s="862"/>
      <c r="L19" s="209" t="s">
        <v>341</v>
      </c>
      <c r="M19" s="863"/>
      <c r="N19" s="862"/>
      <c r="O19" s="862"/>
      <c r="P19" s="862"/>
      <c r="Q19" s="862"/>
      <c r="R19" s="862"/>
      <c r="S19" s="209" t="s">
        <v>341</v>
      </c>
      <c r="T19" s="863"/>
      <c r="U19" s="862"/>
      <c r="V19" s="862"/>
      <c r="W19" s="862"/>
      <c r="X19" s="862"/>
      <c r="Y19" s="862"/>
      <c r="Z19" s="209" t="s">
        <v>341</v>
      </c>
      <c r="AA19" s="863"/>
      <c r="AB19" s="862"/>
      <c r="AC19" s="862"/>
      <c r="AD19" s="862"/>
      <c r="AE19" s="862"/>
      <c r="AF19" s="862"/>
      <c r="AG19" s="209" t="s">
        <v>341</v>
      </c>
    </row>
    <row r="20" spans="2:33" x14ac:dyDescent="0.15">
      <c r="B20" s="834">
        <v>7</v>
      </c>
      <c r="C20" s="835"/>
      <c r="D20" s="835" t="s">
        <v>345</v>
      </c>
      <c r="E20" s="836"/>
      <c r="F20" s="863"/>
      <c r="G20" s="862"/>
      <c r="H20" s="862"/>
      <c r="I20" s="862"/>
      <c r="J20" s="862"/>
      <c r="K20" s="862"/>
      <c r="L20" s="209" t="s">
        <v>341</v>
      </c>
      <c r="M20" s="863"/>
      <c r="N20" s="862"/>
      <c r="O20" s="862"/>
      <c r="P20" s="862"/>
      <c r="Q20" s="862"/>
      <c r="R20" s="862"/>
      <c r="S20" s="209" t="s">
        <v>341</v>
      </c>
      <c r="T20" s="863"/>
      <c r="U20" s="862"/>
      <c r="V20" s="862"/>
      <c r="W20" s="862"/>
      <c r="X20" s="862"/>
      <c r="Y20" s="862"/>
      <c r="Z20" s="209" t="s">
        <v>341</v>
      </c>
      <c r="AA20" s="863"/>
      <c r="AB20" s="862"/>
      <c r="AC20" s="862"/>
      <c r="AD20" s="862"/>
      <c r="AE20" s="862"/>
      <c r="AF20" s="862"/>
      <c r="AG20" s="209" t="s">
        <v>341</v>
      </c>
    </row>
    <row r="21" spans="2:33" ht="13.5" customHeight="1" x14ac:dyDescent="0.15">
      <c r="B21" s="834">
        <v>8</v>
      </c>
      <c r="C21" s="835"/>
      <c r="D21" s="835" t="s">
        <v>345</v>
      </c>
      <c r="E21" s="836"/>
      <c r="F21" s="863"/>
      <c r="G21" s="862"/>
      <c r="H21" s="862"/>
      <c r="I21" s="862"/>
      <c r="J21" s="862"/>
      <c r="K21" s="862"/>
      <c r="L21" s="209" t="s">
        <v>341</v>
      </c>
      <c r="M21" s="863"/>
      <c r="N21" s="862"/>
      <c r="O21" s="862"/>
      <c r="P21" s="862"/>
      <c r="Q21" s="862"/>
      <c r="R21" s="862"/>
      <c r="S21" s="209" t="s">
        <v>341</v>
      </c>
      <c r="T21" s="863"/>
      <c r="U21" s="862"/>
      <c r="V21" s="862"/>
      <c r="W21" s="862"/>
      <c r="X21" s="862"/>
      <c r="Y21" s="862"/>
      <c r="Z21" s="209" t="s">
        <v>341</v>
      </c>
      <c r="AA21" s="863"/>
      <c r="AB21" s="862"/>
      <c r="AC21" s="862"/>
      <c r="AD21" s="862"/>
      <c r="AE21" s="862"/>
      <c r="AF21" s="862"/>
      <c r="AG21" s="209" t="s">
        <v>341</v>
      </c>
    </row>
    <row r="22" spans="2:33" x14ac:dyDescent="0.15">
      <c r="B22" s="834">
        <v>9</v>
      </c>
      <c r="C22" s="835"/>
      <c r="D22" s="835" t="s">
        <v>345</v>
      </c>
      <c r="E22" s="836"/>
      <c r="F22" s="863"/>
      <c r="G22" s="862"/>
      <c r="H22" s="862"/>
      <c r="I22" s="862"/>
      <c r="J22" s="862"/>
      <c r="K22" s="862"/>
      <c r="L22" s="209" t="s">
        <v>341</v>
      </c>
      <c r="M22" s="863"/>
      <c r="N22" s="862"/>
      <c r="O22" s="862"/>
      <c r="P22" s="862"/>
      <c r="Q22" s="862"/>
      <c r="R22" s="862"/>
      <c r="S22" s="209" t="s">
        <v>341</v>
      </c>
      <c r="T22" s="863"/>
      <c r="U22" s="862"/>
      <c r="V22" s="862"/>
      <c r="W22" s="862"/>
      <c r="X22" s="862"/>
      <c r="Y22" s="862"/>
      <c r="Z22" s="209" t="s">
        <v>341</v>
      </c>
      <c r="AA22" s="863"/>
      <c r="AB22" s="862"/>
      <c r="AC22" s="862"/>
      <c r="AD22" s="862"/>
      <c r="AE22" s="862"/>
      <c r="AF22" s="862"/>
      <c r="AG22" s="209" t="s">
        <v>341</v>
      </c>
    </row>
    <row r="23" spans="2:33" ht="13.5" customHeight="1" x14ac:dyDescent="0.15">
      <c r="B23" s="834">
        <v>10</v>
      </c>
      <c r="C23" s="835"/>
      <c r="D23" s="835" t="s">
        <v>345</v>
      </c>
      <c r="E23" s="836"/>
      <c r="F23" s="863"/>
      <c r="G23" s="862"/>
      <c r="H23" s="862"/>
      <c r="I23" s="862"/>
      <c r="J23" s="862"/>
      <c r="K23" s="862"/>
      <c r="L23" s="209" t="s">
        <v>341</v>
      </c>
      <c r="M23" s="863"/>
      <c r="N23" s="862"/>
      <c r="O23" s="862"/>
      <c r="P23" s="862"/>
      <c r="Q23" s="862"/>
      <c r="R23" s="862"/>
      <c r="S23" s="209" t="s">
        <v>341</v>
      </c>
      <c r="T23" s="863"/>
      <c r="U23" s="862"/>
      <c r="V23" s="862"/>
      <c r="W23" s="862"/>
      <c r="X23" s="862"/>
      <c r="Y23" s="862"/>
      <c r="Z23" s="209" t="s">
        <v>341</v>
      </c>
      <c r="AA23" s="863"/>
      <c r="AB23" s="862"/>
      <c r="AC23" s="862"/>
      <c r="AD23" s="862"/>
      <c r="AE23" s="862"/>
      <c r="AF23" s="862"/>
      <c r="AG23" s="209" t="s">
        <v>341</v>
      </c>
    </row>
    <row r="24" spans="2:33" ht="13.5" customHeight="1" x14ac:dyDescent="0.15">
      <c r="B24" s="834">
        <v>11</v>
      </c>
      <c r="C24" s="835"/>
      <c r="D24" s="835" t="s">
        <v>345</v>
      </c>
      <c r="E24" s="836"/>
      <c r="F24" s="863"/>
      <c r="G24" s="862"/>
      <c r="H24" s="862"/>
      <c r="I24" s="862"/>
      <c r="J24" s="862"/>
      <c r="K24" s="862"/>
      <c r="L24" s="209" t="s">
        <v>341</v>
      </c>
      <c r="M24" s="863"/>
      <c r="N24" s="862"/>
      <c r="O24" s="862"/>
      <c r="P24" s="862"/>
      <c r="Q24" s="862"/>
      <c r="R24" s="862"/>
      <c r="S24" s="209" t="s">
        <v>341</v>
      </c>
      <c r="T24" s="863"/>
      <c r="U24" s="862"/>
      <c r="V24" s="862"/>
      <c r="W24" s="862"/>
      <c r="X24" s="862"/>
      <c r="Y24" s="862"/>
      <c r="Z24" s="209" t="s">
        <v>341</v>
      </c>
      <c r="AA24" s="863"/>
      <c r="AB24" s="862"/>
      <c r="AC24" s="862"/>
      <c r="AD24" s="862"/>
      <c r="AE24" s="862"/>
      <c r="AF24" s="862"/>
      <c r="AG24" s="209" t="s">
        <v>341</v>
      </c>
    </row>
    <row r="25" spans="2:33" ht="13.5" customHeight="1" x14ac:dyDescent="0.15">
      <c r="B25" s="834">
        <v>12</v>
      </c>
      <c r="C25" s="835"/>
      <c r="D25" s="835" t="s">
        <v>345</v>
      </c>
      <c r="E25" s="836"/>
      <c r="F25" s="863"/>
      <c r="G25" s="862"/>
      <c r="H25" s="862"/>
      <c r="I25" s="862"/>
      <c r="J25" s="862"/>
      <c r="K25" s="862"/>
      <c r="L25" s="209" t="s">
        <v>341</v>
      </c>
      <c r="M25" s="863"/>
      <c r="N25" s="862"/>
      <c r="O25" s="862"/>
      <c r="P25" s="862"/>
      <c r="Q25" s="862"/>
      <c r="R25" s="862"/>
      <c r="S25" s="209" t="s">
        <v>341</v>
      </c>
      <c r="T25" s="863"/>
      <c r="U25" s="862"/>
      <c r="V25" s="862"/>
      <c r="W25" s="862"/>
      <c r="X25" s="862"/>
      <c r="Y25" s="862"/>
      <c r="Z25" s="209" t="s">
        <v>341</v>
      </c>
      <c r="AA25" s="863"/>
      <c r="AB25" s="862"/>
      <c r="AC25" s="862"/>
      <c r="AD25" s="862"/>
      <c r="AE25" s="862"/>
      <c r="AF25" s="862"/>
      <c r="AG25" s="209" t="s">
        <v>341</v>
      </c>
    </row>
    <row r="26" spans="2:33" ht="13.5" customHeight="1" x14ac:dyDescent="0.15">
      <c r="B26" s="834">
        <v>1</v>
      </c>
      <c r="C26" s="835"/>
      <c r="D26" s="835" t="s">
        <v>345</v>
      </c>
      <c r="E26" s="836"/>
      <c r="F26" s="863"/>
      <c r="G26" s="862"/>
      <c r="H26" s="862"/>
      <c r="I26" s="862"/>
      <c r="J26" s="862"/>
      <c r="K26" s="862"/>
      <c r="L26" s="209" t="s">
        <v>341</v>
      </c>
      <c r="M26" s="863"/>
      <c r="N26" s="862"/>
      <c r="O26" s="862"/>
      <c r="P26" s="862"/>
      <c r="Q26" s="862"/>
      <c r="R26" s="862"/>
      <c r="S26" s="209" t="s">
        <v>341</v>
      </c>
      <c r="T26" s="863"/>
      <c r="U26" s="862"/>
      <c r="V26" s="862"/>
      <c r="W26" s="862"/>
      <c r="X26" s="862"/>
      <c r="Y26" s="862"/>
      <c r="Z26" s="209" t="s">
        <v>341</v>
      </c>
      <c r="AA26" s="863"/>
      <c r="AB26" s="862"/>
      <c r="AC26" s="862"/>
      <c r="AD26" s="862"/>
      <c r="AE26" s="862"/>
      <c r="AF26" s="862"/>
      <c r="AG26" s="209" t="s">
        <v>341</v>
      </c>
    </row>
    <row r="27" spans="2:33" x14ac:dyDescent="0.15">
      <c r="B27" s="834">
        <v>2</v>
      </c>
      <c r="C27" s="835"/>
      <c r="D27" s="835" t="s">
        <v>345</v>
      </c>
      <c r="E27" s="836"/>
      <c r="F27" s="863"/>
      <c r="G27" s="862"/>
      <c r="H27" s="862"/>
      <c r="I27" s="862"/>
      <c r="J27" s="862"/>
      <c r="K27" s="862"/>
      <c r="L27" s="209" t="s">
        <v>341</v>
      </c>
      <c r="M27" s="863"/>
      <c r="N27" s="862"/>
      <c r="O27" s="862"/>
      <c r="P27" s="862"/>
      <c r="Q27" s="862"/>
      <c r="R27" s="862"/>
      <c r="S27" s="209" t="s">
        <v>341</v>
      </c>
      <c r="T27" s="863"/>
      <c r="U27" s="862"/>
      <c r="V27" s="862"/>
      <c r="W27" s="862"/>
      <c r="X27" s="862"/>
      <c r="Y27" s="862"/>
      <c r="Z27" s="209" t="s">
        <v>341</v>
      </c>
      <c r="AA27" s="863"/>
      <c r="AB27" s="862"/>
      <c r="AC27" s="862"/>
      <c r="AD27" s="862"/>
      <c r="AE27" s="862"/>
      <c r="AF27" s="862"/>
      <c r="AG27" s="209" t="s">
        <v>341</v>
      </c>
    </row>
    <row r="28" spans="2:33" x14ac:dyDescent="0.15">
      <c r="B28" s="834" t="s">
        <v>343</v>
      </c>
      <c r="C28" s="835"/>
      <c r="D28" s="835"/>
      <c r="E28" s="836"/>
      <c r="F28" s="834" t="str">
        <f>IF(SUM(F17:K27)=0,"",SUM(F17:K27))</f>
        <v/>
      </c>
      <c r="G28" s="835"/>
      <c r="H28" s="835"/>
      <c r="I28" s="835"/>
      <c r="J28" s="835"/>
      <c r="K28" s="835"/>
      <c r="L28" s="209" t="s">
        <v>341</v>
      </c>
      <c r="M28" s="834" t="str">
        <f>IF(SUM(M17:R27)=0,"",SUM(M17:R27))</f>
        <v/>
      </c>
      <c r="N28" s="835"/>
      <c r="O28" s="835"/>
      <c r="P28" s="835"/>
      <c r="Q28" s="835"/>
      <c r="R28" s="835"/>
      <c r="S28" s="209" t="s">
        <v>341</v>
      </c>
      <c r="T28" s="834" t="str">
        <f>IF(SUM(T17:Y27)=0,"",SUM(T17:Y27))</f>
        <v/>
      </c>
      <c r="U28" s="835"/>
      <c r="V28" s="835"/>
      <c r="W28" s="835"/>
      <c r="X28" s="835"/>
      <c r="Y28" s="835"/>
      <c r="Z28" s="209" t="s">
        <v>341</v>
      </c>
      <c r="AA28" s="834" t="str">
        <f>IF(SUM(AA17:AF27)=0,"",SUM(AA17:AF27))</f>
        <v/>
      </c>
      <c r="AB28" s="835"/>
      <c r="AC28" s="835"/>
      <c r="AD28" s="835"/>
      <c r="AE28" s="835"/>
      <c r="AF28" s="835"/>
      <c r="AG28" s="209" t="s">
        <v>341</v>
      </c>
    </row>
    <row r="30" spans="2:33" ht="13.5" customHeight="1" x14ac:dyDescent="0.15">
      <c r="B30" s="837" t="s">
        <v>342</v>
      </c>
      <c r="C30" s="838"/>
      <c r="D30" s="838"/>
      <c r="E30" s="839"/>
      <c r="F30" s="843" t="str">
        <f>IF(SUM(M28,T28,AA28)=0,"",SUM(M28,T28,AA28))</f>
        <v/>
      </c>
      <c r="G30" s="844"/>
      <c r="H30" s="844"/>
      <c r="I30" s="844"/>
      <c r="J30" s="844"/>
      <c r="K30" s="845"/>
      <c r="L30" s="849" t="s">
        <v>341</v>
      </c>
    </row>
    <row r="31" spans="2:33" ht="19.5" customHeight="1" x14ac:dyDescent="0.15">
      <c r="B31" s="840"/>
      <c r="C31" s="841"/>
      <c r="D31" s="841"/>
      <c r="E31" s="842"/>
      <c r="F31" s="846"/>
      <c r="G31" s="847"/>
      <c r="H31" s="847"/>
      <c r="I31" s="847"/>
      <c r="J31" s="847"/>
      <c r="K31" s="848"/>
      <c r="L31" s="849"/>
    </row>
    <row r="32" spans="2:33" ht="9" customHeight="1" x14ac:dyDescent="0.15">
      <c r="B32" s="208"/>
      <c r="C32" s="208"/>
      <c r="D32" s="208"/>
      <c r="E32" s="208"/>
      <c r="F32" s="207"/>
      <c r="G32" s="207"/>
      <c r="H32" s="207"/>
      <c r="I32" s="207"/>
      <c r="J32" s="207"/>
      <c r="K32" s="207"/>
      <c r="L32" s="203"/>
    </row>
    <row r="33" spans="1:33" ht="19.5" customHeight="1" x14ac:dyDescent="0.15">
      <c r="B33" s="850" t="s">
        <v>340</v>
      </c>
      <c r="C33" s="851"/>
      <c r="D33" s="851"/>
      <c r="E33" s="852"/>
      <c r="F33" s="856" t="str">
        <f>IF(F28="","",ROUNDDOWN(F30/F28,3))</f>
        <v/>
      </c>
      <c r="G33" s="857"/>
      <c r="H33" s="857"/>
      <c r="I33" s="857"/>
      <c r="J33" s="857"/>
      <c r="K33" s="858"/>
      <c r="L33" s="849" t="s">
        <v>339</v>
      </c>
    </row>
    <row r="34" spans="1:33" ht="19.5" customHeight="1" x14ac:dyDescent="0.15">
      <c r="B34" s="853"/>
      <c r="C34" s="854"/>
      <c r="D34" s="854"/>
      <c r="E34" s="855"/>
      <c r="F34" s="859"/>
      <c r="G34" s="860"/>
      <c r="H34" s="860"/>
      <c r="I34" s="860"/>
      <c r="J34" s="860"/>
      <c r="K34" s="861"/>
      <c r="L34" s="849"/>
    </row>
    <row r="35" spans="1:33" ht="19.5" customHeight="1" x14ac:dyDescent="0.15">
      <c r="B35" s="206"/>
      <c r="C35" s="206"/>
      <c r="D35" s="206"/>
      <c r="E35" s="215"/>
      <c r="F35" s="205"/>
      <c r="G35" s="205"/>
      <c r="H35" s="205"/>
      <c r="I35" s="214"/>
      <c r="J35" s="214"/>
      <c r="K35" s="214"/>
      <c r="L35" s="203"/>
    </row>
    <row r="36" spans="1:33" x14ac:dyDescent="0.15">
      <c r="B36" s="199" t="s">
        <v>350</v>
      </c>
    </row>
    <row r="37" spans="1:33" ht="60" customHeight="1" x14ac:dyDescent="0.15">
      <c r="B37" s="834"/>
      <c r="C37" s="835"/>
      <c r="D37" s="835"/>
      <c r="E37" s="836"/>
      <c r="F37" s="864" t="s">
        <v>349</v>
      </c>
      <c r="G37" s="865"/>
      <c r="H37" s="865"/>
      <c r="I37" s="865"/>
      <c r="J37" s="865"/>
      <c r="K37" s="865"/>
      <c r="L37" s="866"/>
      <c r="M37" s="864" t="s">
        <v>348</v>
      </c>
      <c r="N37" s="865"/>
      <c r="O37" s="865"/>
      <c r="P37" s="865"/>
      <c r="Q37" s="865"/>
      <c r="R37" s="865"/>
      <c r="S37" s="866"/>
      <c r="T37" s="864" t="s">
        <v>347</v>
      </c>
      <c r="U37" s="865"/>
      <c r="V37" s="865"/>
      <c r="W37" s="865"/>
      <c r="X37" s="865"/>
      <c r="Y37" s="865"/>
      <c r="Z37" s="866"/>
      <c r="AA37" s="864" t="s">
        <v>346</v>
      </c>
      <c r="AB37" s="865"/>
      <c r="AC37" s="865"/>
      <c r="AD37" s="865"/>
      <c r="AE37" s="865"/>
      <c r="AF37" s="865"/>
      <c r="AG37" s="866"/>
    </row>
    <row r="38" spans="1:33" ht="13.5" customHeight="1" x14ac:dyDescent="0.15">
      <c r="B38" s="863"/>
      <c r="C38" s="862"/>
      <c r="D38" s="862"/>
      <c r="E38" s="210" t="s">
        <v>345</v>
      </c>
      <c r="F38" s="863"/>
      <c r="G38" s="862"/>
      <c r="H38" s="862"/>
      <c r="I38" s="862"/>
      <c r="J38" s="862"/>
      <c r="K38" s="862"/>
      <c r="L38" s="209" t="s">
        <v>341</v>
      </c>
      <c r="M38" s="863"/>
      <c r="N38" s="862"/>
      <c r="O38" s="862"/>
      <c r="P38" s="862"/>
      <c r="Q38" s="862"/>
      <c r="R38" s="862"/>
      <c r="S38" s="209" t="s">
        <v>341</v>
      </c>
      <c r="T38" s="863"/>
      <c r="U38" s="862"/>
      <c r="V38" s="862"/>
      <c r="W38" s="862"/>
      <c r="X38" s="862"/>
      <c r="Y38" s="862"/>
      <c r="Z38" s="209" t="s">
        <v>341</v>
      </c>
      <c r="AA38" s="863"/>
      <c r="AB38" s="862"/>
      <c r="AC38" s="862"/>
      <c r="AD38" s="862"/>
      <c r="AE38" s="862"/>
      <c r="AF38" s="862"/>
      <c r="AG38" s="209" t="s">
        <v>341</v>
      </c>
    </row>
    <row r="39" spans="1:33" x14ac:dyDescent="0.15">
      <c r="A39" s="213"/>
      <c r="B39" s="846"/>
      <c r="C39" s="862"/>
      <c r="D39" s="847"/>
      <c r="E39" s="212" t="s">
        <v>345</v>
      </c>
      <c r="F39" s="846"/>
      <c r="G39" s="847"/>
      <c r="H39" s="847"/>
      <c r="I39" s="847"/>
      <c r="J39" s="847"/>
      <c r="K39" s="847"/>
      <c r="L39" s="211" t="s">
        <v>341</v>
      </c>
      <c r="M39" s="846"/>
      <c r="N39" s="847"/>
      <c r="O39" s="847"/>
      <c r="P39" s="847"/>
      <c r="Q39" s="847"/>
      <c r="R39" s="847"/>
      <c r="S39" s="211" t="s">
        <v>341</v>
      </c>
      <c r="T39" s="846"/>
      <c r="U39" s="847"/>
      <c r="V39" s="847"/>
      <c r="W39" s="847"/>
      <c r="X39" s="847"/>
      <c r="Y39" s="847"/>
      <c r="Z39" s="211" t="s">
        <v>341</v>
      </c>
      <c r="AA39" s="846"/>
      <c r="AB39" s="847"/>
      <c r="AC39" s="847"/>
      <c r="AD39" s="847"/>
      <c r="AE39" s="847"/>
      <c r="AF39" s="847"/>
      <c r="AG39" s="209" t="s">
        <v>341</v>
      </c>
    </row>
    <row r="40" spans="1:33" x14ac:dyDescent="0.15">
      <c r="B40" s="863"/>
      <c r="C40" s="862"/>
      <c r="D40" s="862"/>
      <c r="E40" s="210" t="s">
        <v>344</v>
      </c>
      <c r="F40" s="863"/>
      <c r="G40" s="862"/>
      <c r="H40" s="862"/>
      <c r="I40" s="862"/>
      <c r="J40" s="862"/>
      <c r="K40" s="862"/>
      <c r="L40" s="209" t="s">
        <v>341</v>
      </c>
      <c r="M40" s="863"/>
      <c r="N40" s="862"/>
      <c r="O40" s="862"/>
      <c r="P40" s="862"/>
      <c r="Q40" s="862"/>
      <c r="R40" s="862"/>
      <c r="S40" s="209" t="s">
        <v>341</v>
      </c>
      <c r="T40" s="863"/>
      <c r="U40" s="862"/>
      <c r="V40" s="862"/>
      <c r="W40" s="862"/>
      <c r="X40" s="862"/>
      <c r="Y40" s="862"/>
      <c r="Z40" s="209" t="s">
        <v>341</v>
      </c>
      <c r="AA40" s="863"/>
      <c r="AB40" s="862"/>
      <c r="AC40" s="862"/>
      <c r="AD40" s="862"/>
      <c r="AE40" s="862"/>
      <c r="AF40" s="862"/>
      <c r="AG40" s="209" t="s">
        <v>341</v>
      </c>
    </row>
    <row r="41" spans="1:33" x14ac:dyDescent="0.15">
      <c r="B41" s="834" t="s">
        <v>343</v>
      </c>
      <c r="C41" s="835"/>
      <c r="D41" s="835"/>
      <c r="E41" s="836"/>
      <c r="F41" s="834" t="str">
        <f>IF(SUM(F38:K40)=0,"",SUM(F38:K40))</f>
        <v/>
      </c>
      <c r="G41" s="835"/>
      <c r="H41" s="835"/>
      <c r="I41" s="835"/>
      <c r="J41" s="835"/>
      <c r="K41" s="835"/>
      <c r="L41" s="209" t="s">
        <v>341</v>
      </c>
      <c r="M41" s="834" t="str">
        <f>IF(SUM(M38:R40)=0,"",SUM(M38:R40))</f>
        <v/>
      </c>
      <c r="N41" s="835"/>
      <c r="O41" s="835"/>
      <c r="P41" s="835"/>
      <c r="Q41" s="835"/>
      <c r="R41" s="835"/>
      <c r="S41" s="209" t="s">
        <v>341</v>
      </c>
      <c r="T41" s="834" t="str">
        <f>IF(SUM(T38:Y40)=0,"",SUM(T38:Y40))</f>
        <v/>
      </c>
      <c r="U41" s="835"/>
      <c r="V41" s="835"/>
      <c r="W41" s="835"/>
      <c r="X41" s="835"/>
      <c r="Y41" s="835"/>
      <c r="Z41" s="209" t="s">
        <v>341</v>
      </c>
      <c r="AA41" s="834" t="str">
        <f>IF(SUM(AA38:AF40)=0,"",SUM(AA38:AF40))</f>
        <v/>
      </c>
      <c r="AB41" s="835"/>
      <c r="AC41" s="835"/>
      <c r="AD41" s="835"/>
      <c r="AE41" s="835"/>
      <c r="AF41" s="835"/>
      <c r="AG41" s="209" t="s">
        <v>341</v>
      </c>
    </row>
    <row r="42" spans="1:33" ht="13.5" customHeight="1" x14ac:dyDescent="0.15">
      <c r="B42" s="203"/>
      <c r="C42" s="203"/>
      <c r="D42" s="203"/>
      <c r="E42" s="203"/>
      <c r="F42" s="203"/>
      <c r="G42" s="203"/>
      <c r="H42" s="203"/>
      <c r="I42" s="203"/>
      <c r="J42" s="203"/>
      <c r="K42" s="203"/>
      <c r="L42" s="203"/>
      <c r="M42" s="203"/>
      <c r="N42" s="203"/>
      <c r="O42" s="203"/>
      <c r="P42" s="203"/>
      <c r="Q42" s="203"/>
      <c r="R42" s="203"/>
      <c r="S42" s="203"/>
      <c r="T42" s="203"/>
      <c r="U42" s="203"/>
      <c r="V42" s="203"/>
      <c r="W42" s="203"/>
      <c r="X42" s="203"/>
      <c r="Y42" s="203"/>
      <c r="Z42" s="203"/>
      <c r="AA42" s="203"/>
      <c r="AB42" s="203"/>
      <c r="AC42" s="203"/>
      <c r="AD42" s="203"/>
      <c r="AE42" s="203"/>
      <c r="AF42" s="203"/>
      <c r="AG42" s="203"/>
    </row>
    <row r="43" spans="1:33" ht="19.5" customHeight="1" x14ac:dyDescent="0.15">
      <c r="B43" s="837" t="s">
        <v>342</v>
      </c>
      <c r="C43" s="838"/>
      <c r="D43" s="838"/>
      <c r="E43" s="839"/>
      <c r="F43" s="843" t="str">
        <f>IF(SUM(M41,T41,AA41)=0,"",SUM(M41,T41,AA41))</f>
        <v/>
      </c>
      <c r="G43" s="844"/>
      <c r="H43" s="844"/>
      <c r="I43" s="844"/>
      <c r="J43" s="844"/>
      <c r="K43" s="845"/>
      <c r="L43" s="849" t="s">
        <v>341</v>
      </c>
      <c r="M43" s="203"/>
      <c r="N43" s="203"/>
      <c r="O43" s="203"/>
      <c r="P43" s="203"/>
      <c r="Q43" s="203"/>
      <c r="R43" s="203"/>
      <c r="S43" s="203"/>
      <c r="T43" s="203"/>
      <c r="U43" s="203"/>
      <c r="V43" s="203"/>
      <c r="W43" s="203"/>
      <c r="X43" s="203"/>
      <c r="Y43" s="203"/>
      <c r="Z43" s="203"/>
      <c r="AA43" s="203"/>
      <c r="AB43" s="203"/>
      <c r="AC43" s="203"/>
      <c r="AD43" s="203"/>
      <c r="AE43" s="203"/>
      <c r="AF43" s="203"/>
      <c r="AG43" s="203"/>
    </row>
    <row r="44" spans="1:33" ht="19.5" customHeight="1" x14ac:dyDescent="0.15">
      <c r="B44" s="840"/>
      <c r="C44" s="841"/>
      <c r="D44" s="841"/>
      <c r="E44" s="842"/>
      <c r="F44" s="846"/>
      <c r="G44" s="847"/>
      <c r="H44" s="847"/>
      <c r="I44" s="847"/>
      <c r="J44" s="847"/>
      <c r="K44" s="848"/>
      <c r="L44" s="849"/>
      <c r="M44" s="203"/>
      <c r="N44" s="203"/>
      <c r="O44" s="203"/>
      <c r="P44" s="203"/>
      <c r="Q44" s="203"/>
      <c r="R44" s="203"/>
      <c r="S44" s="203"/>
      <c r="T44" s="203"/>
      <c r="U44" s="203"/>
      <c r="V44" s="203"/>
      <c r="W44" s="203"/>
      <c r="X44" s="203"/>
      <c r="Y44" s="203"/>
      <c r="Z44" s="203"/>
      <c r="AA44" s="203"/>
      <c r="AB44" s="203"/>
      <c r="AC44" s="203"/>
      <c r="AD44" s="203"/>
      <c r="AE44" s="203"/>
      <c r="AF44" s="203"/>
      <c r="AG44" s="203"/>
    </row>
    <row r="45" spans="1:33" ht="9" customHeight="1" x14ac:dyDescent="0.15">
      <c r="B45" s="208"/>
      <c r="C45" s="208"/>
      <c r="D45" s="208"/>
      <c r="E45" s="208"/>
      <c r="F45" s="207"/>
      <c r="G45" s="207"/>
      <c r="H45" s="207"/>
      <c r="I45" s="207"/>
      <c r="J45" s="207"/>
      <c r="K45" s="207"/>
      <c r="L45" s="203"/>
      <c r="M45" s="203"/>
      <c r="N45" s="203"/>
      <c r="O45" s="203"/>
      <c r="P45" s="203"/>
      <c r="Q45" s="203"/>
      <c r="R45" s="203"/>
      <c r="S45" s="203"/>
      <c r="T45" s="203"/>
      <c r="U45" s="203"/>
      <c r="V45" s="203"/>
      <c r="W45" s="203"/>
      <c r="X45" s="203"/>
      <c r="Y45" s="203"/>
      <c r="Z45" s="203"/>
      <c r="AA45" s="203"/>
      <c r="AB45" s="203"/>
      <c r="AC45" s="203"/>
      <c r="AD45" s="203"/>
      <c r="AE45" s="203"/>
      <c r="AF45" s="203"/>
      <c r="AG45" s="203"/>
    </row>
    <row r="46" spans="1:33" ht="19.5" customHeight="1" x14ac:dyDescent="0.15">
      <c r="B46" s="850" t="s">
        <v>340</v>
      </c>
      <c r="C46" s="851"/>
      <c r="D46" s="851"/>
      <c r="E46" s="852"/>
      <c r="F46" s="856" t="str">
        <f>IF(F41="","",ROUNDDOWN(F41/F43,3))</f>
        <v/>
      </c>
      <c r="G46" s="857"/>
      <c r="H46" s="857"/>
      <c r="I46" s="857"/>
      <c r="J46" s="857"/>
      <c r="K46" s="858"/>
      <c r="L46" s="849" t="s">
        <v>339</v>
      </c>
      <c r="M46" s="203"/>
      <c r="N46" s="203"/>
      <c r="O46" s="203"/>
      <c r="P46" s="203"/>
      <c r="Q46" s="203"/>
      <c r="R46" s="203"/>
      <c r="S46" s="203"/>
      <c r="T46" s="203"/>
      <c r="U46" s="203"/>
      <c r="V46" s="203"/>
      <c r="W46" s="203"/>
      <c r="X46" s="203"/>
      <c r="Y46" s="203"/>
      <c r="Z46" s="203"/>
      <c r="AA46" s="203"/>
      <c r="AB46" s="203"/>
      <c r="AC46" s="203"/>
      <c r="AD46" s="203"/>
      <c r="AE46" s="203"/>
      <c r="AF46" s="203"/>
      <c r="AG46" s="203"/>
    </row>
    <row r="47" spans="1:33" ht="19.5" customHeight="1" x14ac:dyDescent="0.15">
      <c r="B47" s="853"/>
      <c r="C47" s="854"/>
      <c r="D47" s="854"/>
      <c r="E47" s="855"/>
      <c r="F47" s="859"/>
      <c r="G47" s="860"/>
      <c r="H47" s="860"/>
      <c r="I47" s="860"/>
      <c r="J47" s="860"/>
      <c r="K47" s="861"/>
      <c r="L47" s="849"/>
      <c r="M47" s="204"/>
      <c r="N47" s="204"/>
      <c r="O47" s="204"/>
      <c r="P47" s="204"/>
      <c r="Q47" s="204"/>
      <c r="R47" s="204"/>
      <c r="S47" s="203"/>
      <c r="T47" s="203"/>
      <c r="U47" s="203"/>
      <c r="V47" s="203"/>
      <c r="W47" s="203"/>
      <c r="X47" s="203"/>
      <c r="Y47" s="203"/>
      <c r="Z47" s="203"/>
      <c r="AA47" s="203"/>
      <c r="AB47" s="203"/>
      <c r="AC47" s="203"/>
      <c r="AD47" s="203"/>
      <c r="AE47" s="203"/>
      <c r="AF47" s="203"/>
      <c r="AG47" s="203"/>
    </row>
    <row r="48" spans="1:33" ht="19.5" customHeight="1" x14ac:dyDescent="0.15">
      <c r="B48" s="206"/>
      <c r="C48" s="206"/>
      <c r="D48" s="206"/>
      <c r="E48" s="206"/>
      <c r="F48" s="205"/>
      <c r="G48" s="205"/>
      <c r="H48" s="205"/>
      <c r="I48" s="205"/>
      <c r="J48" s="205"/>
      <c r="K48" s="205"/>
      <c r="L48" s="203"/>
      <c r="M48" s="204"/>
      <c r="N48" s="204"/>
      <c r="O48" s="204"/>
      <c r="P48" s="204"/>
      <c r="Q48" s="204"/>
      <c r="R48" s="204"/>
      <c r="S48" s="203"/>
      <c r="T48" s="203"/>
      <c r="U48" s="203"/>
      <c r="V48" s="203"/>
      <c r="W48" s="203"/>
      <c r="X48" s="203"/>
      <c r="Y48" s="203"/>
      <c r="Z48" s="203"/>
      <c r="AA48" s="203"/>
      <c r="AB48" s="203"/>
      <c r="AC48" s="203"/>
      <c r="AD48" s="203"/>
      <c r="AE48" s="203"/>
      <c r="AF48" s="203"/>
      <c r="AG48" s="203"/>
    </row>
    <row r="49" spans="2:34" x14ac:dyDescent="0.15">
      <c r="B49" s="199" t="s">
        <v>338</v>
      </c>
    </row>
    <row r="50" spans="2:34" x14ac:dyDescent="0.15">
      <c r="B50" s="833" t="s">
        <v>337</v>
      </c>
      <c r="C50" s="833"/>
      <c r="D50" s="833"/>
      <c r="E50" s="833"/>
      <c r="F50" s="833"/>
      <c r="G50" s="833"/>
      <c r="H50" s="833"/>
      <c r="I50" s="833"/>
      <c r="J50" s="833"/>
      <c r="K50" s="833"/>
      <c r="L50" s="833"/>
      <c r="M50" s="833"/>
      <c r="N50" s="833"/>
      <c r="O50" s="833"/>
      <c r="P50" s="833"/>
      <c r="Q50" s="833"/>
      <c r="R50" s="833"/>
      <c r="S50" s="833"/>
      <c r="T50" s="833"/>
      <c r="U50" s="833"/>
      <c r="V50" s="833"/>
      <c r="W50" s="833"/>
      <c r="X50" s="833"/>
      <c r="Y50" s="833"/>
      <c r="Z50" s="833"/>
      <c r="AA50" s="833"/>
      <c r="AB50" s="833"/>
      <c r="AC50" s="833"/>
      <c r="AD50" s="833"/>
      <c r="AE50" s="833"/>
      <c r="AF50" s="833"/>
      <c r="AG50" s="833"/>
      <c r="AH50" s="833"/>
    </row>
    <row r="51" spans="2:34" x14ac:dyDescent="0.15">
      <c r="B51" s="833" t="s">
        <v>336</v>
      </c>
      <c r="C51" s="833"/>
      <c r="D51" s="833"/>
      <c r="E51" s="833"/>
      <c r="F51" s="833"/>
      <c r="G51" s="833"/>
      <c r="H51" s="833"/>
      <c r="I51" s="833"/>
      <c r="J51" s="833"/>
      <c r="K51" s="833"/>
      <c r="L51" s="833"/>
      <c r="M51" s="833"/>
      <c r="N51" s="833"/>
      <c r="O51" s="833"/>
      <c r="P51" s="833"/>
      <c r="Q51" s="833"/>
      <c r="R51" s="833"/>
      <c r="S51" s="833"/>
      <c r="T51" s="833"/>
      <c r="U51" s="833"/>
      <c r="V51" s="833"/>
      <c r="W51" s="833"/>
      <c r="X51" s="833"/>
      <c r="Y51" s="833"/>
      <c r="Z51" s="833"/>
      <c r="AA51" s="833"/>
      <c r="AB51" s="833"/>
      <c r="AC51" s="833"/>
      <c r="AD51" s="833"/>
      <c r="AE51" s="833"/>
      <c r="AF51" s="833"/>
      <c r="AG51" s="833"/>
      <c r="AH51" s="833"/>
    </row>
    <row r="52" spans="2:34" x14ac:dyDescent="0.15">
      <c r="B52" s="833" t="s">
        <v>335</v>
      </c>
      <c r="C52" s="833"/>
      <c r="D52" s="833"/>
      <c r="E52" s="833"/>
      <c r="F52" s="833"/>
      <c r="G52" s="833"/>
      <c r="H52" s="833"/>
      <c r="I52" s="833"/>
      <c r="J52" s="833"/>
      <c r="K52" s="833"/>
      <c r="L52" s="833"/>
      <c r="M52" s="833"/>
      <c r="N52" s="833"/>
      <c r="O52" s="833"/>
      <c r="P52" s="833"/>
      <c r="Q52" s="833"/>
      <c r="R52" s="833"/>
      <c r="S52" s="833"/>
      <c r="T52" s="833"/>
      <c r="U52" s="833"/>
      <c r="V52" s="833"/>
      <c r="W52" s="833"/>
      <c r="X52" s="833"/>
      <c r="Y52" s="833"/>
      <c r="Z52" s="833"/>
      <c r="AA52" s="833"/>
      <c r="AB52" s="833"/>
      <c r="AC52" s="833"/>
      <c r="AD52" s="833"/>
      <c r="AE52" s="833"/>
      <c r="AF52" s="833"/>
      <c r="AG52" s="833"/>
      <c r="AH52" s="833"/>
    </row>
    <row r="53" spans="2:34" x14ac:dyDescent="0.15">
      <c r="B53" s="833" t="s">
        <v>334</v>
      </c>
      <c r="C53" s="833"/>
      <c r="D53" s="833"/>
      <c r="E53" s="833"/>
      <c r="F53" s="833"/>
      <c r="G53" s="833"/>
      <c r="H53" s="833"/>
      <c r="I53" s="833"/>
      <c r="J53" s="833"/>
      <c r="K53" s="833"/>
      <c r="L53" s="833"/>
      <c r="M53" s="833"/>
      <c r="N53" s="833"/>
      <c r="O53" s="833"/>
      <c r="P53" s="833"/>
      <c r="Q53" s="833"/>
      <c r="R53" s="833"/>
      <c r="S53" s="833"/>
      <c r="T53" s="833"/>
      <c r="U53" s="833"/>
      <c r="V53" s="833"/>
      <c r="W53" s="833"/>
      <c r="X53" s="833"/>
      <c r="Y53" s="833"/>
      <c r="Z53" s="833"/>
      <c r="AA53" s="833"/>
      <c r="AB53" s="833"/>
      <c r="AC53" s="833"/>
      <c r="AD53" s="833"/>
      <c r="AE53" s="833"/>
      <c r="AF53" s="833"/>
      <c r="AG53" s="833"/>
      <c r="AH53" s="833"/>
    </row>
    <row r="54" spans="2:34" x14ac:dyDescent="0.15">
      <c r="B54" s="833" t="s">
        <v>333</v>
      </c>
      <c r="C54" s="833"/>
      <c r="D54" s="833"/>
      <c r="E54" s="833"/>
      <c r="F54" s="833"/>
      <c r="G54" s="833"/>
      <c r="H54" s="833"/>
      <c r="I54" s="833"/>
      <c r="J54" s="833"/>
      <c r="K54" s="833"/>
      <c r="L54" s="833"/>
      <c r="M54" s="833"/>
      <c r="N54" s="833"/>
      <c r="O54" s="833"/>
      <c r="P54" s="833"/>
      <c r="Q54" s="833"/>
      <c r="R54" s="833"/>
      <c r="S54" s="833"/>
      <c r="T54" s="833"/>
      <c r="U54" s="833"/>
      <c r="V54" s="833"/>
      <c r="W54" s="833"/>
      <c r="X54" s="833"/>
      <c r="Y54" s="833"/>
      <c r="Z54" s="833"/>
      <c r="AA54" s="833"/>
      <c r="AB54" s="833"/>
      <c r="AC54" s="833"/>
      <c r="AD54" s="833"/>
      <c r="AE54" s="833"/>
      <c r="AF54" s="833"/>
      <c r="AG54" s="833"/>
      <c r="AH54" s="833"/>
    </row>
    <row r="55" spans="2:34" x14ac:dyDescent="0.15">
      <c r="B55" s="833" t="s">
        <v>332</v>
      </c>
      <c r="C55" s="833"/>
      <c r="D55" s="833"/>
      <c r="E55" s="833"/>
      <c r="F55" s="833"/>
      <c r="G55" s="833"/>
      <c r="H55" s="833"/>
      <c r="I55" s="833"/>
      <c r="J55" s="833"/>
      <c r="K55" s="833"/>
      <c r="L55" s="833"/>
      <c r="M55" s="833"/>
      <c r="N55" s="833"/>
      <c r="O55" s="833"/>
      <c r="P55" s="833"/>
      <c r="Q55" s="833"/>
      <c r="R55" s="833"/>
      <c r="S55" s="833"/>
      <c r="T55" s="833"/>
      <c r="U55" s="833"/>
      <c r="V55" s="833"/>
      <c r="W55" s="833"/>
      <c r="X55" s="833"/>
      <c r="Y55" s="833"/>
      <c r="Z55" s="833"/>
      <c r="AA55" s="833"/>
      <c r="AB55" s="833"/>
      <c r="AC55" s="833"/>
      <c r="AD55" s="833"/>
      <c r="AE55" s="833"/>
      <c r="AF55" s="833"/>
      <c r="AG55" s="833"/>
      <c r="AH55" s="833"/>
    </row>
    <row r="56" spans="2:34" x14ac:dyDescent="0.15">
      <c r="B56" s="832"/>
      <c r="C56" s="832"/>
      <c r="D56" s="832"/>
      <c r="E56" s="832"/>
      <c r="F56" s="832"/>
      <c r="G56" s="832"/>
      <c r="H56" s="832"/>
      <c r="I56" s="832"/>
      <c r="J56" s="832"/>
      <c r="K56" s="832"/>
      <c r="L56" s="832"/>
      <c r="M56" s="832"/>
      <c r="N56" s="832"/>
      <c r="O56" s="832"/>
      <c r="P56" s="832"/>
      <c r="Q56" s="832"/>
      <c r="R56" s="832"/>
      <c r="S56" s="832"/>
      <c r="T56" s="832"/>
      <c r="U56" s="832"/>
      <c r="V56" s="832"/>
      <c r="W56" s="832"/>
      <c r="X56" s="832"/>
      <c r="Y56" s="832"/>
      <c r="Z56" s="832"/>
      <c r="AA56" s="832"/>
      <c r="AB56" s="832"/>
      <c r="AC56" s="832"/>
      <c r="AD56" s="832"/>
      <c r="AE56" s="832"/>
      <c r="AF56" s="832"/>
      <c r="AG56" s="832"/>
      <c r="AH56" s="832"/>
    </row>
    <row r="57" spans="2:34" x14ac:dyDescent="0.15">
      <c r="B57" s="832"/>
      <c r="C57" s="832"/>
      <c r="D57" s="832"/>
      <c r="E57" s="832"/>
      <c r="F57" s="832"/>
      <c r="G57" s="832"/>
      <c r="H57" s="832"/>
      <c r="I57" s="832"/>
      <c r="J57" s="832"/>
      <c r="K57" s="832"/>
      <c r="L57" s="832"/>
      <c r="M57" s="832"/>
      <c r="N57" s="832"/>
      <c r="O57" s="832"/>
      <c r="P57" s="832"/>
      <c r="Q57" s="832"/>
      <c r="R57" s="832"/>
      <c r="S57" s="832"/>
      <c r="T57" s="832"/>
      <c r="U57" s="832"/>
      <c r="V57" s="832"/>
      <c r="W57" s="832"/>
      <c r="X57" s="832"/>
      <c r="Y57" s="832"/>
      <c r="Z57" s="832"/>
      <c r="AA57" s="832"/>
      <c r="AB57" s="832"/>
      <c r="AC57" s="832"/>
      <c r="AD57" s="832"/>
      <c r="AE57" s="832"/>
      <c r="AF57" s="832"/>
      <c r="AG57" s="832"/>
      <c r="AH57" s="832"/>
    </row>
    <row r="58" spans="2:34" x14ac:dyDescent="0.15">
      <c r="B58" s="832"/>
      <c r="C58" s="832"/>
      <c r="D58" s="832"/>
      <c r="E58" s="832"/>
      <c r="F58" s="832"/>
      <c r="G58" s="832"/>
      <c r="H58" s="832"/>
      <c r="I58" s="832"/>
      <c r="J58" s="832"/>
      <c r="K58" s="832"/>
      <c r="L58" s="832"/>
      <c r="M58" s="832"/>
      <c r="N58" s="832"/>
      <c r="O58" s="832"/>
      <c r="P58" s="832"/>
      <c r="Q58" s="832"/>
      <c r="R58" s="832"/>
      <c r="S58" s="832"/>
      <c r="T58" s="832"/>
      <c r="U58" s="832"/>
      <c r="V58" s="832"/>
      <c r="W58" s="832"/>
      <c r="X58" s="832"/>
      <c r="Y58" s="832"/>
      <c r="Z58" s="832"/>
      <c r="AA58" s="832"/>
      <c r="AB58" s="832"/>
      <c r="AC58" s="832"/>
      <c r="AD58" s="832"/>
      <c r="AE58" s="832"/>
      <c r="AF58" s="832"/>
      <c r="AG58" s="832"/>
      <c r="AH58" s="832"/>
    </row>
    <row r="59" spans="2:34" x14ac:dyDescent="0.15">
      <c r="B59" s="832"/>
      <c r="C59" s="832"/>
      <c r="D59" s="832"/>
      <c r="E59" s="832"/>
      <c r="F59" s="832"/>
      <c r="G59" s="832"/>
      <c r="H59" s="832"/>
      <c r="I59" s="832"/>
      <c r="J59" s="832"/>
      <c r="K59" s="832"/>
      <c r="L59" s="832"/>
      <c r="M59" s="832"/>
      <c r="N59" s="832"/>
      <c r="O59" s="832"/>
      <c r="P59" s="832"/>
      <c r="Q59" s="832"/>
      <c r="R59" s="832"/>
      <c r="S59" s="832"/>
      <c r="T59" s="832"/>
      <c r="U59" s="832"/>
      <c r="V59" s="832"/>
      <c r="W59" s="832"/>
      <c r="X59" s="832"/>
      <c r="Y59" s="832"/>
      <c r="Z59" s="832"/>
      <c r="AA59" s="832"/>
      <c r="AB59" s="832"/>
      <c r="AC59" s="832"/>
      <c r="AD59" s="832"/>
      <c r="AE59" s="832"/>
      <c r="AF59" s="832"/>
      <c r="AG59" s="832"/>
      <c r="AH59" s="832"/>
    </row>
    <row r="60" spans="2:34" x14ac:dyDescent="0.15">
      <c r="B60" s="832"/>
      <c r="C60" s="832"/>
      <c r="D60" s="832"/>
      <c r="E60" s="832"/>
      <c r="F60" s="832"/>
      <c r="G60" s="832"/>
      <c r="H60" s="832"/>
      <c r="I60" s="832"/>
      <c r="J60" s="832"/>
      <c r="K60" s="832"/>
      <c r="L60" s="832"/>
      <c r="M60" s="832"/>
      <c r="N60" s="832"/>
      <c r="O60" s="832"/>
      <c r="P60" s="832"/>
      <c r="Q60" s="832"/>
      <c r="R60" s="832"/>
      <c r="S60" s="832"/>
      <c r="T60" s="832"/>
      <c r="U60" s="832"/>
      <c r="V60" s="832"/>
      <c r="W60" s="832"/>
      <c r="X60" s="832"/>
      <c r="Y60" s="832"/>
      <c r="Z60" s="832"/>
      <c r="AA60" s="832"/>
      <c r="AB60" s="832"/>
      <c r="AC60" s="832"/>
      <c r="AD60" s="832"/>
      <c r="AE60" s="832"/>
      <c r="AF60" s="832"/>
      <c r="AG60" s="832"/>
      <c r="AH60" s="832"/>
    </row>
    <row r="61" spans="2:34" x14ac:dyDescent="0.15">
      <c r="B61" s="832"/>
      <c r="C61" s="832"/>
      <c r="D61" s="832"/>
      <c r="E61" s="832"/>
      <c r="F61" s="832"/>
      <c r="G61" s="832"/>
      <c r="H61" s="832"/>
      <c r="I61" s="832"/>
      <c r="J61" s="832"/>
      <c r="K61" s="832"/>
      <c r="L61" s="832"/>
      <c r="M61" s="832"/>
      <c r="N61" s="832"/>
      <c r="O61" s="832"/>
      <c r="P61" s="832"/>
      <c r="Q61" s="832"/>
      <c r="R61" s="832"/>
      <c r="S61" s="832"/>
      <c r="T61" s="832"/>
      <c r="U61" s="832"/>
      <c r="V61" s="832"/>
      <c r="W61" s="832"/>
      <c r="X61" s="832"/>
      <c r="Y61" s="832"/>
      <c r="Z61" s="832"/>
      <c r="AA61" s="832"/>
      <c r="AB61" s="832"/>
      <c r="AC61" s="832"/>
      <c r="AD61" s="832"/>
      <c r="AE61" s="832"/>
      <c r="AF61" s="832"/>
      <c r="AG61" s="832"/>
      <c r="AH61" s="832"/>
    </row>
    <row r="62" spans="2:34" x14ac:dyDescent="0.15">
      <c r="B62" s="832"/>
      <c r="C62" s="832"/>
      <c r="D62" s="832"/>
      <c r="E62" s="832"/>
      <c r="F62" s="832"/>
      <c r="G62" s="832"/>
      <c r="H62" s="832"/>
      <c r="I62" s="832"/>
      <c r="J62" s="832"/>
      <c r="K62" s="832"/>
      <c r="L62" s="832"/>
      <c r="M62" s="832"/>
      <c r="N62" s="832"/>
      <c r="O62" s="832"/>
      <c r="P62" s="832"/>
      <c r="Q62" s="832"/>
      <c r="R62" s="832"/>
      <c r="S62" s="832"/>
      <c r="T62" s="832"/>
      <c r="U62" s="832"/>
      <c r="V62" s="832"/>
      <c r="W62" s="832"/>
      <c r="X62" s="832"/>
      <c r="Y62" s="832"/>
      <c r="Z62" s="832"/>
      <c r="AA62" s="832"/>
      <c r="AB62" s="832"/>
      <c r="AC62" s="832"/>
      <c r="AD62" s="832"/>
      <c r="AE62" s="832"/>
      <c r="AF62" s="832"/>
      <c r="AG62" s="832"/>
      <c r="AH62" s="832"/>
    </row>
    <row r="63" spans="2:34" x14ac:dyDescent="0.15">
      <c r="B63" s="832"/>
      <c r="C63" s="832"/>
      <c r="D63" s="832"/>
      <c r="E63" s="832"/>
      <c r="F63" s="832"/>
      <c r="G63" s="832"/>
      <c r="H63" s="832"/>
      <c r="I63" s="832"/>
      <c r="J63" s="832"/>
      <c r="K63" s="832"/>
      <c r="L63" s="832"/>
      <c r="M63" s="832"/>
      <c r="N63" s="832"/>
      <c r="O63" s="832"/>
      <c r="P63" s="832"/>
      <c r="Q63" s="832"/>
      <c r="R63" s="832"/>
      <c r="S63" s="832"/>
      <c r="T63" s="832"/>
      <c r="U63" s="832"/>
      <c r="V63" s="832"/>
      <c r="W63" s="832"/>
      <c r="X63" s="832"/>
      <c r="Y63" s="832"/>
      <c r="Z63" s="832"/>
      <c r="AA63" s="832"/>
      <c r="AB63" s="832"/>
      <c r="AC63" s="832"/>
      <c r="AD63" s="832"/>
      <c r="AE63" s="832"/>
      <c r="AF63" s="832"/>
      <c r="AG63" s="832"/>
      <c r="AH63" s="832"/>
    </row>
    <row r="64" spans="2:34" x14ac:dyDescent="0.15">
      <c r="B64" s="832"/>
      <c r="C64" s="832"/>
      <c r="D64" s="832"/>
      <c r="E64" s="832"/>
      <c r="F64" s="832"/>
      <c r="G64" s="832"/>
      <c r="H64" s="832"/>
      <c r="I64" s="832"/>
      <c r="J64" s="832"/>
      <c r="K64" s="832"/>
      <c r="L64" s="832"/>
      <c r="M64" s="832"/>
      <c r="N64" s="832"/>
      <c r="O64" s="832"/>
      <c r="P64" s="832"/>
      <c r="Q64" s="832"/>
      <c r="R64" s="832"/>
      <c r="S64" s="832"/>
      <c r="T64" s="832"/>
      <c r="U64" s="832"/>
      <c r="V64" s="832"/>
      <c r="W64" s="832"/>
      <c r="X64" s="832"/>
      <c r="Y64" s="832"/>
      <c r="Z64" s="832"/>
      <c r="AA64" s="832"/>
      <c r="AB64" s="832"/>
      <c r="AC64" s="832"/>
      <c r="AD64" s="832"/>
      <c r="AE64" s="832"/>
      <c r="AF64" s="832"/>
      <c r="AG64" s="832"/>
      <c r="AH64" s="832"/>
    </row>
    <row r="88" spans="12:12" x14ac:dyDescent="0.15">
      <c r="L88" s="202"/>
    </row>
    <row r="122" spans="3:7" x14ac:dyDescent="0.15">
      <c r="C122" s="201"/>
      <c r="D122" s="201"/>
      <c r="E122" s="201"/>
      <c r="F122" s="201"/>
      <c r="G122" s="201"/>
    </row>
    <row r="123" spans="3:7" x14ac:dyDescent="0.15">
      <c r="C123" s="200"/>
    </row>
  </sheetData>
  <mergeCells count="131">
    <mergeCell ref="T18:Y18"/>
    <mergeCell ref="AA18:AF18"/>
    <mergeCell ref="B3:AH3"/>
    <mergeCell ref="Q5:AH5"/>
    <mergeCell ref="Q6:AH6"/>
    <mergeCell ref="B16:E16"/>
    <mergeCell ref="F16:L16"/>
    <mergeCell ref="M16:S16"/>
    <mergeCell ref="T16:Z16"/>
    <mergeCell ref="AA16:AG16"/>
    <mergeCell ref="B19:C19"/>
    <mergeCell ref="D19:E19"/>
    <mergeCell ref="F19:K19"/>
    <mergeCell ref="M19:R19"/>
    <mergeCell ref="T19:Y19"/>
    <mergeCell ref="AA19:AF19"/>
    <mergeCell ref="B17:C17"/>
    <mergeCell ref="D17:E17"/>
    <mergeCell ref="F17:K17"/>
    <mergeCell ref="M17:R17"/>
    <mergeCell ref="T17:Y17"/>
    <mergeCell ref="AA17:AF17"/>
    <mergeCell ref="B18:C18"/>
    <mergeCell ref="D18:E18"/>
    <mergeCell ref="F18:K18"/>
    <mergeCell ref="M18:R18"/>
    <mergeCell ref="B20:C20"/>
    <mergeCell ref="D20:E20"/>
    <mergeCell ref="F20:K20"/>
    <mergeCell ref="M20:R20"/>
    <mergeCell ref="T20:Y20"/>
    <mergeCell ref="AA20:AF20"/>
    <mergeCell ref="B21:C21"/>
    <mergeCell ref="D21:E21"/>
    <mergeCell ref="F21:K21"/>
    <mergeCell ref="M21:R21"/>
    <mergeCell ref="T21:Y21"/>
    <mergeCell ref="AA21:AF21"/>
    <mergeCell ref="B22:C22"/>
    <mergeCell ref="D22:E22"/>
    <mergeCell ref="F22:K22"/>
    <mergeCell ref="M22:R22"/>
    <mergeCell ref="T22:Y22"/>
    <mergeCell ref="AA22:AF22"/>
    <mergeCell ref="B23:C23"/>
    <mergeCell ref="D23:E23"/>
    <mergeCell ref="F23:K23"/>
    <mergeCell ref="M23:R23"/>
    <mergeCell ref="T23:Y23"/>
    <mergeCell ref="AA23:AF23"/>
    <mergeCell ref="B24:C24"/>
    <mergeCell ref="D24:E24"/>
    <mergeCell ref="F24:K24"/>
    <mergeCell ref="M24:R24"/>
    <mergeCell ref="T24:Y24"/>
    <mergeCell ref="AA24:AF24"/>
    <mergeCell ref="B25:C25"/>
    <mergeCell ref="D25:E25"/>
    <mergeCell ref="F25:K25"/>
    <mergeCell ref="M25:R25"/>
    <mergeCell ref="T25:Y25"/>
    <mergeCell ref="AA25:AF25"/>
    <mergeCell ref="B26:C26"/>
    <mergeCell ref="D26:E26"/>
    <mergeCell ref="F26:K26"/>
    <mergeCell ref="M26:R26"/>
    <mergeCell ref="T26:Y26"/>
    <mergeCell ref="AA26:AF26"/>
    <mergeCell ref="B27:C27"/>
    <mergeCell ref="D27:E27"/>
    <mergeCell ref="F27:K27"/>
    <mergeCell ref="M27:R27"/>
    <mergeCell ref="T27:Y27"/>
    <mergeCell ref="AA27:AF27"/>
    <mergeCell ref="B28:E28"/>
    <mergeCell ref="F28:K28"/>
    <mergeCell ref="M28:R28"/>
    <mergeCell ref="T28:Y28"/>
    <mergeCell ref="AA28:AF28"/>
    <mergeCell ref="B30:E31"/>
    <mergeCell ref="F30:K31"/>
    <mergeCell ref="L30:L31"/>
    <mergeCell ref="B33:E34"/>
    <mergeCell ref="F33:K34"/>
    <mergeCell ref="L33:L34"/>
    <mergeCell ref="B37:E37"/>
    <mergeCell ref="F37:L37"/>
    <mergeCell ref="M37:S37"/>
    <mergeCell ref="T37:Z37"/>
    <mergeCell ref="AA37:AG37"/>
    <mergeCell ref="B38:D38"/>
    <mergeCell ref="F38:K38"/>
    <mergeCell ref="M38:R38"/>
    <mergeCell ref="T38:Y38"/>
    <mergeCell ref="AA38:AF38"/>
    <mergeCell ref="B39:D39"/>
    <mergeCell ref="F39:K39"/>
    <mergeCell ref="M39:R39"/>
    <mergeCell ref="T39:Y39"/>
    <mergeCell ref="AA39:AF39"/>
    <mergeCell ref="B40:D40"/>
    <mergeCell ref="F40:K40"/>
    <mergeCell ref="M40:R40"/>
    <mergeCell ref="T40:Y40"/>
    <mergeCell ref="AA40:AF40"/>
    <mergeCell ref="B41:E41"/>
    <mergeCell ref="F41:K41"/>
    <mergeCell ref="M41:R41"/>
    <mergeCell ref="T41:Y41"/>
    <mergeCell ref="AA41:AF41"/>
    <mergeCell ref="B43:E44"/>
    <mergeCell ref="F43:K44"/>
    <mergeCell ref="L43:L44"/>
    <mergeCell ref="B46:E47"/>
    <mergeCell ref="F46:K47"/>
    <mergeCell ref="L46:L47"/>
    <mergeCell ref="B59:AH59"/>
    <mergeCell ref="B60:AH60"/>
    <mergeCell ref="B61:AH61"/>
    <mergeCell ref="B62:AH62"/>
    <mergeCell ref="B63:AH63"/>
    <mergeCell ref="B64:AH64"/>
    <mergeCell ref="B50:AH50"/>
    <mergeCell ref="B51:AH51"/>
    <mergeCell ref="B52:AH52"/>
    <mergeCell ref="B53:AH53"/>
    <mergeCell ref="B54:AH54"/>
    <mergeCell ref="B55:AH55"/>
    <mergeCell ref="B56:AH56"/>
    <mergeCell ref="B57:AH57"/>
    <mergeCell ref="B58:AH58"/>
  </mergeCells>
  <phoneticPr fontId="2"/>
  <dataValidations count="1">
    <dataValidation type="list" allowBlank="1" showInputMessage="1" showErrorMessage="1" sqref="C9 J9 C12:C13">
      <formula1>"□,■"</formula1>
    </dataValidation>
  </dataValidations>
  <pageMargins left="0.7" right="0.7" top="0.75" bottom="0.75" header="0.3" footer="0.3"/>
  <pageSetup paperSize="9" scale="60" orientation="portrait" r:id="rId1"/>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K123"/>
  <sheetViews>
    <sheetView zoomScaleNormal="100" zoomScaleSheetLayoutView="25" workbookViewId="0">
      <selection activeCell="C87" sqref="C87"/>
    </sheetView>
  </sheetViews>
  <sheetFormatPr defaultColWidth="3.625" defaultRowHeight="13.5" x14ac:dyDescent="0.15"/>
  <cols>
    <col min="1" max="1" width="2.125" style="218" customWidth="1"/>
    <col min="2" max="11" width="3.625" style="218"/>
    <col min="12" max="12" width="5.625" style="218" customWidth="1"/>
    <col min="13" max="18" width="3.625" style="218"/>
    <col min="19" max="19" width="5.625" style="218" customWidth="1"/>
    <col min="20" max="25" width="3.625" style="218"/>
    <col min="26" max="26" width="5.625" style="218" customWidth="1"/>
    <col min="27" max="27" width="2.125" style="218" customWidth="1"/>
    <col min="28" max="37" width="5.625" style="218" customWidth="1"/>
    <col min="38" max="16384" width="3.625" style="218"/>
  </cols>
  <sheetData>
    <row r="1" spans="1:37" s="8" customFormat="1" x14ac:dyDescent="0.15">
      <c r="A1" s="218"/>
      <c r="B1" s="218" t="s">
        <v>387</v>
      </c>
      <c r="C1" s="218"/>
      <c r="D1" s="218"/>
      <c r="E1" s="218"/>
      <c r="F1" s="218"/>
      <c r="G1" s="218"/>
      <c r="H1" s="218"/>
      <c r="I1" s="218"/>
      <c r="J1" s="218"/>
      <c r="K1" s="218"/>
      <c r="L1" s="218"/>
      <c r="M1" s="231"/>
      <c r="N1" s="221"/>
      <c r="O1" s="221"/>
      <c r="P1" s="221"/>
      <c r="Q1" s="218"/>
      <c r="R1" s="218"/>
      <c r="S1" s="218"/>
      <c r="T1" s="231" t="s">
        <v>12</v>
      </c>
      <c r="U1" s="230"/>
      <c r="V1" s="221" t="s">
        <v>11</v>
      </c>
      <c r="W1" s="230"/>
      <c r="X1" s="221" t="s">
        <v>10</v>
      </c>
      <c r="Y1" s="230"/>
      <c r="Z1" s="221" t="s">
        <v>20</v>
      </c>
      <c r="AA1" s="218"/>
      <c r="AB1" s="218"/>
      <c r="AC1" s="218"/>
      <c r="AD1" s="218"/>
      <c r="AE1" s="218"/>
      <c r="AF1" s="218"/>
      <c r="AG1" s="218"/>
      <c r="AH1" s="218"/>
      <c r="AI1" s="218"/>
      <c r="AJ1" s="218"/>
      <c r="AK1" s="218"/>
    </row>
    <row r="2" spans="1:37" s="8" customFormat="1" ht="21" customHeight="1" x14ac:dyDescent="0.15">
      <c r="A2" s="218"/>
      <c r="B2" s="218"/>
      <c r="C2" s="218"/>
      <c r="D2" s="218"/>
      <c r="E2" s="218"/>
      <c r="F2" s="218"/>
      <c r="G2" s="218"/>
      <c r="H2" s="218"/>
      <c r="I2" s="218"/>
      <c r="J2" s="218"/>
      <c r="K2" s="218"/>
      <c r="L2" s="218"/>
      <c r="M2" s="231"/>
      <c r="N2" s="221"/>
      <c r="O2" s="221"/>
      <c r="P2" s="221"/>
      <c r="Q2" s="231"/>
      <c r="R2" s="221"/>
      <c r="S2" s="221"/>
      <c r="T2" s="221"/>
      <c r="U2" s="221"/>
      <c r="V2" s="221"/>
      <c r="W2" s="221"/>
      <c r="X2" s="221"/>
      <c r="Y2" s="221"/>
      <c r="Z2" s="221"/>
      <c r="AA2" s="218"/>
      <c r="AB2" s="218"/>
      <c r="AC2" s="218"/>
      <c r="AD2" s="218"/>
      <c r="AE2" s="218"/>
      <c r="AF2" s="218"/>
      <c r="AG2" s="218"/>
      <c r="AH2" s="218"/>
      <c r="AI2" s="218"/>
      <c r="AJ2" s="218"/>
      <c r="AK2" s="218"/>
    </row>
    <row r="3" spans="1:37" s="8" customFormat="1" ht="21" customHeight="1" x14ac:dyDescent="0.15">
      <c r="A3" s="218"/>
      <c r="B3" s="902" t="s">
        <v>386</v>
      </c>
      <c r="C3" s="902"/>
      <c r="D3" s="902"/>
      <c r="E3" s="902"/>
      <c r="F3" s="902"/>
      <c r="G3" s="902"/>
      <c r="H3" s="902"/>
      <c r="I3" s="902"/>
      <c r="J3" s="902"/>
      <c r="K3" s="902"/>
      <c r="L3" s="902"/>
      <c r="M3" s="902"/>
      <c r="N3" s="902"/>
      <c r="O3" s="902"/>
      <c r="P3" s="902"/>
      <c r="Q3" s="902"/>
      <c r="R3" s="902"/>
      <c r="S3" s="902"/>
      <c r="T3" s="902"/>
      <c r="U3" s="902"/>
      <c r="V3" s="902"/>
      <c r="W3" s="902"/>
      <c r="X3" s="902"/>
      <c r="Y3" s="902"/>
      <c r="Z3" s="902"/>
      <c r="AA3" s="218"/>
      <c r="AB3" s="218"/>
      <c r="AC3" s="218"/>
      <c r="AD3" s="218"/>
      <c r="AE3" s="218"/>
      <c r="AF3" s="218"/>
      <c r="AG3" s="218"/>
      <c r="AH3" s="218"/>
      <c r="AI3" s="218"/>
      <c r="AJ3" s="218"/>
      <c r="AK3" s="218"/>
    </row>
    <row r="4" spans="1:37" s="8" customFormat="1" x14ac:dyDescent="0.15">
      <c r="A4" s="218"/>
      <c r="B4" s="221"/>
      <c r="C4" s="221"/>
      <c r="D4" s="221"/>
      <c r="E4" s="221"/>
      <c r="F4" s="221"/>
      <c r="G4" s="221"/>
      <c r="H4" s="221"/>
      <c r="I4" s="221"/>
      <c r="J4" s="221"/>
      <c r="K4" s="221"/>
      <c r="L4" s="221"/>
      <c r="M4" s="221"/>
      <c r="N4" s="221"/>
      <c r="O4" s="221"/>
      <c r="P4" s="221"/>
      <c r="Q4" s="221"/>
      <c r="R4" s="221"/>
      <c r="S4" s="221"/>
      <c r="T4" s="221"/>
      <c r="U4" s="221"/>
      <c r="V4" s="221"/>
      <c r="W4" s="221"/>
      <c r="X4" s="221"/>
      <c r="Y4" s="221"/>
      <c r="Z4" s="221"/>
      <c r="AA4" s="218"/>
      <c r="AB4" s="218"/>
      <c r="AC4" s="218"/>
      <c r="AD4" s="218"/>
      <c r="AE4" s="218"/>
      <c r="AF4" s="218"/>
      <c r="AG4" s="218"/>
      <c r="AH4" s="218"/>
      <c r="AI4" s="218"/>
      <c r="AJ4" s="218"/>
      <c r="AK4" s="218"/>
    </row>
    <row r="5" spans="1:37" s="8" customFormat="1" ht="21" customHeight="1" x14ac:dyDescent="0.15">
      <c r="A5" s="218"/>
      <c r="B5" s="221"/>
      <c r="C5" s="221"/>
      <c r="D5" s="221"/>
      <c r="E5" s="221"/>
      <c r="F5" s="221"/>
      <c r="G5" s="221"/>
      <c r="H5" s="221"/>
      <c r="I5" s="221"/>
      <c r="J5" s="221"/>
      <c r="K5" s="221"/>
      <c r="L5" s="221"/>
      <c r="M5" s="221"/>
      <c r="N5" s="221"/>
      <c r="O5" s="221"/>
      <c r="P5" s="231" t="s">
        <v>211</v>
      </c>
      <c r="Q5" s="232"/>
      <c r="R5" s="232"/>
      <c r="S5" s="232"/>
      <c r="T5" s="232"/>
      <c r="U5" s="232"/>
      <c r="V5" s="232"/>
      <c r="W5" s="232"/>
      <c r="X5" s="232"/>
      <c r="Y5" s="232"/>
      <c r="Z5" s="232"/>
      <c r="AA5" s="218"/>
      <c r="AB5" s="218"/>
      <c r="AC5" s="218"/>
      <c r="AD5" s="218"/>
      <c r="AE5" s="218"/>
      <c r="AF5" s="218"/>
      <c r="AG5" s="218"/>
      <c r="AH5" s="218"/>
      <c r="AI5" s="218"/>
      <c r="AJ5" s="218"/>
      <c r="AK5" s="218"/>
    </row>
    <row r="6" spans="1:37" s="8" customFormat="1" ht="21" customHeight="1" x14ac:dyDescent="0.15">
      <c r="A6" s="218"/>
      <c r="B6" s="221"/>
      <c r="C6" s="221"/>
      <c r="D6" s="221"/>
      <c r="E6" s="221"/>
      <c r="F6" s="221"/>
      <c r="G6" s="221"/>
      <c r="H6" s="221"/>
      <c r="I6" s="221"/>
      <c r="J6" s="221"/>
      <c r="K6" s="221"/>
      <c r="L6" s="221"/>
      <c r="M6" s="221"/>
      <c r="N6" s="221"/>
      <c r="O6" s="221"/>
      <c r="P6" s="231" t="s">
        <v>57</v>
      </c>
      <c r="Q6" s="903"/>
      <c r="R6" s="903"/>
      <c r="S6" s="903"/>
      <c r="T6" s="903"/>
      <c r="U6" s="903"/>
      <c r="V6" s="903"/>
      <c r="W6" s="903"/>
      <c r="X6" s="903"/>
      <c r="Y6" s="903"/>
      <c r="Z6" s="903"/>
      <c r="AA6" s="218"/>
      <c r="AB6" s="218"/>
      <c r="AC6" s="218"/>
      <c r="AD6" s="218"/>
      <c r="AE6" s="218"/>
      <c r="AF6" s="218"/>
      <c r="AG6" s="218"/>
      <c r="AH6" s="218"/>
      <c r="AI6" s="218"/>
      <c r="AJ6" s="218"/>
      <c r="AK6" s="218"/>
    </row>
    <row r="7" spans="1:37" s="8" customFormat="1" ht="21" customHeight="1" x14ac:dyDescent="0.15">
      <c r="A7" s="218"/>
      <c r="B7" s="221"/>
      <c r="C7" s="221"/>
      <c r="D7" s="221"/>
      <c r="E7" s="221"/>
      <c r="F7" s="221"/>
      <c r="G7" s="221"/>
      <c r="H7" s="221"/>
      <c r="I7" s="221"/>
      <c r="J7" s="221"/>
      <c r="K7" s="221"/>
      <c r="L7" s="221"/>
      <c r="M7" s="221"/>
      <c r="N7" s="221"/>
      <c r="O7" s="221"/>
      <c r="P7" s="221"/>
      <c r="Q7" s="221"/>
      <c r="R7" s="221"/>
      <c r="S7" s="221"/>
      <c r="T7" s="221"/>
      <c r="U7" s="221"/>
      <c r="V7" s="221"/>
      <c r="W7" s="221"/>
      <c r="X7" s="221"/>
      <c r="Y7" s="221"/>
      <c r="Z7" s="221"/>
      <c r="AA7" s="218"/>
      <c r="AB7" s="218"/>
      <c r="AC7" s="218"/>
      <c r="AD7" s="218"/>
      <c r="AE7" s="218"/>
      <c r="AF7" s="218"/>
      <c r="AG7" s="218"/>
      <c r="AH7" s="218"/>
      <c r="AI7" s="218"/>
      <c r="AJ7" s="218"/>
      <c r="AK7" s="218"/>
    </row>
    <row r="8" spans="1:37" ht="21" customHeight="1" x14ac:dyDescent="0.15">
      <c r="B8" s="218" t="s">
        <v>385</v>
      </c>
    </row>
    <row r="9" spans="1:37" ht="21" customHeight="1" x14ac:dyDescent="0.15">
      <c r="C9" s="218" t="s">
        <v>12</v>
      </c>
      <c r="E9" s="904"/>
      <c r="F9" s="904"/>
      <c r="G9" s="218" t="s">
        <v>384</v>
      </c>
      <c r="J9" s="230" t="s">
        <v>0</v>
      </c>
      <c r="K9" s="218" t="s">
        <v>383</v>
      </c>
      <c r="M9" s="230" t="s">
        <v>0</v>
      </c>
      <c r="N9" s="218" t="s">
        <v>382</v>
      </c>
    </row>
    <row r="10" spans="1:37" ht="44.25" customHeight="1" x14ac:dyDescent="0.15">
      <c r="B10" s="871" t="s">
        <v>381</v>
      </c>
      <c r="C10" s="871"/>
      <c r="D10" s="871"/>
      <c r="E10" s="871"/>
      <c r="F10" s="871"/>
      <c r="G10" s="871"/>
      <c r="H10" s="871"/>
      <c r="I10" s="871"/>
      <c r="J10" s="871"/>
      <c r="K10" s="871"/>
      <c r="L10" s="871"/>
      <c r="M10" s="871"/>
      <c r="N10" s="871"/>
      <c r="O10" s="871"/>
      <c r="P10" s="871"/>
      <c r="Q10" s="871"/>
      <c r="R10" s="871"/>
      <c r="S10" s="871"/>
      <c r="T10" s="871"/>
      <c r="U10" s="871"/>
      <c r="V10" s="871"/>
      <c r="W10" s="871"/>
      <c r="X10" s="871"/>
      <c r="Y10" s="871"/>
      <c r="Z10" s="871"/>
    </row>
    <row r="11" spans="1:37" ht="21" customHeight="1" x14ac:dyDescent="0.15">
      <c r="B11" s="229"/>
      <c r="C11" s="229"/>
      <c r="D11" s="229"/>
      <c r="E11" s="229"/>
      <c r="F11" s="229"/>
      <c r="G11" s="229"/>
      <c r="H11" s="229"/>
      <c r="I11" s="229"/>
      <c r="J11" s="229"/>
      <c r="K11" s="229"/>
      <c r="L11" s="229"/>
      <c r="M11" s="229"/>
      <c r="N11" s="229"/>
      <c r="O11" s="229"/>
      <c r="P11" s="229"/>
      <c r="Q11" s="229"/>
      <c r="R11" s="229"/>
      <c r="S11" s="229"/>
      <c r="T11" s="229"/>
      <c r="U11" s="229"/>
      <c r="V11" s="229"/>
      <c r="W11" s="229"/>
      <c r="X11" s="229"/>
      <c r="Y11" s="229"/>
      <c r="Z11" s="229"/>
    </row>
    <row r="12" spans="1:37" ht="21" customHeight="1" x14ac:dyDescent="0.15">
      <c r="B12" s="218" t="s">
        <v>380</v>
      </c>
    </row>
    <row r="13" spans="1:37" ht="21" customHeight="1" x14ac:dyDescent="0.15">
      <c r="C13" s="230" t="s">
        <v>0</v>
      </c>
      <c r="D13" s="218" t="s">
        <v>379</v>
      </c>
      <c r="F13" s="230" t="s">
        <v>0</v>
      </c>
      <c r="G13" s="218" t="s">
        <v>378</v>
      </c>
    </row>
    <row r="14" spans="1:37" ht="9.75" customHeight="1" x14ac:dyDescent="0.15">
      <c r="B14" s="229"/>
      <c r="C14" s="229"/>
      <c r="D14" s="229"/>
      <c r="E14" s="229"/>
      <c r="F14" s="229"/>
      <c r="G14" s="229"/>
      <c r="H14" s="229"/>
      <c r="I14" s="229"/>
      <c r="J14" s="229"/>
      <c r="K14" s="229"/>
      <c r="L14" s="229"/>
      <c r="M14" s="229"/>
      <c r="N14" s="229"/>
      <c r="O14" s="229"/>
      <c r="P14" s="229"/>
      <c r="Q14" s="229"/>
      <c r="R14" s="229"/>
      <c r="S14" s="229"/>
      <c r="T14" s="229"/>
      <c r="U14" s="229"/>
      <c r="V14" s="229"/>
      <c r="W14" s="229"/>
      <c r="X14" s="229"/>
      <c r="Y14" s="229"/>
      <c r="Z14" s="229"/>
    </row>
    <row r="15" spans="1:37" ht="13.5" customHeight="1" x14ac:dyDescent="0.15">
      <c r="B15" s="218" t="s">
        <v>377</v>
      </c>
    </row>
    <row r="16" spans="1:37" ht="45.75" customHeight="1" x14ac:dyDescent="0.15">
      <c r="B16" s="878"/>
      <c r="C16" s="878"/>
      <c r="D16" s="878"/>
      <c r="E16" s="878"/>
      <c r="F16" s="898" t="s">
        <v>376</v>
      </c>
      <c r="G16" s="899"/>
      <c r="H16" s="899"/>
      <c r="I16" s="899"/>
      <c r="J16" s="899"/>
      <c r="K16" s="899"/>
      <c r="L16" s="900"/>
      <c r="M16" s="901" t="s">
        <v>373</v>
      </c>
      <c r="N16" s="901"/>
      <c r="O16" s="901"/>
      <c r="P16" s="901"/>
      <c r="Q16" s="901"/>
      <c r="R16" s="901"/>
      <c r="S16" s="901"/>
    </row>
    <row r="17" spans="1:37" ht="21" customHeight="1" x14ac:dyDescent="0.15">
      <c r="B17" s="873">
        <v>3</v>
      </c>
      <c r="C17" s="874"/>
      <c r="D17" s="874" t="s">
        <v>21</v>
      </c>
      <c r="E17" s="875"/>
      <c r="F17" s="876"/>
      <c r="G17" s="877"/>
      <c r="H17" s="877"/>
      <c r="I17" s="877"/>
      <c r="J17" s="877"/>
      <c r="K17" s="877"/>
      <c r="L17" s="227" t="s">
        <v>175</v>
      </c>
      <c r="M17" s="876"/>
      <c r="N17" s="877"/>
      <c r="O17" s="877"/>
      <c r="P17" s="877"/>
      <c r="Q17" s="877"/>
      <c r="R17" s="877"/>
      <c r="S17" s="227" t="s">
        <v>175</v>
      </c>
    </row>
    <row r="18" spans="1:37" ht="21" customHeight="1" x14ac:dyDescent="0.15">
      <c r="B18" s="873">
        <v>4</v>
      </c>
      <c r="C18" s="874"/>
      <c r="D18" s="874" t="s">
        <v>21</v>
      </c>
      <c r="E18" s="875"/>
      <c r="F18" s="876"/>
      <c r="G18" s="877"/>
      <c r="H18" s="877"/>
      <c r="I18" s="877"/>
      <c r="J18" s="877"/>
      <c r="K18" s="877"/>
      <c r="L18" s="227" t="s">
        <v>175</v>
      </c>
      <c r="M18" s="876"/>
      <c r="N18" s="877"/>
      <c r="O18" s="877"/>
      <c r="P18" s="877"/>
      <c r="Q18" s="877"/>
      <c r="R18" s="877"/>
      <c r="S18" s="227" t="s">
        <v>175</v>
      </c>
    </row>
    <row r="19" spans="1:37" ht="21" customHeight="1" x14ac:dyDescent="0.15">
      <c r="B19" s="873">
        <v>5</v>
      </c>
      <c r="C19" s="874"/>
      <c r="D19" s="874" t="s">
        <v>21</v>
      </c>
      <c r="E19" s="875"/>
      <c r="F19" s="876"/>
      <c r="G19" s="877"/>
      <c r="H19" s="877"/>
      <c r="I19" s="877"/>
      <c r="J19" s="877"/>
      <c r="K19" s="877"/>
      <c r="L19" s="227" t="s">
        <v>175</v>
      </c>
      <c r="M19" s="876"/>
      <c r="N19" s="877"/>
      <c r="O19" s="877"/>
      <c r="P19" s="877"/>
      <c r="Q19" s="877"/>
      <c r="R19" s="877"/>
      <c r="S19" s="227" t="s">
        <v>175</v>
      </c>
    </row>
    <row r="20" spans="1:37" ht="21" customHeight="1" x14ac:dyDescent="0.15">
      <c r="B20" s="873">
        <v>6</v>
      </c>
      <c r="C20" s="874"/>
      <c r="D20" s="874" t="s">
        <v>21</v>
      </c>
      <c r="E20" s="875"/>
      <c r="F20" s="876"/>
      <c r="G20" s="877"/>
      <c r="H20" s="877"/>
      <c r="I20" s="877"/>
      <c r="J20" s="877"/>
      <c r="K20" s="877"/>
      <c r="L20" s="227" t="s">
        <v>175</v>
      </c>
      <c r="M20" s="876"/>
      <c r="N20" s="877"/>
      <c r="O20" s="877"/>
      <c r="P20" s="877"/>
      <c r="Q20" s="877"/>
      <c r="R20" s="877"/>
      <c r="S20" s="227" t="s">
        <v>175</v>
      </c>
    </row>
    <row r="21" spans="1:37" ht="21" customHeight="1" x14ac:dyDescent="0.15">
      <c r="B21" s="873">
        <v>7</v>
      </c>
      <c r="C21" s="874"/>
      <c r="D21" s="874" t="s">
        <v>21</v>
      </c>
      <c r="E21" s="875"/>
      <c r="F21" s="876"/>
      <c r="G21" s="877"/>
      <c r="H21" s="877"/>
      <c r="I21" s="877"/>
      <c r="J21" s="877"/>
      <c r="K21" s="877"/>
      <c r="L21" s="227" t="s">
        <v>175</v>
      </c>
      <c r="M21" s="876"/>
      <c r="N21" s="877"/>
      <c r="O21" s="877"/>
      <c r="P21" s="877"/>
      <c r="Q21" s="877"/>
      <c r="R21" s="877"/>
      <c r="S21" s="227" t="s">
        <v>175</v>
      </c>
    </row>
    <row r="22" spans="1:37" ht="21" customHeight="1" x14ac:dyDescent="0.15">
      <c r="B22" s="873">
        <v>8</v>
      </c>
      <c r="C22" s="874"/>
      <c r="D22" s="874" t="s">
        <v>21</v>
      </c>
      <c r="E22" s="875"/>
      <c r="F22" s="876"/>
      <c r="G22" s="877"/>
      <c r="H22" s="877"/>
      <c r="I22" s="877"/>
      <c r="J22" s="877"/>
      <c r="K22" s="877"/>
      <c r="L22" s="227" t="s">
        <v>175</v>
      </c>
      <c r="M22" s="876"/>
      <c r="N22" s="877"/>
      <c r="O22" s="877"/>
      <c r="P22" s="877"/>
      <c r="Q22" s="877"/>
      <c r="R22" s="877"/>
      <c r="S22" s="227" t="s">
        <v>175</v>
      </c>
    </row>
    <row r="23" spans="1:37" ht="20.100000000000001" customHeight="1" x14ac:dyDescent="0.15">
      <c r="B23" s="878" t="s">
        <v>173</v>
      </c>
      <c r="C23" s="878"/>
      <c r="D23" s="878"/>
      <c r="E23" s="878"/>
      <c r="F23" s="873" t="str">
        <f>IF(SUM(F17:K22)=0,"",SUM(F17:K22))</f>
        <v/>
      </c>
      <c r="G23" s="874"/>
      <c r="H23" s="874"/>
      <c r="I23" s="874"/>
      <c r="J23" s="874"/>
      <c r="K23" s="874"/>
      <c r="L23" s="227" t="s">
        <v>175</v>
      </c>
      <c r="M23" s="873" t="str">
        <f>IF(SUM(M17:R22)=0,"",SUM(M17:R22))</f>
        <v/>
      </c>
      <c r="N23" s="874"/>
      <c r="O23" s="874"/>
      <c r="P23" s="874"/>
      <c r="Q23" s="874"/>
      <c r="R23" s="874"/>
      <c r="S23" s="227" t="s">
        <v>175</v>
      </c>
    </row>
    <row r="24" spans="1:37" s="8" customFormat="1" ht="20.100000000000001" customHeight="1" x14ac:dyDescent="0.15">
      <c r="A24" s="218"/>
      <c r="B24" s="221"/>
      <c r="C24" s="221"/>
      <c r="D24" s="221"/>
      <c r="E24" s="221"/>
      <c r="F24" s="221"/>
      <c r="G24" s="221"/>
      <c r="H24" s="221"/>
      <c r="I24" s="221"/>
      <c r="J24" s="221"/>
      <c r="K24" s="221"/>
      <c r="L24" s="221"/>
      <c r="M24" s="221"/>
      <c r="N24" s="221"/>
      <c r="O24" s="221"/>
      <c r="P24" s="221"/>
      <c r="Q24" s="221"/>
      <c r="R24" s="221"/>
      <c r="S24" s="221"/>
      <c r="T24" s="218"/>
      <c r="U24" s="218"/>
      <c r="V24" s="218"/>
      <c r="W24" s="218"/>
      <c r="X24" s="218"/>
      <c r="Y24" s="218"/>
      <c r="Z24" s="218"/>
      <c r="AA24" s="218"/>
      <c r="AB24" s="218"/>
      <c r="AC24" s="218"/>
      <c r="AD24" s="218"/>
      <c r="AE24" s="218"/>
      <c r="AF24" s="218"/>
      <c r="AG24" s="218"/>
      <c r="AH24" s="218"/>
      <c r="AI24" s="218"/>
      <c r="AJ24" s="218"/>
      <c r="AK24" s="218"/>
    </row>
    <row r="25" spans="1:37" s="8" customFormat="1" ht="20.100000000000001" customHeight="1" x14ac:dyDescent="0.15">
      <c r="A25" s="218"/>
      <c r="B25" s="879" t="s">
        <v>372</v>
      </c>
      <c r="C25" s="880"/>
      <c r="D25" s="880"/>
      <c r="E25" s="881"/>
      <c r="F25" s="885" t="str">
        <f>IF(F23="","",ROUNDDOWN(M23/F23,3))</f>
        <v/>
      </c>
      <c r="G25" s="886"/>
      <c r="H25" s="886"/>
      <c r="I25" s="886"/>
      <c r="J25" s="886"/>
      <c r="K25" s="887"/>
      <c r="L25" s="891" t="s">
        <v>339</v>
      </c>
      <c r="M25" s="221"/>
      <c r="N25" s="221"/>
      <c r="O25" s="221"/>
      <c r="P25" s="221"/>
      <c r="Q25" s="221"/>
      <c r="R25" s="221"/>
      <c r="S25" s="221"/>
      <c r="T25" s="218"/>
      <c r="U25" s="218"/>
      <c r="V25" s="218"/>
      <c r="W25" s="218"/>
      <c r="X25" s="218"/>
      <c r="Y25" s="218"/>
      <c r="Z25" s="218"/>
      <c r="AA25" s="218"/>
      <c r="AB25" s="218"/>
      <c r="AC25" s="218"/>
      <c r="AD25" s="218"/>
      <c r="AE25" s="218"/>
      <c r="AF25" s="218"/>
      <c r="AG25" s="218"/>
      <c r="AH25" s="218"/>
      <c r="AI25" s="218"/>
      <c r="AJ25" s="218"/>
      <c r="AK25" s="218"/>
    </row>
    <row r="26" spans="1:37" s="8" customFormat="1" ht="9" customHeight="1" x14ac:dyDescent="0.15">
      <c r="A26" s="218"/>
      <c r="B26" s="882"/>
      <c r="C26" s="883"/>
      <c r="D26" s="883"/>
      <c r="E26" s="884"/>
      <c r="F26" s="888"/>
      <c r="G26" s="889"/>
      <c r="H26" s="889"/>
      <c r="I26" s="889"/>
      <c r="J26" s="889"/>
      <c r="K26" s="890"/>
      <c r="L26" s="891"/>
      <c r="M26" s="221"/>
      <c r="N26" s="221"/>
      <c r="O26" s="221"/>
      <c r="P26" s="221"/>
      <c r="Q26" s="221"/>
      <c r="R26" s="221"/>
      <c r="S26" s="221"/>
      <c r="T26" s="218"/>
      <c r="U26" s="218"/>
      <c r="V26" s="218"/>
      <c r="W26" s="218"/>
      <c r="X26" s="218"/>
      <c r="Y26" s="218"/>
      <c r="Z26" s="218"/>
      <c r="AA26" s="218"/>
      <c r="AB26" s="218"/>
      <c r="AC26" s="218"/>
      <c r="AD26" s="218"/>
      <c r="AE26" s="218"/>
      <c r="AF26" s="218"/>
      <c r="AG26" s="218"/>
      <c r="AH26" s="218"/>
      <c r="AI26" s="218"/>
      <c r="AJ26" s="218"/>
      <c r="AK26" s="218"/>
    </row>
    <row r="27" spans="1:37" s="8" customFormat="1" ht="20.100000000000001" customHeight="1" x14ac:dyDescent="0.15">
      <c r="A27" s="218"/>
      <c r="B27" s="223"/>
      <c r="C27" s="223"/>
      <c r="D27" s="223"/>
      <c r="E27" s="223"/>
      <c r="F27" s="222"/>
      <c r="G27" s="222"/>
      <c r="H27" s="222"/>
      <c r="I27" s="222"/>
      <c r="J27" s="222"/>
      <c r="K27" s="222"/>
      <c r="L27" s="221"/>
      <c r="M27" s="221"/>
      <c r="N27" s="221"/>
      <c r="O27" s="221"/>
      <c r="P27" s="221"/>
      <c r="Q27" s="221"/>
      <c r="R27" s="221"/>
      <c r="S27" s="221"/>
      <c r="T27" s="218"/>
      <c r="U27" s="218"/>
      <c r="V27" s="218"/>
      <c r="W27" s="218"/>
      <c r="X27" s="218"/>
      <c r="Y27" s="218"/>
      <c r="Z27" s="218"/>
      <c r="AA27" s="218"/>
      <c r="AB27" s="218"/>
      <c r="AC27" s="218"/>
      <c r="AD27" s="218"/>
      <c r="AE27" s="218"/>
      <c r="AF27" s="218"/>
      <c r="AG27" s="218"/>
      <c r="AH27" s="218"/>
      <c r="AI27" s="218"/>
      <c r="AJ27" s="218"/>
      <c r="AK27" s="218"/>
    </row>
    <row r="28" spans="1:37" s="8" customFormat="1" ht="20.100000000000001" customHeight="1" x14ac:dyDescent="0.15">
      <c r="A28" s="218"/>
      <c r="B28" s="892" t="s">
        <v>371</v>
      </c>
      <c r="C28" s="893"/>
      <c r="D28" s="893"/>
      <c r="E28" s="893"/>
      <c r="F28" s="893"/>
      <c r="G28" s="893"/>
      <c r="H28" s="893"/>
      <c r="I28" s="893"/>
      <c r="J28" s="893"/>
      <c r="K28" s="893"/>
      <c r="L28" s="893"/>
      <c r="M28" s="893"/>
      <c r="N28" s="893"/>
      <c r="O28" s="893"/>
      <c r="P28" s="894"/>
      <c r="Q28" s="895"/>
      <c r="R28" s="896"/>
      <c r="S28" s="897"/>
      <c r="T28" s="218"/>
      <c r="U28" s="218"/>
      <c r="V28" s="218"/>
      <c r="W28" s="218"/>
      <c r="X28" s="218"/>
      <c r="Y28" s="218"/>
      <c r="Z28" s="218"/>
      <c r="AA28" s="218"/>
      <c r="AB28" s="218"/>
      <c r="AC28" s="218"/>
      <c r="AD28" s="218"/>
      <c r="AE28" s="218"/>
      <c r="AF28" s="218"/>
      <c r="AG28" s="218"/>
      <c r="AH28" s="218"/>
      <c r="AI28" s="218"/>
      <c r="AJ28" s="218"/>
      <c r="AK28" s="218"/>
    </row>
    <row r="29" spans="1:37" s="8" customFormat="1" ht="9" customHeight="1" x14ac:dyDescent="0.15">
      <c r="A29" s="218"/>
      <c r="B29" s="228"/>
      <c r="C29" s="223"/>
      <c r="D29" s="223"/>
      <c r="E29" s="223"/>
      <c r="F29" s="222"/>
      <c r="G29" s="222"/>
      <c r="H29" s="222"/>
      <c r="I29" s="222"/>
      <c r="J29" s="222"/>
      <c r="K29" s="222"/>
      <c r="L29" s="221"/>
      <c r="M29" s="221"/>
      <c r="N29" s="221"/>
      <c r="O29" s="221"/>
      <c r="P29" s="221"/>
      <c r="Q29" s="221"/>
      <c r="R29" s="221"/>
      <c r="S29" s="221"/>
      <c r="T29" s="218"/>
      <c r="U29" s="218"/>
      <c r="V29" s="218"/>
      <c r="W29" s="218"/>
      <c r="X29" s="218"/>
      <c r="Y29" s="218"/>
      <c r="Z29" s="218"/>
      <c r="AA29" s="218"/>
      <c r="AB29" s="218"/>
      <c r="AC29" s="218"/>
      <c r="AD29" s="218"/>
      <c r="AE29" s="218"/>
      <c r="AF29" s="218"/>
      <c r="AG29" s="218"/>
      <c r="AH29" s="218"/>
      <c r="AI29" s="218"/>
      <c r="AJ29" s="218"/>
      <c r="AK29" s="218"/>
    </row>
    <row r="30" spans="1:37" s="8" customFormat="1" ht="20.100000000000001" customHeight="1" x14ac:dyDescent="0.15">
      <c r="A30" s="218"/>
      <c r="B30" s="218" t="s">
        <v>375</v>
      </c>
      <c r="C30" s="218"/>
      <c r="D30" s="218"/>
      <c r="E30" s="218"/>
      <c r="F30" s="218"/>
      <c r="G30" s="218"/>
      <c r="H30" s="218"/>
      <c r="I30" s="218"/>
      <c r="J30" s="218"/>
      <c r="K30" s="218"/>
      <c r="L30" s="218"/>
      <c r="M30" s="218"/>
      <c r="N30" s="218"/>
      <c r="O30" s="218"/>
      <c r="P30" s="218"/>
      <c r="Q30" s="218"/>
      <c r="R30" s="218"/>
      <c r="S30" s="218"/>
      <c r="T30" s="218"/>
      <c r="U30" s="218"/>
      <c r="V30" s="218"/>
      <c r="W30" s="218"/>
      <c r="X30" s="218"/>
      <c r="Y30" s="218"/>
      <c r="Z30" s="218"/>
      <c r="AA30" s="218"/>
      <c r="AB30" s="218"/>
      <c r="AC30" s="218"/>
      <c r="AD30" s="218"/>
      <c r="AE30" s="218"/>
      <c r="AF30" s="218"/>
      <c r="AG30" s="218"/>
      <c r="AH30" s="218"/>
      <c r="AI30" s="218"/>
      <c r="AJ30" s="218"/>
      <c r="AK30" s="218"/>
    </row>
    <row r="31" spans="1:37" s="8" customFormat="1" ht="45" customHeight="1" x14ac:dyDescent="0.15">
      <c r="A31" s="218"/>
      <c r="B31" s="873"/>
      <c r="C31" s="874"/>
      <c r="D31" s="874"/>
      <c r="E31" s="875"/>
      <c r="F31" s="898" t="s">
        <v>374</v>
      </c>
      <c r="G31" s="899"/>
      <c r="H31" s="899"/>
      <c r="I31" s="899"/>
      <c r="J31" s="899"/>
      <c r="K31" s="899"/>
      <c r="L31" s="900"/>
      <c r="M31" s="901" t="s">
        <v>373</v>
      </c>
      <c r="N31" s="901"/>
      <c r="O31" s="901"/>
      <c r="P31" s="901"/>
      <c r="Q31" s="901"/>
      <c r="R31" s="901"/>
      <c r="S31" s="901"/>
      <c r="T31" s="218"/>
      <c r="U31" s="218"/>
      <c r="V31" s="218"/>
      <c r="W31" s="218"/>
      <c r="X31" s="218"/>
      <c r="Y31" s="218"/>
      <c r="Z31" s="218"/>
      <c r="AA31" s="218"/>
      <c r="AB31" s="218"/>
      <c r="AC31" s="218"/>
      <c r="AD31" s="218"/>
      <c r="AE31" s="218"/>
      <c r="AF31" s="218"/>
      <c r="AG31" s="218"/>
      <c r="AH31" s="218"/>
      <c r="AI31" s="218"/>
      <c r="AJ31" s="218"/>
      <c r="AK31" s="218"/>
    </row>
    <row r="32" spans="1:37" s="8" customFormat="1" ht="21" customHeight="1" x14ac:dyDescent="0.15">
      <c r="A32" s="218"/>
      <c r="B32" s="873">
        <v>9</v>
      </c>
      <c r="C32" s="874"/>
      <c r="D32" s="874" t="s">
        <v>21</v>
      </c>
      <c r="E32" s="875"/>
      <c r="F32" s="876"/>
      <c r="G32" s="877"/>
      <c r="H32" s="877"/>
      <c r="I32" s="877"/>
      <c r="J32" s="877"/>
      <c r="K32" s="877"/>
      <c r="L32" s="227" t="s">
        <v>175</v>
      </c>
      <c r="M32" s="876"/>
      <c r="N32" s="877"/>
      <c r="O32" s="877"/>
      <c r="P32" s="877"/>
      <c r="Q32" s="877"/>
      <c r="R32" s="877"/>
      <c r="S32" s="227" t="s">
        <v>175</v>
      </c>
      <c r="T32" s="218"/>
      <c r="U32" s="218"/>
      <c r="V32" s="218"/>
      <c r="W32" s="218"/>
      <c r="X32" s="218"/>
      <c r="Y32" s="218"/>
      <c r="Z32" s="218"/>
      <c r="AA32" s="218"/>
      <c r="AB32" s="218"/>
      <c r="AC32" s="218"/>
      <c r="AD32" s="218"/>
      <c r="AE32" s="218"/>
      <c r="AF32" s="218"/>
      <c r="AG32" s="218"/>
      <c r="AH32" s="218"/>
      <c r="AI32" s="218"/>
      <c r="AJ32" s="218"/>
      <c r="AK32" s="218"/>
    </row>
    <row r="33" spans="1:37" s="8" customFormat="1" ht="21" customHeight="1" x14ac:dyDescent="0.15">
      <c r="A33" s="218"/>
      <c r="B33" s="873">
        <v>10</v>
      </c>
      <c r="C33" s="874"/>
      <c r="D33" s="874" t="s">
        <v>21</v>
      </c>
      <c r="E33" s="875"/>
      <c r="F33" s="876"/>
      <c r="G33" s="877"/>
      <c r="H33" s="877"/>
      <c r="I33" s="877"/>
      <c r="J33" s="877"/>
      <c r="K33" s="877"/>
      <c r="L33" s="227" t="s">
        <v>175</v>
      </c>
      <c r="M33" s="876"/>
      <c r="N33" s="877"/>
      <c r="O33" s="877"/>
      <c r="P33" s="877"/>
      <c r="Q33" s="877"/>
      <c r="R33" s="877"/>
      <c r="S33" s="227" t="s">
        <v>175</v>
      </c>
      <c r="T33" s="218"/>
      <c r="U33" s="218"/>
      <c r="V33" s="218"/>
      <c r="W33" s="218"/>
      <c r="X33" s="218"/>
      <c r="Y33" s="218"/>
      <c r="Z33" s="218"/>
      <c r="AA33" s="218"/>
      <c r="AB33" s="218"/>
      <c r="AC33" s="218"/>
      <c r="AD33" s="218"/>
      <c r="AE33" s="218"/>
      <c r="AF33" s="218"/>
      <c r="AG33" s="218"/>
      <c r="AH33" s="218"/>
      <c r="AI33" s="218"/>
      <c r="AJ33" s="218"/>
      <c r="AK33" s="218"/>
    </row>
    <row r="34" spans="1:37" s="8" customFormat="1" ht="21.75" customHeight="1" x14ac:dyDescent="0.15">
      <c r="A34" s="218"/>
      <c r="B34" s="873">
        <v>11</v>
      </c>
      <c r="C34" s="874"/>
      <c r="D34" s="874" t="s">
        <v>21</v>
      </c>
      <c r="E34" s="875"/>
      <c r="F34" s="876"/>
      <c r="G34" s="877"/>
      <c r="H34" s="877"/>
      <c r="I34" s="877"/>
      <c r="J34" s="877"/>
      <c r="K34" s="877"/>
      <c r="L34" s="227" t="s">
        <v>175</v>
      </c>
      <c r="M34" s="876"/>
      <c r="N34" s="877"/>
      <c r="O34" s="877"/>
      <c r="P34" s="877"/>
      <c r="Q34" s="877"/>
      <c r="R34" s="877"/>
      <c r="S34" s="227" t="s">
        <v>175</v>
      </c>
      <c r="T34" s="218"/>
      <c r="U34" s="218"/>
      <c r="V34" s="218"/>
      <c r="W34" s="218"/>
      <c r="X34" s="218"/>
      <c r="Y34" s="218"/>
      <c r="Z34" s="218"/>
      <c r="AA34" s="218"/>
      <c r="AB34" s="218"/>
      <c r="AC34" s="218"/>
      <c r="AD34" s="218"/>
      <c r="AE34" s="218"/>
      <c r="AF34" s="218"/>
      <c r="AG34" s="218"/>
      <c r="AH34" s="218"/>
      <c r="AI34" s="218"/>
      <c r="AJ34" s="218"/>
      <c r="AK34" s="218"/>
    </row>
    <row r="35" spans="1:37" s="8" customFormat="1" ht="21.75" customHeight="1" x14ac:dyDescent="0.15">
      <c r="A35" s="218"/>
      <c r="B35" s="873">
        <v>12</v>
      </c>
      <c r="C35" s="874"/>
      <c r="D35" s="874" t="s">
        <v>21</v>
      </c>
      <c r="E35" s="875"/>
      <c r="F35" s="876"/>
      <c r="G35" s="877"/>
      <c r="H35" s="877"/>
      <c r="I35" s="877"/>
      <c r="J35" s="877"/>
      <c r="K35" s="877"/>
      <c r="L35" s="227" t="s">
        <v>175</v>
      </c>
      <c r="M35" s="876"/>
      <c r="N35" s="877"/>
      <c r="O35" s="877"/>
      <c r="P35" s="877"/>
      <c r="Q35" s="877"/>
      <c r="R35" s="877"/>
      <c r="S35" s="227" t="s">
        <v>175</v>
      </c>
      <c r="T35" s="218"/>
      <c r="U35" s="218"/>
      <c r="V35" s="218"/>
      <c r="W35" s="218"/>
      <c r="X35" s="218"/>
      <c r="Y35" s="218"/>
      <c r="Z35" s="218"/>
      <c r="AA35" s="218"/>
      <c r="AB35" s="218"/>
      <c r="AC35" s="218"/>
      <c r="AD35" s="218"/>
      <c r="AE35" s="218"/>
      <c r="AF35" s="218"/>
      <c r="AG35" s="218"/>
      <c r="AH35" s="218"/>
      <c r="AI35" s="218"/>
      <c r="AJ35" s="218"/>
      <c r="AK35" s="218"/>
    </row>
    <row r="36" spans="1:37" s="8" customFormat="1" ht="21" customHeight="1" x14ac:dyDescent="0.15">
      <c r="A36" s="218"/>
      <c r="B36" s="873">
        <v>1</v>
      </c>
      <c r="C36" s="874"/>
      <c r="D36" s="874" t="s">
        <v>21</v>
      </c>
      <c r="E36" s="875"/>
      <c r="F36" s="876"/>
      <c r="G36" s="877"/>
      <c r="H36" s="877"/>
      <c r="I36" s="877"/>
      <c r="J36" s="877"/>
      <c r="K36" s="877"/>
      <c r="L36" s="227" t="s">
        <v>175</v>
      </c>
      <c r="M36" s="876"/>
      <c r="N36" s="877"/>
      <c r="O36" s="877"/>
      <c r="P36" s="877"/>
      <c r="Q36" s="877"/>
      <c r="R36" s="877"/>
      <c r="S36" s="227" t="s">
        <v>175</v>
      </c>
      <c r="T36" s="218"/>
      <c r="U36" s="218"/>
      <c r="V36" s="218"/>
      <c r="W36" s="218"/>
      <c r="X36" s="218"/>
      <c r="Y36" s="218"/>
      <c r="Z36" s="218"/>
      <c r="AA36" s="218"/>
      <c r="AB36" s="218"/>
      <c r="AC36" s="218"/>
      <c r="AD36" s="218"/>
      <c r="AE36" s="218"/>
      <c r="AF36" s="218"/>
      <c r="AG36" s="218"/>
      <c r="AH36" s="218"/>
      <c r="AI36" s="218"/>
      <c r="AJ36" s="218"/>
      <c r="AK36" s="218"/>
    </row>
    <row r="37" spans="1:37" s="8" customFormat="1" ht="20.100000000000001" customHeight="1" x14ac:dyDescent="0.15">
      <c r="A37" s="218"/>
      <c r="B37" s="873">
        <v>2</v>
      </c>
      <c r="C37" s="874"/>
      <c r="D37" s="874" t="s">
        <v>21</v>
      </c>
      <c r="E37" s="875"/>
      <c r="F37" s="876"/>
      <c r="G37" s="877"/>
      <c r="H37" s="877"/>
      <c r="I37" s="877"/>
      <c r="J37" s="877"/>
      <c r="K37" s="877"/>
      <c r="L37" s="227" t="s">
        <v>175</v>
      </c>
      <c r="M37" s="876"/>
      <c r="N37" s="877"/>
      <c r="O37" s="877"/>
      <c r="P37" s="877"/>
      <c r="Q37" s="877"/>
      <c r="R37" s="877"/>
      <c r="S37" s="227" t="s">
        <v>175</v>
      </c>
      <c r="T37" s="218"/>
      <c r="U37" s="218"/>
      <c r="V37" s="218"/>
      <c r="W37" s="218"/>
      <c r="X37" s="218"/>
      <c r="Y37" s="218"/>
      <c r="Z37" s="218"/>
      <c r="AA37" s="218"/>
      <c r="AB37" s="218"/>
      <c r="AC37" s="218"/>
      <c r="AD37" s="218"/>
      <c r="AE37" s="218"/>
      <c r="AF37" s="218"/>
      <c r="AG37" s="218"/>
      <c r="AH37" s="218"/>
      <c r="AI37" s="218"/>
      <c r="AJ37" s="218"/>
      <c r="AK37" s="218"/>
    </row>
    <row r="38" spans="1:37" s="8" customFormat="1" ht="21" customHeight="1" x14ac:dyDescent="0.15">
      <c r="A38" s="220"/>
      <c r="B38" s="878" t="s">
        <v>173</v>
      </c>
      <c r="C38" s="878"/>
      <c r="D38" s="878"/>
      <c r="E38" s="878"/>
      <c r="F38" s="873" t="str">
        <f>IF(SUM(F32:K37)=0,"",SUM(F32:K37))</f>
        <v/>
      </c>
      <c r="G38" s="874"/>
      <c r="H38" s="874"/>
      <c r="I38" s="874"/>
      <c r="J38" s="874"/>
      <c r="K38" s="874"/>
      <c r="L38" s="227" t="s">
        <v>175</v>
      </c>
      <c r="M38" s="873" t="str">
        <f>IF(SUM(M32:R37)=0,"",SUM(M32:R37))</f>
        <v/>
      </c>
      <c r="N38" s="874"/>
      <c r="O38" s="874"/>
      <c r="P38" s="874"/>
      <c r="Q38" s="874"/>
      <c r="R38" s="874"/>
      <c r="S38" s="226" t="s">
        <v>175</v>
      </c>
      <c r="T38" s="225"/>
      <c r="U38" s="218"/>
      <c r="V38" s="218"/>
      <c r="W38" s="218"/>
      <c r="X38" s="218"/>
      <c r="Y38" s="218"/>
      <c r="Z38" s="218"/>
      <c r="AA38" s="218"/>
      <c r="AB38" s="218"/>
      <c r="AC38" s="218"/>
      <c r="AD38" s="218"/>
      <c r="AE38" s="218"/>
      <c r="AF38" s="218"/>
      <c r="AG38" s="218"/>
      <c r="AH38" s="218"/>
      <c r="AI38" s="218"/>
      <c r="AJ38" s="218"/>
      <c r="AK38" s="218"/>
    </row>
    <row r="39" spans="1:37" s="8" customFormat="1" ht="20.100000000000001" customHeight="1" x14ac:dyDescent="0.15">
      <c r="A39" s="218"/>
      <c r="B39" s="221"/>
      <c r="C39" s="224"/>
      <c r="D39" s="221"/>
      <c r="E39" s="221"/>
      <c r="F39" s="221"/>
      <c r="G39" s="221"/>
      <c r="H39" s="221"/>
      <c r="I39" s="221"/>
      <c r="J39" s="221"/>
      <c r="K39" s="221"/>
      <c r="L39" s="221"/>
      <c r="M39" s="221"/>
      <c r="N39" s="221"/>
      <c r="O39" s="221"/>
      <c r="P39" s="221"/>
      <c r="Q39" s="221"/>
      <c r="R39" s="221"/>
      <c r="S39" s="221"/>
      <c r="T39" s="218"/>
      <c r="U39" s="218"/>
      <c r="V39" s="218"/>
      <c r="W39" s="218"/>
      <c r="X39" s="218"/>
      <c r="Y39" s="218"/>
      <c r="Z39" s="218"/>
      <c r="AA39" s="218"/>
      <c r="AB39" s="218"/>
      <c r="AC39" s="218"/>
      <c r="AD39" s="218"/>
      <c r="AE39" s="218"/>
      <c r="AF39" s="218"/>
      <c r="AG39" s="218"/>
      <c r="AH39" s="218"/>
      <c r="AI39" s="218"/>
      <c r="AJ39" s="218"/>
      <c r="AK39" s="218"/>
    </row>
    <row r="40" spans="1:37" s="8" customFormat="1" ht="20.100000000000001" customHeight="1" x14ac:dyDescent="0.15">
      <c r="A40" s="218"/>
      <c r="B40" s="879" t="s">
        <v>372</v>
      </c>
      <c r="C40" s="880"/>
      <c r="D40" s="880"/>
      <c r="E40" s="881"/>
      <c r="F40" s="885" t="str">
        <f>IF(F38="","",ROUNDDOWN(M38/F38,3))</f>
        <v/>
      </c>
      <c r="G40" s="886"/>
      <c r="H40" s="886"/>
      <c r="I40" s="886"/>
      <c r="J40" s="886"/>
      <c r="K40" s="887"/>
      <c r="L40" s="891" t="s">
        <v>339</v>
      </c>
      <c r="M40" s="221"/>
      <c r="N40" s="221"/>
      <c r="O40" s="221"/>
      <c r="P40" s="221"/>
      <c r="Q40" s="221"/>
      <c r="R40" s="221"/>
      <c r="S40" s="221"/>
      <c r="T40" s="218"/>
      <c r="U40" s="218"/>
      <c r="V40" s="218"/>
      <c r="W40" s="218"/>
      <c r="X40" s="218"/>
      <c r="Y40" s="218"/>
      <c r="Z40" s="218"/>
      <c r="AA40" s="218"/>
      <c r="AB40" s="218"/>
      <c r="AC40" s="218"/>
      <c r="AD40" s="218"/>
      <c r="AE40" s="218"/>
      <c r="AF40" s="218"/>
      <c r="AG40" s="218"/>
      <c r="AH40" s="218"/>
      <c r="AI40" s="218"/>
      <c r="AJ40" s="218"/>
      <c r="AK40" s="218"/>
    </row>
    <row r="41" spans="1:37" s="8" customFormat="1" ht="9" customHeight="1" x14ac:dyDescent="0.15">
      <c r="A41" s="218"/>
      <c r="B41" s="882"/>
      <c r="C41" s="883"/>
      <c r="D41" s="883"/>
      <c r="E41" s="884"/>
      <c r="F41" s="888"/>
      <c r="G41" s="889"/>
      <c r="H41" s="889"/>
      <c r="I41" s="889"/>
      <c r="J41" s="889"/>
      <c r="K41" s="890"/>
      <c r="L41" s="891"/>
      <c r="M41" s="221"/>
      <c r="N41" s="221"/>
      <c r="O41" s="221"/>
      <c r="P41" s="221"/>
      <c r="Q41" s="221"/>
      <c r="R41" s="221"/>
      <c r="S41" s="221"/>
      <c r="T41" s="218"/>
      <c r="U41" s="218"/>
      <c r="V41" s="218"/>
      <c r="W41" s="218"/>
      <c r="X41" s="218"/>
      <c r="Y41" s="218"/>
      <c r="Z41" s="218"/>
      <c r="AA41" s="218"/>
      <c r="AB41" s="218"/>
      <c r="AC41" s="218"/>
      <c r="AD41" s="218"/>
      <c r="AE41" s="218"/>
      <c r="AF41" s="218"/>
      <c r="AG41" s="218"/>
      <c r="AH41" s="218"/>
      <c r="AI41" s="218"/>
      <c r="AJ41" s="218"/>
      <c r="AK41" s="218"/>
    </row>
    <row r="42" spans="1:37" s="8" customFormat="1" ht="20.100000000000001" customHeight="1" x14ac:dyDescent="0.15">
      <c r="A42" s="218"/>
      <c r="B42" s="223"/>
      <c r="C42" s="223"/>
      <c r="D42" s="223"/>
      <c r="E42" s="223"/>
      <c r="F42" s="222"/>
      <c r="G42" s="222"/>
      <c r="H42" s="222"/>
      <c r="I42" s="222"/>
      <c r="J42" s="222"/>
      <c r="K42" s="222"/>
      <c r="L42" s="221"/>
      <c r="M42" s="221"/>
      <c r="N42" s="221"/>
      <c r="O42" s="221"/>
      <c r="P42" s="221"/>
      <c r="Q42" s="221"/>
      <c r="R42" s="221"/>
      <c r="S42" s="221"/>
      <c r="T42" s="218"/>
      <c r="U42" s="218"/>
      <c r="V42" s="218"/>
      <c r="W42" s="218"/>
      <c r="X42" s="218"/>
      <c r="Y42" s="218"/>
      <c r="Z42" s="218"/>
      <c r="AA42" s="218"/>
      <c r="AB42" s="218"/>
      <c r="AC42" s="218"/>
      <c r="AD42" s="218"/>
      <c r="AE42" s="218"/>
      <c r="AF42" s="218"/>
      <c r="AG42" s="218"/>
      <c r="AH42" s="218"/>
      <c r="AI42" s="218"/>
      <c r="AJ42" s="218"/>
      <c r="AK42" s="218"/>
    </row>
    <row r="43" spans="1:37" s="8" customFormat="1" ht="21" customHeight="1" x14ac:dyDescent="0.15">
      <c r="A43" s="218"/>
      <c r="B43" s="892" t="s">
        <v>371</v>
      </c>
      <c r="C43" s="893"/>
      <c r="D43" s="893"/>
      <c r="E43" s="893"/>
      <c r="F43" s="893"/>
      <c r="G43" s="893"/>
      <c r="H43" s="893"/>
      <c r="I43" s="893"/>
      <c r="J43" s="893"/>
      <c r="K43" s="893"/>
      <c r="L43" s="893"/>
      <c r="M43" s="893"/>
      <c r="N43" s="893"/>
      <c r="O43" s="893"/>
      <c r="P43" s="894"/>
      <c r="Q43" s="895"/>
      <c r="R43" s="896"/>
      <c r="S43" s="897"/>
      <c r="T43" s="218"/>
      <c r="U43" s="218"/>
      <c r="V43" s="218"/>
      <c r="W43" s="218"/>
      <c r="X43" s="218"/>
      <c r="Y43" s="218"/>
      <c r="Z43" s="218"/>
      <c r="AA43" s="218"/>
      <c r="AB43" s="218"/>
      <c r="AC43" s="218"/>
      <c r="AD43" s="218"/>
      <c r="AE43" s="218"/>
      <c r="AF43" s="218"/>
      <c r="AG43" s="218"/>
      <c r="AH43" s="218"/>
      <c r="AI43" s="218"/>
      <c r="AJ43" s="218"/>
      <c r="AK43" s="218"/>
    </row>
    <row r="44" spans="1:37" s="8" customFormat="1" ht="12.75" customHeight="1" x14ac:dyDescent="0.15">
      <c r="A44" s="218"/>
      <c r="B44" s="221"/>
      <c r="C44" s="221"/>
      <c r="D44" s="221"/>
      <c r="E44" s="221"/>
      <c r="F44" s="221"/>
      <c r="G44" s="221"/>
      <c r="H44" s="221"/>
      <c r="I44" s="221"/>
      <c r="J44" s="221"/>
      <c r="K44" s="221"/>
      <c r="L44" s="221"/>
      <c r="M44" s="221"/>
      <c r="N44" s="221"/>
      <c r="O44" s="221"/>
      <c r="P44" s="221"/>
      <c r="Q44" s="221"/>
      <c r="R44" s="221"/>
      <c r="S44" s="221"/>
      <c r="T44" s="218"/>
      <c r="U44" s="218"/>
      <c r="V44" s="218"/>
      <c r="W44" s="218"/>
      <c r="X44" s="218"/>
      <c r="Y44" s="218"/>
      <c r="Z44" s="218"/>
      <c r="AA44" s="218"/>
      <c r="AB44" s="218"/>
      <c r="AC44" s="218"/>
      <c r="AD44" s="218"/>
      <c r="AE44" s="218"/>
      <c r="AF44" s="218"/>
      <c r="AG44" s="218"/>
      <c r="AH44" s="218"/>
      <c r="AI44" s="218"/>
      <c r="AJ44" s="218"/>
      <c r="AK44" s="218"/>
    </row>
    <row r="45" spans="1:37" s="8" customFormat="1" ht="35.25" customHeight="1" x14ac:dyDescent="0.15">
      <c r="A45" s="218"/>
      <c r="B45" s="871" t="s">
        <v>370</v>
      </c>
      <c r="C45" s="871"/>
      <c r="D45" s="871"/>
      <c r="E45" s="871"/>
      <c r="F45" s="871"/>
      <c r="G45" s="871"/>
      <c r="H45" s="871"/>
      <c r="I45" s="871"/>
      <c r="J45" s="871"/>
      <c r="K45" s="871"/>
      <c r="L45" s="871"/>
      <c r="M45" s="871"/>
      <c r="N45" s="871"/>
      <c r="O45" s="871"/>
      <c r="P45" s="871"/>
      <c r="Q45" s="871"/>
      <c r="R45" s="871"/>
      <c r="S45" s="871"/>
      <c r="T45" s="871"/>
      <c r="U45" s="871"/>
      <c r="V45" s="871"/>
      <c r="W45" s="871"/>
      <c r="X45" s="871"/>
      <c r="Y45" s="871"/>
      <c r="Z45" s="871"/>
      <c r="AA45" s="218"/>
      <c r="AB45" s="218"/>
      <c r="AC45" s="218"/>
      <c r="AD45" s="218"/>
      <c r="AE45" s="218"/>
      <c r="AF45" s="218"/>
      <c r="AG45" s="218"/>
      <c r="AH45" s="218"/>
      <c r="AI45" s="218"/>
      <c r="AJ45" s="218"/>
      <c r="AK45" s="218"/>
    </row>
    <row r="46" spans="1:37" s="8" customFormat="1" ht="112.5" customHeight="1" x14ac:dyDescent="0.15">
      <c r="A46" s="218"/>
      <c r="B46" s="871" t="s">
        <v>369</v>
      </c>
      <c r="C46" s="871"/>
      <c r="D46" s="871"/>
      <c r="E46" s="871"/>
      <c r="F46" s="871"/>
      <c r="G46" s="871"/>
      <c r="H46" s="871"/>
      <c r="I46" s="871"/>
      <c r="J46" s="871"/>
      <c r="K46" s="871"/>
      <c r="L46" s="871"/>
      <c r="M46" s="871"/>
      <c r="N46" s="871"/>
      <c r="O46" s="871"/>
      <c r="P46" s="871"/>
      <c r="Q46" s="871"/>
      <c r="R46" s="871"/>
      <c r="S46" s="871"/>
      <c r="T46" s="871"/>
      <c r="U46" s="871"/>
      <c r="V46" s="871"/>
      <c r="W46" s="871"/>
      <c r="X46" s="871"/>
      <c r="Y46" s="871"/>
      <c r="Z46" s="871"/>
      <c r="AA46" s="218"/>
      <c r="AB46" s="218"/>
      <c r="AC46" s="218"/>
      <c r="AD46" s="218"/>
      <c r="AE46" s="218"/>
      <c r="AF46" s="218"/>
      <c r="AG46" s="218"/>
      <c r="AH46" s="218"/>
      <c r="AI46" s="218"/>
      <c r="AJ46" s="218"/>
      <c r="AK46" s="218"/>
    </row>
    <row r="47" spans="1:37" s="8" customFormat="1" ht="8.25" customHeight="1" x14ac:dyDescent="0.15">
      <c r="A47" s="218"/>
      <c r="B47" s="221"/>
      <c r="C47" s="221"/>
      <c r="D47" s="221"/>
      <c r="E47" s="221"/>
      <c r="F47" s="221"/>
      <c r="G47" s="221"/>
      <c r="H47" s="221"/>
      <c r="I47" s="221"/>
      <c r="J47" s="221"/>
      <c r="K47" s="221"/>
      <c r="L47" s="221"/>
      <c r="M47" s="221"/>
      <c r="N47" s="221"/>
      <c r="O47" s="221"/>
      <c r="P47" s="221"/>
      <c r="Q47" s="221"/>
      <c r="R47" s="221"/>
      <c r="S47" s="221"/>
      <c r="T47" s="218"/>
      <c r="U47" s="218"/>
      <c r="V47" s="218"/>
      <c r="W47" s="218"/>
      <c r="X47" s="218"/>
      <c r="Y47" s="218"/>
      <c r="Z47" s="218"/>
      <c r="AA47" s="218"/>
      <c r="AB47" s="218"/>
      <c r="AC47" s="218"/>
      <c r="AD47" s="218"/>
      <c r="AE47" s="218"/>
      <c r="AF47" s="218"/>
      <c r="AG47" s="218"/>
      <c r="AH47" s="218"/>
      <c r="AI47" s="218"/>
      <c r="AJ47" s="218"/>
      <c r="AK47" s="218"/>
    </row>
    <row r="48" spans="1:37" s="8" customFormat="1" x14ac:dyDescent="0.15">
      <c r="A48" s="218"/>
      <c r="B48" s="218" t="s">
        <v>170</v>
      </c>
      <c r="C48" s="218"/>
      <c r="D48" s="218"/>
      <c r="E48" s="218"/>
      <c r="F48" s="218"/>
      <c r="G48" s="218"/>
      <c r="H48" s="218"/>
      <c r="I48" s="218"/>
      <c r="J48" s="218"/>
      <c r="K48" s="218"/>
      <c r="L48" s="218"/>
      <c r="M48" s="218"/>
      <c r="N48" s="218"/>
      <c r="O48" s="218"/>
      <c r="P48" s="218"/>
      <c r="Q48" s="218"/>
      <c r="R48" s="218"/>
      <c r="S48" s="218"/>
      <c r="T48" s="218"/>
      <c r="U48" s="218"/>
      <c r="V48" s="218"/>
      <c r="W48" s="218"/>
      <c r="X48" s="218"/>
      <c r="Y48" s="218"/>
      <c r="Z48" s="218"/>
      <c r="AA48" s="218"/>
      <c r="AB48" s="218"/>
      <c r="AC48" s="218"/>
      <c r="AD48" s="218"/>
      <c r="AE48" s="218"/>
      <c r="AF48" s="218"/>
      <c r="AG48" s="218"/>
      <c r="AH48" s="218"/>
      <c r="AI48" s="218"/>
      <c r="AJ48" s="218"/>
      <c r="AK48" s="218"/>
    </row>
    <row r="49" spans="1:37" ht="13.5" customHeight="1" x14ac:dyDescent="0.15">
      <c r="B49" s="870" t="s">
        <v>368</v>
      </c>
      <c r="C49" s="870"/>
      <c r="D49" s="870"/>
      <c r="E49" s="870"/>
      <c r="F49" s="870"/>
      <c r="G49" s="870"/>
      <c r="H49" s="870"/>
      <c r="I49" s="870"/>
      <c r="J49" s="870"/>
      <c r="K49" s="870"/>
      <c r="L49" s="870"/>
      <c r="M49" s="870"/>
      <c r="N49" s="870"/>
      <c r="O49" s="870"/>
      <c r="P49" s="870"/>
      <c r="Q49" s="870"/>
      <c r="R49" s="870"/>
      <c r="S49" s="870"/>
      <c r="T49" s="870"/>
      <c r="U49" s="870"/>
      <c r="V49" s="870"/>
      <c r="W49" s="870"/>
      <c r="X49" s="870"/>
      <c r="Y49" s="870"/>
      <c r="Z49" s="870"/>
    </row>
    <row r="50" spans="1:37" s="6" customFormat="1" x14ac:dyDescent="0.15">
      <c r="A50" s="218"/>
      <c r="B50" s="870" t="s">
        <v>367</v>
      </c>
      <c r="C50" s="870"/>
      <c r="D50" s="870"/>
      <c r="E50" s="870"/>
      <c r="F50" s="870"/>
      <c r="G50" s="870"/>
      <c r="H50" s="870"/>
      <c r="I50" s="870"/>
      <c r="J50" s="870"/>
      <c r="K50" s="870"/>
      <c r="L50" s="870"/>
      <c r="M50" s="870"/>
      <c r="N50" s="870"/>
      <c r="O50" s="870"/>
      <c r="P50" s="870"/>
      <c r="Q50" s="870"/>
      <c r="R50" s="870"/>
      <c r="S50" s="870"/>
      <c r="T50" s="870"/>
      <c r="U50" s="870"/>
      <c r="V50" s="870"/>
      <c r="W50" s="870"/>
      <c r="X50" s="870"/>
      <c r="Y50" s="870"/>
      <c r="Z50" s="870"/>
      <c r="AA50" s="218"/>
      <c r="AB50" s="218"/>
      <c r="AC50" s="218"/>
      <c r="AD50" s="218"/>
      <c r="AE50" s="218"/>
      <c r="AF50" s="218"/>
      <c r="AG50" s="218"/>
      <c r="AH50" s="218"/>
      <c r="AI50" s="218"/>
      <c r="AJ50" s="218"/>
      <c r="AK50" s="218"/>
    </row>
    <row r="51" spans="1:37" s="6" customFormat="1" ht="13.5" customHeight="1" x14ac:dyDescent="0.15">
      <c r="A51" s="218"/>
      <c r="B51" s="870" t="s">
        <v>366</v>
      </c>
      <c r="C51" s="870"/>
      <c r="D51" s="870"/>
      <c r="E51" s="870"/>
      <c r="F51" s="870"/>
      <c r="G51" s="870"/>
      <c r="H51" s="870"/>
      <c r="I51" s="870"/>
      <c r="J51" s="870"/>
      <c r="K51" s="870"/>
      <c r="L51" s="870"/>
      <c r="M51" s="870"/>
      <c r="N51" s="870"/>
      <c r="O51" s="870"/>
      <c r="P51" s="870"/>
      <c r="Q51" s="870"/>
      <c r="R51" s="870"/>
      <c r="S51" s="870"/>
      <c r="T51" s="870"/>
      <c r="U51" s="870"/>
      <c r="V51" s="870"/>
      <c r="W51" s="870"/>
      <c r="X51" s="870"/>
      <c r="Y51" s="870"/>
      <c r="Z51" s="870"/>
      <c r="AA51" s="218"/>
      <c r="AB51" s="218"/>
      <c r="AC51" s="218"/>
      <c r="AD51" s="218"/>
      <c r="AE51" s="218"/>
      <c r="AF51" s="218"/>
      <c r="AG51" s="218"/>
      <c r="AH51" s="218"/>
      <c r="AI51" s="218"/>
      <c r="AJ51" s="218"/>
      <c r="AK51" s="218"/>
    </row>
    <row r="52" spans="1:37" s="6" customFormat="1" ht="13.5" customHeight="1" x14ac:dyDescent="0.15">
      <c r="A52" s="218"/>
      <c r="B52" s="872" t="s">
        <v>365</v>
      </c>
      <c r="C52" s="872"/>
      <c r="D52" s="872"/>
      <c r="E52" s="872"/>
      <c r="F52" s="872"/>
      <c r="G52" s="872"/>
      <c r="H52" s="872"/>
      <c r="I52" s="872"/>
      <c r="J52" s="872"/>
      <c r="K52" s="872"/>
      <c r="L52" s="872"/>
      <c r="M52" s="872"/>
      <c r="N52" s="872"/>
      <c r="O52" s="872"/>
      <c r="P52" s="872"/>
      <c r="Q52" s="872"/>
      <c r="R52" s="872"/>
      <c r="S52" s="872"/>
      <c r="T52" s="872"/>
      <c r="U52" s="872"/>
      <c r="V52" s="872"/>
      <c r="W52" s="872"/>
      <c r="X52" s="872"/>
      <c r="Y52" s="872"/>
      <c r="Z52" s="872"/>
      <c r="AA52" s="218"/>
      <c r="AB52" s="218"/>
      <c r="AC52" s="218"/>
      <c r="AD52" s="218"/>
      <c r="AE52" s="218"/>
      <c r="AF52" s="218"/>
      <c r="AG52" s="218"/>
      <c r="AH52" s="218"/>
      <c r="AI52" s="218"/>
      <c r="AJ52" s="218"/>
      <c r="AK52" s="218"/>
    </row>
    <row r="53" spans="1:37" s="6" customFormat="1" x14ac:dyDescent="0.15">
      <c r="A53" s="218"/>
      <c r="B53" s="870"/>
      <c r="C53" s="870"/>
      <c r="D53" s="870"/>
      <c r="E53" s="870"/>
      <c r="F53" s="870"/>
      <c r="G53" s="870"/>
      <c r="H53" s="870"/>
      <c r="I53" s="870"/>
      <c r="J53" s="870"/>
      <c r="K53" s="870"/>
      <c r="L53" s="870"/>
      <c r="M53" s="870"/>
      <c r="N53" s="870"/>
      <c r="O53" s="870"/>
      <c r="P53" s="870"/>
      <c r="Q53" s="870"/>
      <c r="R53" s="870"/>
      <c r="S53" s="870"/>
      <c r="T53" s="870"/>
      <c r="U53" s="870"/>
      <c r="V53" s="870"/>
      <c r="W53" s="870"/>
      <c r="X53" s="870"/>
      <c r="Y53" s="870"/>
      <c r="Z53" s="870"/>
      <c r="AA53" s="218"/>
      <c r="AB53" s="218"/>
      <c r="AC53" s="218"/>
      <c r="AD53" s="218"/>
      <c r="AE53" s="218"/>
      <c r="AF53" s="218"/>
      <c r="AG53" s="218"/>
      <c r="AH53" s="218"/>
      <c r="AI53" s="218"/>
      <c r="AJ53" s="218"/>
      <c r="AK53" s="218"/>
    </row>
    <row r="54" spans="1:37" ht="156" customHeight="1" x14ac:dyDescent="0.15">
      <c r="B54" s="870"/>
      <c r="C54" s="870"/>
      <c r="D54" s="870"/>
      <c r="E54" s="870"/>
      <c r="F54" s="870"/>
      <c r="G54" s="870"/>
      <c r="H54" s="870"/>
      <c r="I54" s="870"/>
      <c r="J54" s="870"/>
      <c r="K54" s="870"/>
      <c r="L54" s="870"/>
      <c r="M54" s="870"/>
      <c r="N54" s="870"/>
      <c r="O54" s="870"/>
      <c r="P54" s="870"/>
      <c r="Q54" s="870"/>
      <c r="R54" s="870"/>
      <c r="S54" s="870"/>
      <c r="T54" s="870"/>
      <c r="U54" s="870"/>
      <c r="V54" s="870"/>
      <c r="W54" s="870"/>
      <c r="X54" s="870"/>
      <c r="Y54" s="870"/>
      <c r="Z54" s="870"/>
    </row>
    <row r="55" spans="1:37" x14ac:dyDescent="0.15">
      <c r="B55" s="870"/>
      <c r="C55" s="870"/>
      <c r="D55" s="870"/>
      <c r="E55" s="870"/>
      <c r="F55" s="870"/>
      <c r="G55" s="870"/>
      <c r="H55" s="870"/>
      <c r="I55" s="870"/>
      <c r="J55" s="870"/>
      <c r="K55" s="870"/>
      <c r="L55" s="870"/>
      <c r="M55" s="870"/>
      <c r="N55" s="870"/>
      <c r="O55" s="870"/>
      <c r="P55" s="870"/>
      <c r="Q55" s="870"/>
      <c r="R55" s="870"/>
      <c r="S55" s="870"/>
      <c r="T55" s="870"/>
      <c r="U55" s="870"/>
      <c r="V55" s="870"/>
      <c r="W55" s="870"/>
      <c r="X55" s="870"/>
      <c r="Y55" s="870"/>
      <c r="Z55" s="870"/>
    </row>
    <row r="56" spans="1:37" x14ac:dyDescent="0.15">
      <c r="B56" s="870"/>
      <c r="C56" s="870"/>
      <c r="D56" s="870"/>
      <c r="E56" s="870"/>
      <c r="F56" s="870"/>
      <c r="G56" s="870"/>
      <c r="H56" s="870"/>
      <c r="I56" s="870"/>
      <c r="J56" s="870"/>
      <c r="K56" s="870"/>
      <c r="L56" s="870"/>
      <c r="M56" s="870"/>
      <c r="N56" s="870"/>
      <c r="O56" s="870"/>
      <c r="P56" s="870"/>
      <c r="Q56" s="870"/>
      <c r="R56" s="870"/>
      <c r="S56" s="870"/>
      <c r="T56" s="870"/>
      <c r="U56" s="870"/>
      <c r="V56" s="870"/>
      <c r="W56" s="870"/>
      <c r="X56" s="870"/>
      <c r="Y56" s="870"/>
      <c r="Z56" s="870"/>
    </row>
    <row r="57" spans="1:37" x14ac:dyDescent="0.15">
      <c r="B57" s="870"/>
      <c r="C57" s="870"/>
      <c r="D57" s="870"/>
      <c r="E57" s="870"/>
      <c r="F57" s="870"/>
      <c r="G57" s="870"/>
      <c r="H57" s="870"/>
      <c r="I57" s="870"/>
      <c r="J57" s="870"/>
      <c r="K57" s="870"/>
      <c r="L57" s="870"/>
      <c r="M57" s="870"/>
      <c r="N57" s="870"/>
      <c r="O57" s="870"/>
      <c r="P57" s="870"/>
      <c r="Q57" s="870"/>
      <c r="R57" s="870"/>
      <c r="S57" s="870"/>
      <c r="T57" s="870"/>
      <c r="U57" s="870"/>
      <c r="V57" s="870"/>
      <c r="W57" s="870"/>
      <c r="X57" s="870"/>
      <c r="Y57" s="870"/>
      <c r="Z57" s="870"/>
    </row>
    <row r="58" spans="1:37" x14ac:dyDescent="0.15">
      <c r="B58" s="870"/>
      <c r="C58" s="870"/>
      <c r="D58" s="870"/>
      <c r="E58" s="870"/>
      <c r="F58" s="870"/>
      <c r="G58" s="870"/>
      <c r="H58" s="870"/>
      <c r="I58" s="870"/>
      <c r="J58" s="870"/>
      <c r="K58" s="870"/>
      <c r="L58" s="870"/>
      <c r="M58" s="870"/>
      <c r="N58" s="870"/>
      <c r="O58" s="870"/>
      <c r="P58" s="870"/>
      <c r="Q58" s="870"/>
      <c r="R58" s="870"/>
      <c r="S58" s="870"/>
      <c r="T58" s="870"/>
      <c r="U58" s="870"/>
      <c r="V58" s="870"/>
      <c r="W58" s="870"/>
      <c r="X58" s="870"/>
      <c r="Y58" s="870"/>
      <c r="Z58" s="870"/>
    </row>
    <row r="59" spans="1:37" x14ac:dyDescent="0.15">
      <c r="B59" s="870"/>
      <c r="C59" s="870"/>
      <c r="D59" s="870"/>
      <c r="E59" s="870"/>
      <c r="F59" s="870"/>
      <c r="G59" s="870"/>
      <c r="H59" s="870"/>
      <c r="I59" s="870"/>
      <c r="J59" s="870"/>
      <c r="K59" s="870"/>
      <c r="L59" s="870"/>
      <c r="M59" s="870"/>
      <c r="N59" s="870"/>
      <c r="O59" s="870"/>
      <c r="P59" s="870"/>
      <c r="Q59" s="870"/>
      <c r="R59" s="870"/>
      <c r="S59" s="870"/>
      <c r="T59" s="870"/>
      <c r="U59" s="870"/>
      <c r="V59" s="870"/>
      <c r="W59" s="870"/>
      <c r="X59" s="870"/>
      <c r="Y59" s="870"/>
      <c r="Z59" s="870"/>
    </row>
    <row r="122" spans="3:7" x14ac:dyDescent="0.15">
      <c r="C122" s="220"/>
      <c r="D122" s="220"/>
      <c r="E122" s="220"/>
      <c r="F122" s="220"/>
      <c r="G122" s="220"/>
    </row>
    <row r="123" spans="3:7" x14ac:dyDescent="0.15">
      <c r="C123" s="219"/>
    </row>
  </sheetData>
  <mergeCells count="87">
    <mergeCell ref="B3:Z3"/>
    <mergeCell ref="Q6:Z6"/>
    <mergeCell ref="E9:F9"/>
    <mergeCell ref="B10:Z10"/>
    <mergeCell ref="B16:E16"/>
    <mergeCell ref="F16:L16"/>
    <mergeCell ref="M16:S16"/>
    <mergeCell ref="B17:C17"/>
    <mergeCell ref="D17:E17"/>
    <mergeCell ref="F17:K17"/>
    <mergeCell ref="M17:R17"/>
    <mergeCell ref="B18:C18"/>
    <mergeCell ref="D18:E18"/>
    <mergeCell ref="F18:K18"/>
    <mergeCell ref="M18:R18"/>
    <mergeCell ref="B19:C19"/>
    <mergeCell ref="D19:E19"/>
    <mergeCell ref="F19:K19"/>
    <mergeCell ref="M19:R19"/>
    <mergeCell ref="B20:C20"/>
    <mergeCell ref="D20:E20"/>
    <mergeCell ref="F20:K20"/>
    <mergeCell ref="M20:R20"/>
    <mergeCell ref="B21:C21"/>
    <mergeCell ref="D21:E21"/>
    <mergeCell ref="F21:K21"/>
    <mergeCell ref="M21:R21"/>
    <mergeCell ref="B22:C22"/>
    <mergeCell ref="D22:E22"/>
    <mergeCell ref="F22:K22"/>
    <mergeCell ref="M22:R22"/>
    <mergeCell ref="B32:C32"/>
    <mergeCell ref="D32:E32"/>
    <mergeCell ref="F32:K32"/>
    <mergeCell ref="M32:R32"/>
    <mergeCell ref="L25:L26"/>
    <mergeCell ref="B28:P28"/>
    <mergeCell ref="Q28:S28"/>
    <mergeCell ref="B31:E31"/>
    <mergeCell ref="F31:L31"/>
    <mergeCell ref="M31:S31"/>
    <mergeCell ref="B23:E23"/>
    <mergeCell ref="F23:K23"/>
    <mergeCell ref="M23:R23"/>
    <mergeCell ref="B25:E26"/>
    <mergeCell ref="F25:K26"/>
    <mergeCell ref="D36:E36"/>
    <mergeCell ref="F36:K36"/>
    <mergeCell ref="M36:R36"/>
    <mergeCell ref="B33:C33"/>
    <mergeCell ref="D33:E33"/>
    <mergeCell ref="F33:K33"/>
    <mergeCell ref="M33:R33"/>
    <mergeCell ref="B34:C34"/>
    <mergeCell ref="D34:E34"/>
    <mergeCell ref="F34:K34"/>
    <mergeCell ref="B35:C35"/>
    <mergeCell ref="D35:E35"/>
    <mergeCell ref="F35:K35"/>
    <mergeCell ref="M35:R35"/>
    <mergeCell ref="B36:C36"/>
    <mergeCell ref="M34:R34"/>
    <mergeCell ref="B45:Z45"/>
    <mergeCell ref="B37:C37"/>
    <mergeCell ref="D37:E37"/>
    <mergeCell ref="F37:K37"/>
    <mergeCell ref="M37:R37"/>
    <mergeCell ref="B38:E38"/>
    <mergeCell ref="F38:K38"/>
    <mergeCell ref="M38:R38"/>
    <mergeCell ref="B40:E41"/>
    <mergeCell ref="F40:K41"/>
    <mergeCell ref="L40:L41"/>
    <mergeCell ref="B43:P43"/>
    <mergeCell ref="Q43:S43"/>
    <mergeCell ref="B59:Z59"/>
    <mergeCell ref="B46:Z46"/>
    <mergeCell ref="B49:Z49"/>
    <mergeCell ref="B50:Z50"/>
    <mergeCell ref="B51:Z51"/>
    <mergeCell ref="B52:Z52"/>
    <mergeCell ref="B53:Z53"/>
    <mergeCell ref="B54:Z54"/>
    <mergeCell ref="B55:Z55"/>
    <mergeCell ref="B56:Z56"/>
    <mergeCell ref="B57:Z57"/>
    <mergeCell ref="B58:Z58"/>
  </mergeCells>
  <phoneticPr fontId="2"/>
  <dataValidations count="2">
    <dataValidation type="list" allowBlank="1" showInputMessage="1" showErrorMessage="1" sqref="J9 M9 C13 F13">
      <formula1>"□,■"</formula1>
    </dataValidation>
    <dataValidation type="list" allowBlank="1" showInputMessage="1" showErrorMessage="1" sqref="Q28:S28 Q43:S43">
      <formula1>"a,b,c,d"</formula1>
    </dataValidation>
  </dataValidations>
  <pageMargins left="0.7" right="0.7" top="0.75" bottom="0.75" header="0.3" footer="0.3"/>
  <pageSetup paperSize="9" scale="89" orientation="portrait"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Y123"/>
  <sheetViews>
    <sheetView zoomScaleNormal="100" zoomScaleSheetLayoutView="85" workbookViewId="0">
      <selection activeCell="C87" sqref="C87"/>
    </sheetView>
  </sheetViews>
  <sheetFormatPr defaultColWidth="3.5" defaultRowHeight="13.5" x14ac:dyDescent="0.15"/>
  <cols>
    <col min="1" max="1" width="2.375" style="3" customWidth="1"/>
    <col min="2" max="2" width="3" style="140" customWidth="1"/>
    <col min="3" max="7" width="3.5" style="3"/>
    <col min="8" max="25" width="4.5" style="3" customWidth="1"/>
    <col min="26" max="16384" width="3.5" style="3"/>
  </cols>
  <sheetData>
    <row r="2" spans="2:25" x14ac:dyDescent="0.15">
      <c r="B2" s="3" t="s">
        <v>411</v>
      </c>
    </row>
    <row r="3" spans="2:25" x14ac:dyDescent="0.15">
      <c r="Q3" s="8"/>
      <c r="R3" s="17" t="s">
        <v>12</v>
      </c>
      <c r="S3" s="778"/>
      <c r="T3" s="778"/>
      <c r="U3" s="17" t="s">
        <v>11</v>
      </c>
      <c r="V3" s="18"/>
      <c r="W3" s="17" t="s">
        <v>21</v>
      </c>
      <c r="X3" s="18"/>
      <c r="Y3" s="17" t="s">
        <v>20</v>
      </c>
    </row>
    <row r="4" spans="2:25" x14ac:dyDescent="0.15">
      <c r="B4" s="913" t="s">
        <v>410</v>
      </c>
      <c r="C4" s="913"/>
      <c r="D4" s="913"/>
      <c r="E4" s="913"/>
      <c r="F4" s="913"/>
      <c r="G4" s="913"/>
      <c r="H4" s="913"/>
      <c r="I4" s="913"/>
      <c r="J4" s="913"/>
      <c r="K4" s="913"/>
      <c r="L4" s="913"/>
      <c r="M4" s="913"/>
      <c r="N4" s="913"/>
      <c r="O4" s="913"/>
      <c r="P4" s="913"/>
      <c r="Q4" s="913"/>
      <c r="R4" s="913"/>
      <c r="S4" s="913"/>
      <c r="T4" s="913"/>
      <c r="U4" s="913"/>
      <c r="V4" s="913"/>
      <c r="W4" s="913"/>
      <c r="X4" s="913"/>
      <c r="Y4" s="913"/>
    </row>
    <row r="6" spans="2:25" ht="30" customHeight="1" x14ac:dyDescent="0.15">
      <c r="B6" s="169">
        <v>1</v>
      </c>
      <c r="C6" s="168" t="s">
        <v>211</v>
      </c>
      <c r="D6" s="242"/>
      <c r="E6" s="242"/>
      <c r="F6" s="242"/>
      <c r="G6" s="7"/>
      <c r="H6" s="791"/>
      <c r="I6" s="792"/>
      <c r="J6" s="792"/>
      <c r="K6" s="792"/>
      <c r="L6" s="792"/>
      <c r="M6" s="792"/>
      <c r="N6" s="792"/>
      <c r="O6" s="792"/>
      <c r="P6" s="792"/>
      <c r="Q6" s="792"/>
      <c r="R6" s="792"/>
      <c r="S6" s="792"/>
      <c r="T6" s="792"/>
      <c r="U6" s="792"/>
      <c r="V6" s="792"/>
      <c r="W6" s="792"/>
      <c r="X6" s="792"/>
      <c r="Y6" s="793"/>
    </row>
    <row r="7" spans="2:25" ht="30" customHeight="1" x14ac:dyDescent="0.15">
      <c r="B7" s="169">
        <v>2</v>
      </c>
      <c r="C7" s="168" t="s">
        <v>409</v>
      </c>
      <c r="D7" s="168"/>
      <c r="E7" s="168"/>
      <c r="F7" s="168"/>
      <c r="G7" s="167"/>
      <c r="H7" s="180" t="s">
        <v>0</v>
      </c>
      <c r="I7" s="168" t="s">
        <v>242</v>
      </c>
      <c r="J7" s="168"/>
      <c r="K7" s="168"/>
      <c r="L7" s="168"/>
      <c r="M7" s="179" t="s">
        <v>0</v>
      </c>
      <c r="N7" s="168" t="s">
        <v>241</v>
      </c>
      <c r="O7" s="168"/>
      <c r="P7" s="168"/>
      <c r="Q7" s="168"/>
      <c r="R7" s="179" t="s">
        <v>0</v>
      </c>
      <c r="S7" s="168" t="s">
        <v>240</v>
      </c>
      <c r="T7" s="168"/>
      <c r="U7" s="168"/>
      <c r="V7" s="168"/>
      <c r="W7" s="168"/>
      <c r="X7" s="168"/>
      <c r="Y7" s="167"/>
    </row>
    <row r="8" spans="2:25" ht="30" customHeight="1" x14ac:dyDescent="0.15">
      <c r="B8" s="151">
        <v>3</v>
      </c>
      <c r="C8" s="16" t="s">
        <v>408</v>
      </c>
      <c r="D8" s="16"/>
      <c r="E8" s="16"/>
      <c r="F8" s="16"/>
      <c r="G8" s="150"/>
      <c r="H8" s="178" t="s">
        <v>0</v>
      </c>
      <c r="I8" s="8" t="s">
        <v>407</v>
      </c>
      <c r="J8" s="16"/>
      <c r="K8" s="16"/>
      <c r="L8" s="16"/>
      <c r="M8" s="16"/>
      <c r="N8" s="16"/>
      <c r="O8" s="16"/>
      <c r="P8" s="178"/>
      <c r="Q8" s="8"/>
      <c r="R8" s="16"/>
      <c r="S8" s="16"/>
      <c r="T8" s="16"/>
      <c r="U8" s="16"/>
      <c r="V8" s="16"/>
      <c r="W8" s="16"/>
      <c r="X8" s="16"/>
      <c r="Y8" s="150"/>
    </row>
    <row r="9" spans="2:25" ht="30" customHeight="1" x14ac:dyDescent="0.15">
      <c r="B9" s="151"/>
      <c r="C9" s="16"/>
      <c r="D9" s="16"/>
      <c r="E9" s="16"/>
      <c r="F9" s="16"/>
      <c r="G9" s="150"/>
      <c r="H9" s="178" t="s">
        <v>0</v>
      </c>
      <c r="I9" s="8" t="s">
        <v>406</v>
      </c>
      <c r="J9" s="16"/>
      <c r="K9" s="16"/>
      <c r="L9" s="16"/>
      <c r="M9" s="16"/>
      <c r="N9" s="16"/>
      <c r="O9" s="16"/>
      <c r="P9" s="178"/>
      <c r="Q9" s="8"/>
      <c r="R9" s="16"/>
      <c r="S9" s="16"/>
      <c r="T9" s="16"/>
      <c r="U9" s="16"/>
      <c r="V9" s="16"/>
      <c r="W9" s="16"/>
      <c r="X9" s="16"/>
      <c r="Y9" s="150"/>
    </row>
    <row r="10" spans="2:25" ht="30" customHeight="1" x14ac:dyDescent="0.15">
      <c r="B10" s="151"/>
      <c r="C10" s="16"/>
      <c r="D10" s="16"/>
      <c r="E10" s="16"/>
      <c r="F10" s="16"/>
      <c r="G10" s="150"/>
      <c r="H10" s="178" t="s">
        <v>0</v>
      </c>
      <c r="I10" s="8" t="s">
        <v>405</v>
      </c>
      <c r="J10" s="16"/>
      <c r="K10" s="16"/>
      <c r="L10" s="16"/>
      <c r="M10" s="16"/>
      <c r="N10" s="16"/>
      <c r="O10" s="16"/>
      <c r="P10" s="178"/>
      <c r="Q10" s="8"/>
      <c r="R10" s="16"/>
      <c r="S10" s="16"/>
      <c r="T10" s="16"/>
      <c r="U10" s="16"/>
      <c r="V10" s="16"/>
      <c r="W10" s="16"/>
      <c r="X10" s="16"/>
      <c r="Y10" s="150"/>
    </row>
    <row r="11" spans="2:25" ht="30" customHeight="1" x14ac:dyDescent="0.15">
      <c r="B11" s="151"/>
      <c r="C11" s="16"/>
      <c r="D11" s="16"/>
      <c r="E11" s="16"/>
      <c r="F11" s="16"/>
      <c r="G11" s="150"/>
      <c r="H11" s="178" t="s">
        <v>250</v>
      </c>
      <c r="I11" s="8" t="s">
        <v>404</v>
      </c>
      <c r="J11" s="16"/>
      <c r="K11" s="16"/>
      <c r="L11" s="16"/>
      <c r="M11" s="16"/>
      <c r="N11" s="16"/>
      <c r="O11" s="16"/>
      <c r="P11" s="178"/>
      <c r="Q11" s="8"/>
      <c r="R11" s="16"/>
      <c r="S11" s="16"/>
      <c r="T11" s="16"/>
      <c r="U11" s="16"/>
      <c r="V11" s="16"/>
      <c r="W11" s="16"/>
      <c r="X11" s="16"/>
      <c r="Y11" s="150"/>
    </row>
    <row r="12" spans="2:25" ht="30" customHeight="1" x14ac:dyDescent="0.15">
      <c r="B12" s="151"/>
      <c r="C12" s="16"/>
      <c r="D12" s="16"/>
      <c r="E12" s="16"/>
      <c r="F12" s="16"/>
      <c r="G12" s="150"/>
      <c r="H12" s="178" t="s">
        <v>250</v>
      </c>
      <c r="I12" s="8" t="s">
        <v>403</v>
      </c>
      <c r="J12" s="16"/>
      <c r="K12" s="16"/>
      <c r="L12" s="16"/>
      <c r="M12" s="16"/>
      <c r="N12" s="16"/>
      <c r="O12" s="16"/>
      <c r="P12" s="178"/>
      <c r="Q12" s="8"/>
      <c r="R12" s="16"/>
      <c r="S12" s="16"/>
      <c r="T12" s="16"/>
      <c r="U12" s="16"/>
      <c r="V12" s="16"/>
      <c r="W12" s="16"/>
      <c r="X12" s="16"/>
      <c r="Y12" s="150"/>
    </row>
    <row r="13" spans="2:25" ht="30" customHeight="1" x14ac:dyDescent="0.15">
      <c r="B13" s="151"/>
      <c r="C13" s="16"/>
      <c r="D13" s="16"/>
      <c r="E13" s="16"/>
      <c r="F13" s="16"/>
      <c r="G13" s="150"/>
      <c r="H13" s="178" t="s">
        <v>0</v>
      </c>
      <c r="I13" s="8" t="s">
        <v>402</v>
      </c>
      <c r="J13" s="16"/>
      <c r="K13" s="16"/>
      <c r="L13" s="16"/>
      <c r="M13" s="16"/>
      <c r="N13" s="16"/>
      <c r="O13" s="16"/>
      <c r="P13" s="16"/>
      <c r="Q13" s="8"/>
      <c r="R13" s="16"/>
      <c r="S13" s="16"/>
      <c r="T13" s="16"/>
      <c r="U13" s="16"/>
      <c r="V13" s="16"/>
      <c r="W13" s="16"/>
      <c r="X13" s="16"/>
      <c r="Y13" s="150"/>
    </row>
    <row r="14" spans="2:25" x14ac:dyDescent="0.15">
      <c r="B14" s="241"/>
      <c r="C14" s="4"/>
      <c r="D14" s="4"/>
      <c r="E14" s="4"/>
      <c r="F14" s="4"/>
      <c r="G14" s="82"/>
      <c r="H14" s="240"/>
      <c r="I14" s="4"/>
      <c r="J14" s="4"/>
      <c r="K14" s="4"/>
      <c r="L14" s="4"/>
      <c r="M14" s="4"/>
      <c r="N14" s="4"/>
      <c r="O14" s="4"/>
      <c r="P14" s="4"/>
      <c r="Q14" s="4"/>
      <c r="R14" s="4"/>
      <c r="S14" s="4"/>
      <c r="T14" s="4"/>
      <c r="U14" s="4"/>
      <c r="V14" s="4"/>
      <c r="W14" s="4"/>
      <c r="X14" s="4"/>
      <c r="Y14" s="82"/>
    </row>
    <row r="15" spans="2:25" ht="29.25" customHeight="1" x14ac:dyDescent="0.15">
      <c r="B15" s="237">
        <v>4</v>
      </c>
      <c r="C15" s="914" t="s">
        <v>401</v>
      </c>
      <c r="D15" s="914"/>
      <c r="E15" s="914"/>
      <c r="F15" s="914"/>
      <c r="G15" s="915"/>
      <c r="H15" s="20" t="s">
        <v>400</v>
      </c>
      <c r="I15" s="16"/>
      <c r="Y15" s="10"/>
    </row>
    <row r="16" spans="2:25" ht="12" customHeight="1" x14ac:dyDescent="0.15">
      <c r="B16" s="147"/>
      <c r="G16" s="10"/>
      <c r="H16" s="142"/>
      <c r="I16" s="790" t="s">
        <v>397</v>
      </c>
      <c r="J16" s="790"/>
      <c r="K16" s="790"/>
      <c r="L16" s="790"/>
      <c r="M16" s="790"/>
      <c r="N16" s="790"/>
      <c r="O16" s="790"/>
      <c r="P16" s="790"/>
      <c r="Q16" s="783"/>
      <c r="R16" s="784"/>
      <c r="S16" s="784"/>
      <c r="T16" s="784"/>
      <c r="U16" s="784"/>
      <c r="V16" s="784"/>
      <c r="W16" s="785"/>
      <c r="Y16" s="10"/>
    </row>
    <row r="17" spans="2:25" ht="12" customHeight="1" x14ac:dyDescent="0.15">
      <c r="B17" s="147"/>
      <c r="G17" s="10"/>
      <c r="H17" s="142"/>
      <c r="I17" s="790"/>
      <c r="J17" s="790"/>
      <c r="K17" s="790"/>
      <c r="L17" s="790"/>
      <c r="M17" s="790"/>
      <c r="N17" s="790"/>
      <c r="O17" s="790"/>
      <c r="P17" s="790"/>
      <c r="Q17" s="786"/>
      <c r="R17" s="787"/>
      <c r="S17" s="787"/>
      <c r="T17" s="787"/>
      <c r="U17" s="787"/>
      <c r="V17" s="787"/>
      <c r="W17" s="788"/>
      <c r="Y17" s="10"/>
    </row>
    <row r="18" spans="2:25" ht="12" customHeight="1" x14ac:dyDescent="0.15">
      <c r="B18" s="147"/>
      <c r="G18" s="10"/>
      <c r="H18" s="142"/>
      <c r="I18" s="783" t="s">
        <v>396</v>
      </c>
      <c r="J18" s="784"/>
      <c r="K18" s="784"/>
      <c r="L18" s="784"/>
      <c r="M18" s="784"/>
      <c r="N18" s="784"/>
      <c r="O18" s="784"/>
      <c r="P18" s="785"/>
      <c r="Q18" s="783"/>
      <c r="R18" s="784"/>
      <c r="S18" s="784"/>
      <c r="T18" s="784"/>
      <c r="U18" s="784"/>
      <c r="V18" s="784"/>
      <c r="W18" s="785"/>
      <c r="Y18" s="10"/>
    </row>
    <row r="19" spans="2:25" ht="12" customHeight="1" x14ac:dyDescent="0.15">
      <c r="B19" s="147"/>
      <c r="G19" s="10"/>
      <c r="H19" s="142"/>
      <c r="I19" s="810"/>
      <c r="J19" s="778"/>
      <c r="K19" s="778"/>
      <c r="L19" s="778"/>
      <c r="M19" s="778"/>
      <c r="N19" s="778"/>
      <c r="O19" s="778"/>
      <c r="P19" s="811"/>
      <c r="Q19" s="810"/>
      <c r="R19" s="778"/>
      <c r="S19" s="778"/>
      <c r="T19" s="778"/>
      <c r="U19" s="778"/>
      <c r="V19" s="778"/>
      <c r="W19" s="811"/>
      <c r="Y19" s="10"/>
    </row>
    <row r="20" spans="2:25" ht="12" customHeight="1" x14ac:dyDescent="0.15">
      <c r="B20" s="147"/>
      <c r="G20" s="10"/>
      <c r="H20" s="142"/>
      <c r="I20" s="810"/>
      <c r="J20" s="778"/>
      <c r="K20" s="778"/>
      <c r="L20" s="778"/>
      <c r="M20" s="778"/>
      <c r="N20" s="778"/>
      <c r="O20" s="778"/>
      <c r="P20" s="811"/>
      <c r="Q20" s="810"/>
      <c r="R20" s="778"/>
      <c r="S20" s="778"/>
      <c r="T20" s="778"/>
      <c r="U20" s="778"/>
      <c r="V20" s="778"/>
      <c r="W20" s="811"/>
      <c r="Y20" s="10"/>
    </row>
    <row r="21" spans="2:25" ht="12" customHeight="1" x14ac:dyDescent="0.15">
      <c r="B21" s="147"/>
      <c r="G21" s="10"/>
      <c r="H21" s="142"/>
      <c r="I21" s="786"/>
      <c r="J21" s="787"/>
      <c r="K21" s="787"/>
      <c r="L21" s="787"/>
      <c r="M21" s="787"/>
      <c r="N21" s="787"/>
      <c r="O21" s="787"/>
      <c r="P21" s="788"/>
      <c r="Q21" s="786"/>
      <c r="R21" s="787"/>
      <c r="S21" s="787"/>
      <c r="T21" s="787"/>
      <c r="U21" s="787"/>
      <c r="V21" s="787"/>
      <c r="W21" s="788"/>
      <c r="Y21" s="10"/>
    </row>
    <row r="22" spans="2:25" ht="12" customHeight="1" x14ac:dyDescent="0.15">
      <c r="B22" s="147"/>
      <c r="G22" s="10"/>
      <c r="H22" s="142"/>
      <c r="I22" s="790" t="s">
        <v>395</v>
      </c>
      <c r="J22" s="790"/>
      <c r="K22" s="790"/>
      <c r="L22" s="790"/>
      <c r="M22" s="790"/>
      <c r="N22" s="790"/>
      <c r="O22" s="790"/>
      <c r="P22" s="790"/>
      <c r="Q22" s="906"/>
      <c r="R22" s="907"/>
      <c r="S22" s="907"/>
      <c r="T22" s="907"/>
      <c r="U22" s="907"/>
      <c r="V22" s="907"/>
      <c r="W22" s="908"/>
      <c r="Y22" s="10"/>
    </row>
    <row r="23" spans="2:25" ht="12" customHeight="1" x14ac:dyDescent="0.15">
      <c r="B23" s="147"/>
      <c r="G23" s="10"/>
      <c r="H23" s="142"/>
      <c r="I23" s="790"/>
      <c r="J23" s="790"/>
      <c r="K23" s="790"/>
      <c r="L23" s="790"/>
      <c r="M23" s="790"/>
      <c r="N23" s="790"/>
      <c r="O23" s="790"/>
      <c r="P23" s="790"/>
      <c r="Q23" s="909"/>
      <c r="R23" s="910"/>
      <c r="S23" s="910"/>
      <c r="T23" s="910"/>
      <c r="U23" s="910"/>
      <c r="V23" s="910"/>
      <c r="W23" s="911"/>
      <c r="Y23" s="10"/>
    </row>
    <row r="24" spans="2:25" ht="12" customHeight="1" x14ac:dyDescent="0.15">
      <c r="B24" s="147"/>
      <c r="G24" s="10"/>
      <c r="H24" s="142"/>
      <c r="I24" s="790" t="s">
        <v>394</v>
      </c>
      <c r="J24" s="790"/>
      <c r="K24" s="790"/>
      <c r="L24" s="790"/>
      <c r="M24" s="790"/>
      <c r="N24" s="790"/>
      <c r="O24" s="790"/>
      <c r="P24" s="790"/>
      <c r="Q24" s="906" t="s">
        <v>393</v>
      </c>
      <c r="R24" s="907"/>
      <c r="S24" s="907"/>
      <c r="T24" s="907"/>
      <c r="U24" s="907"/>
      <c r="V24" s="907"/>
      <c r="W24" s="908"/>
      <c r="Y24" s="10"/>
    </row>
    <row r="25" spans="2:25" ht="12" customHeight="1" x14ac:dyDescent="0.15">
      <c r="B25" s="147"/>
      <c r="G25" s="10"/>
      <c r="H25" s="142"/>
      <c r="I25" s="790"/>
      <c r="J25" s="790"/>
      <c r="K25" s="790"/>
      <c r="L25" s="790"/>
      <c r="M25" s="790"/>
      <c r="N25" s="790"/>
      <c r="O25" s="790"/>
      <c r="P25" s="790"/>
      <c r="Q25" s="909"/>
      <c r="R25" s="910"/>
      <c r="S25" s="910"/>
      <c r="T25" s="910"/>
      <c r="U25" s="910"/>
      <c r="V25" s="910"/>
      <c r="W25" s="911"/>
      <c r="Y25" s="10"/>
    </row>
    <row r="26" spans="2:25" ht="12" customHeight="1" x14ac:dyDescent="0.15">
      <c r="B26" s="147"/>
      <c r="G26" s="10"/>
      <c r="H26" s="142"/>
      <c r="I26" s="790" t="s">
        <v>392</v>
      </c>
      <c r="J26" s="790"/>
      <c r="K26" s="790"/>
      <c r="L26" s="790"/>
      <c r="M26" s="790"/>
      <c r="N26" s="790"/>
      <c r="O26" s="790"/>
      <c r="P26" s="790"/>
      <c r="Q26" s="906"/>
      <c r="R26" s="907"/>
      <c r="S26" s="907"/>
      <c r="T26" s="907"/>
      <c r="U26" s="907"/>
      <c r="V26" s="907"/>
      <c r="W26" s="908"/>
      <c r="Y26" s="10"/>
    </row>
    <row r="27" spans="2:25" ht="12" customHeight="1" x14ac:dyDescent="0.15">
      <c r="B27" s="147"/>
      <c r="G27" s="10"/>
      <c r="H27" s="142"/>
      <c r="I27" s="790"/>
      <c r="J27" s="790"/>
      <c r="K27" s="790"/>
      <c r="L27" s="790"/>
      <c r="M27" s="790"/>
      <c r="N27" s="790"/>
      <c r="O27" s="790"/>
      <c r="P27" s="790"/>
      <c r="Q27" s="909"/>
      <c r="R27" s="910"/>
      <c r="S27" s="910"/>
      <c r="T27" s="910"/>
      <c r="U27" s="910"/>
      <c r="V27" s="910"/>
      <c r="W27" s="911"/>
      <c r="Y27" s="10"/>
    </row>
    <row r="28" spans="2:25" ht="15" customHeight="1" x14ac:dyDescent="0.15">
      <c r="B28" s="147"/>
      <c r="G28" s="10"/>
      <c r="H28" s="142"/>
      <c r="I28" s="16"/>
      <c r="J28" s="16"/>
      <c r="K28" s="16"/>
      <c r="L28" s="16"/>
      <c r="M28" s="16"/>
      <c r="N28" s="16"/>
      <c r="O28" s="16"/>
      <c r="P28" s="16"/>
      <c r="Q28" s="16"/>
      <c r="R28" s="16"/>
      <c r="S28" s="16"/>
      <c r="T28" s="16"/>
      <c r="U28" s="16"/>
      <c r="Y28" s="238"/>
    </row>
    <row r="29" spans="2:25" ht="29.25" customHeight="1" x14ac:dyDescent="0.15">
      <c r="B29" s="237"/>
      <c r="C29" s="235"/>
      <c r="D29" s="235"/>
      <c r="E29" s="235"/>
      <c r="F29" s="235"/>
      <c r="G29" s="236"/>
      <c r="H29" s="20" t="s">
        <v>399</v>
      </c>
      <c r="I29" s="16"/>
      <c r="Y29" s="10"/>
    </row>
    <row r="30" spans="2:25" ht="12" customHeight="1" x14ac:dyDescent="0.15">
      <c r="B30" s="147"/>
      <c r="G30" s="10"/>
      <c r="H30" s="142"/>
      <c r="I30" s="790" t="s">
        <v>397</v>
      </c>
      <c r="J30" s="790"/>
      <c r="K30" s="790"/>
      <c r="L30" s="790"/>
      <c r="M30" s="790"/>
      <c r="N30" s="790"/>
      <c r="O30" s="790"/>
      <c r="P30" s="790"/>
      <c r="Q30" s="783"/>
      <c r="R30" s="784"/>
      <c r="S30" s="784"/>
      <c r="T30" s="784"/>
      <c r="U30" s="784"/>
      <c r="V30" s="784"/>
      <c r="W30" s="785"/>
      <c r="Y30" s="10"/>
    </row>
    <row r="31" spans="2:25" ht="12" customHeight="1" x14ac:dyDescent="0.15">
      <c r="B31" s="147"/>
      <c r="G31" s="10"/>
      <c r="H31" s="142"/>
      <c r="I31" s="790"/>
      <c r="J31" s="790"/>
      <c r="K31" s="790"/>
      <c r="L31" s="790"/>
      <c r="M31" s="790"/>
      <c r="N31" s="790"/>
      <c r="O31" s="790"/>
      <c r="P31" s="790"/>
      <c r="Q31" s="786"/>
      <c r="R31" s="787"/>
      <c r="S31" s="787"/>
      <c r="T31" s="787"/>
      <c r="U31" s="787"/>
      <c r="V31" s="787"/>
      <c r="W31" s="788"/>
      <c r="Y31" s="10"/>
    </row>
    <row r="32" spans="2:25" ht="12" customHeight="1" x14ac:dyDescent="0.15">
      <c r="B32" s="147"/>
      <c r="G32" s="10"/>
      <c r="H32" s="142"/>
      <c r="I32" s="783" t="s">
        <v>396</v>
      </c>
      <c r="J32" s="784"/>
      <c r="K32" s="784"/>
      <c r="L32" s="784"/>
      <c r="M32" s="784"/>
      <c r="N32" s="784"/>
      <c r="O32" s="784"/>
      <c r="P32" s="785"/>
      <c r="Q32" s="783"/>
      <c r="R32" s="784"/>
      <c r="S32" s="784"/>
      <c r="T32" s="784"/>
      <c r="U32" s="784"/>
      <c r="V32" s="784"/>
      <c r="W32" s="785"/>
      <c r="Y32" s="10"/>
    </row>
    <row r="33" spans="2:25" ht="12" customHeight="1" x14ac:dyDescent="0.15">
      <c r="B33" s="147"/>
      <c r="G33" s="10"/>
      <c r="H33" s="142"/>
      <c r="I33" s="810"/>
      <c r="J33" s="778"/>
      <c r="K33" s="778"/>
      <c r="L33" s="778"/>
      <c r="M33" s="778"/>
      <c r="N33" s="778"/>
      <c r="O33" s="778"/>
      <c r="P33" s="811"/>
      <c r="Q33" s="810"/>
      <c r="R33" s="778"/>
      <c r="S33" s="778"/>
      <c r="T33" s="778"/>
      <c r="U33" s="778"/>
      <c r="V33" s="778"/>
      <c r="W33" s="811"/>
      <c r="Y33" s="10"/>
    </row>
    <row r="34" spans="2:25" ht="12" customHeight="1" x14ac:dyDescent="0.15">
      <c r="B34" s="147"/>
      <c r="G34" s="10"/>
      <c r="H34" s="142"/>
      <c r="I34" s="810"/>
      <c r="J34" s="778"/>
      <c r="K34" s="778"/>
      <c r="L34" s="778"/>
      <c r="M34" s="778"/>
      <c r="N34" s="778"/>
      <c r="O34" s="778"/>
      <c r="P34" s="811"/>
      <c r="Q34" s="810"/>
      <c r="R34" s="778"/>
      <c r="S34" s="778"/>
      <c r="T34" s="778"/>
      <c r="U34" s="778"/>
      <c r="V34" s="778"/>
      <c r="W34" s="811"/>
      <c r="Y34" s="10"/>
    </row>
    <row r="35" spans="2:25" ht="12" customHeight="1" x14ac:dyDescent="0.15">
      <c r="B35" s="147"/>
      <c r="G35" s="10"/>
      <c r="H35" s="142"/>
      <c r="I35" s="786"/>
      <c r="J35" s="787"/>
      <c r="K35" s="787"/>
      <c r="L35" s="787"/>
      <c r="M35" s="787"/>
      <c r="N35" s="787"/>
      <c r="O35" s="787"/>
      <c r="P35" s="788"/>
      <c r="Q35" s="786"/>
      <c r="R35" s="787"/>
      <c r="S35" s="787"/>
      <c r="T35" s="787"/>
      <c r="U35" s="787"/>
      <c r="V35" s="787"/>
      <c r="W35" s="788"/>
      <c r="Y35" s="10"/>
    </row>
    <row r="36" spans="2:25" ht="12" customHeight="1" x14ac:dyDescent="0.15">
      <c r="B36" s="147"/>
      <c r="G36" s="10"/>
      <c r="H36" s="142"/>
      <c r="I36" s="790" t="s">
        <v>395</v>
      </c>
      <c r="J36" s="790"/>
      <c r="K36" s="790"/>
      <c r="L36" s="790"/>
      <c r="M36" s="790"/>
      <c r="N36" s="790"/>
      <c r="O36" s="790"/>
      <c r="P36" s="790"/>
      <c r="Q36" s="906"/>
      <c r="R36" s="907"/>
      <c r="S36" s="907"/>
      <c r="T36" s="907"/>
      <c r="U36" s="907"/>
      <c r="V36" s="907"/>
      <c r="W36" s="908"/>
      <c r="Y36" s="10"/>
    </row>
    <row r="37" spans="2:25" ht="12" customHeight="1" x14ac:dyDescent="0.15">
      <c r="B37" s="147"/>
      <c r="G37" s="10"/>
      <c r="H37" s="142"/>
      <c r="I37" s="790"/>
      <c r="J37" s="790"/>
      <c r="K37" s="790"/>
      <c r="L37" s="790"/>
      <c r="M37" s="790"/>
      <c r="N37" s="790"/>
      <c r="O37" s="790"/>
      <c r="P37" s="790"/>
      <c r="Q37" s="909"/>
      <c r="R37" s="910"/>
      <c r="S37" s="910"/>
      <c r="T37" s="910"/>
      <c r="U37" s="910"/>
      <c r="V37" s="910"/>
      <c r="W37" s="911"/>
      <c r="Y37" s="10"/>
    </row>
    <row r="38" spans="2:25" ht="12" customHeight="1" x14ac:dyDescent="0.15">
      <c r="B38" s="147"/>
      <c r="G38" s="10"/>
      <c r="H38" s="239"/>
      <c r="I38" s="782" t="s">
        <v>394</v>
      </c>
      <c r="J38" s="790"/>
      <c r="K38" s="790"/>
      <c r="L38" s="790"/>
      <c r="M38" s="790"/>
      <c r="N38" s="790"/>
      <c r="O38" s="790"/>
      <c r="P38" s="790"/>
      <c r="Q38" s="791" t="s">
        <v>393</v>
      </c>
      <c r="R38" s="792"/>
      <c r="S38" s="792"/>
      <c r="T38" s="792"/>
      <c r="U38" s="792"/>
      <c r="V38" s="792"/>
      <c r="W38" s="792"/>
      <c r="X38" s="142"/>
      <c r="Y38" s="10"/>
    </row>
    <row r="39" spans="2:25" ht="12" customHeight="1" x14ac:dyDescent="0.15">
      <c r="B39" s="147"/>
      <c r="G39" s="10"/>
      <c r="H39" s="142"/>
      <c r="I39" s="912"/>
      <c r="J39" s="912"/>
      <c r="K39" s="912"/>
      <c r="L39" s="912"/>
      <c r="M39" s="912"/>
      <c r="N39" s="912"/>
      <c r="O39" s="912"/>
      <c r="P39" s="912"/>
      <c r="Q39" s="909"/>
      <c r="R39" s="910"/>
      <c r="S39" s="910"/>
      <c r="T39" s="910"/>
      <c r="U39" s="910"/>
      <c r="V39" s="910"/>
      <c r="W39" s="911"/>
      <c r="Y39" s="10"/>
    </row>
    <row r="40" spans="2:25" ht="12" customHeight="1" x14ac:dyDescent="0.15">
      <c r="B40" s="147"/>
      <c r="G40" s="10"/>
      <c r="H40" s="142"/>
      <c r="I40" s="790" t="s">
        <v>392</v>
      </c>
      <c r="J40" s="790"/>
      <c r="K40" s="790"/>
      <c r="L40" s="790"/>
      <c r="M40" s="790"/>
      <c r="N40" s="790"/>
      <c r="O40" s="790"/>
      <c r="P40" s="790"/>
      <c r="Q40" s="906"/>
      <c r="R40" s="907"/>
      <c r="S40" s="907"/>
      <c r="T40" s="907"/>
      <c r="U40" s="907"/>
      <c r="V40" s="907"/>
      <c r="W40" s="908"/>
      <c r="Y40" s="10"/>
    </row>
    <row r="41" spans="2:25" ht="12" customHeight="1" x14ac:dyDescent="0.15">
      <c r="B41" s="147"/>
      <c r="G41" s="10"/>
      <c r="H41" s="142"/>
      <c r="I41" s="790"/>
      <c r="J41" s="790"/>
      <c r="K41" s="790"/>
      <c r="L41" s="790"/>
      <c r="M41" s="790"/>
      <c r="N41" s="790"/>
      <c r="O41" s="790"/>
      <c r="P41" s="790"/>
      <c r="Q41" s="909"/>
      <c r="R41" s="910"/>
      <c r="S41" s="910"/>
      <c r="T41" s="910"/>
      <c r="U41" s="910"/>
      <c r="V41" s="910"/>
      <c r="W41" s="911"/>
      <c r="Y41" s="10"/>
    </row>
    <row r="42" spans="2:25" ht="15" customHeight="1" x14ac:dyDescent="0.15">
      <c r="B42" s="147"/>
      <c r="G42" s="10"/>
      <c r="H42" s="142"/>
      <c r="I42" s="16"/>
      <c r="J42" s="16"/>
      <c r="K42" s="16"/>
      <c r="L42" s="16"/>
      <c r="M42" s="16"/>
      <c r="N42" s="16"/>
      <c r="O42" s="16"/>
      <c r="P42" s="16"/>
      <c r="Q42" s="16"/>
      <c r="R42" s="16"/>
      <c r="S42" s="16"/>
      <c r="T42" s="16"/>
      <c r="U42" s="16"/>
      <c r="Y42" s="238"/>
    </row>
    <row r="43" spans="2:25" ht="29.25" customHeight="1" x14ac:dyDescent="0.15">
      <c r="B43" s="237"/>
      <c r="C43" s="235"/>
      <c r="D43" s="235"/>
      <c r="E43" s="235"/>
      <c r="F43" s="235"/>
      <c r="G43" s="236"/>
      <c r="H43" s="20" t="s">
        <v>398</v>
      </c>
      <c r="I43" s="16"/>
      <c r="Y43" s="10"/>
    </row>
    <row r="44" spans="2:25" ht="12" customHeight="1" x14ac:dyDescent="0.15">
      <c r="B44" s="147"/>
      <c r="G44" s="10"/>
      <c r="H44" s="142"/>
      <c r="I44" s="790" t="s">
        <v>397</v>
      </c>
      <c r="J44" s="790"/>
      <c r="K44" s="790"/>
      <c r="L44" s="790"/>
      <c r="M44" s="790"/>
      <c r="N44" s="790"/>
      <c r="O44" s="790"/>
      <c r="P44" s="790"/>
      <c r="Q44" s="783"/>
      <c r="R44" s="784"/>
      <c r="S44" s="784"/>
      <c r="T44" s="784"/>
      <c r="U44" s="784"/>
      <c r="V44" s="784"/>
      <c r="W44" s="785"/>
      <c r="Y44" s="10"/>
    </row>
    <row r="45" spans="2:25" ht="12" customHeight="1" x14ac:dyDescent="0.15">
      <c r="B45" s="147"/>
      <c r="G45" s="10"/>
      <c r="H45" s="142"/>
      <c r="I45" s="790"/>
      <c r="J45" s="790"/>
      <c r="K45" s="790"/>
      <c r="L45" s="790"/>
      <c r="M45" s="790"/>
      <c r="N45" s="790"/>
      <c r="O45" s="790"/>
      <c r="P45" s="790"/>
      <c r="Q45" s="786"/>
      <c r="R45" s="787"/>
      <c r="S45" s="787"/>
      <c r="T45" s="787"/>
      <c r="U45" s="787"/>
      <c r="V45" s="787"/>
      <c r="W45" s="788"/>
      <c r="Y45" s="10"/>
    </row>
    <row r="46" spans="2:25" ht="12" customHeight="1" x14ac:dyDescent="0.15">
      <c r="B46" s="147"/>
      <c r="G46" s="10"/>
      <c r="H46" s="142"/>
      <c r="I46" s="783" t="s">
        <v>396</v>
      </c>
      <c r="J46" s="784"/>
      <c r="K46" s="784"/>
      <c r="L46" s="784"/>
      <c r="M46" s="784"/>
      <c r="N46" s="784"/>
      <c r="O46" s="784"/>
      <c r="P46" s="785"/>
      <c r="Q46" s="783"/>
      <c r="R46" s="784"/>
      <c r="S46" s="784"/>
      <c r="T46" s="784"/>
      <c r="U46" s="784"/>
      <c r="V46" s="784"/>
      <c r="W46" s="785"/>
      <c r="Y46" s="10"/>
    </row>
    <row r="47" spans="2:25" ht="12" customHeight="1" x14ac:dyDescent="0.15">
      <c r="B47" s="147"/>
      <c r="G47" s="10"/>
      <c r="H47" s="142"/>
      <c r="I47" s="810"/>
      <c r="J47" s="778"/>
      <c r="K47" s="778"/>
      <c r="L47" s="778"/>
      <c r="M47" s="778"/>
      <c r="N47" s="778"/>
      <c r="O47" s="778"/>
      <c r="P47" s="811"/>
      <c r="Q47" s="810"/>
      <c r="R47" s="778"/>
      <c r="S47" s="778"/>
      <c r="T47" s="778"/>
      <c r="U47" s="778"/>
      <c r="V47" s="778"/>
      <c r="W47" s="811"/>
      <c r="Y47" s="10"/>
    </row>
    <row r="48" spans="2:25" ht="12" customHeight="1" x14ac:dyDescent="0.15">
      <c r="B48" s="147"/>
      <c r="G48" s="10"/>
      <c r="H48" s="142"/>
      <c r="I48" s="810"/>
      <c r="J48" s="778"/>
      <c r="K48" s="778"/>
      <c r="L48" s="778"/>
      <c r="M48" s="778"/>
      <c r="N48" s="778"/>
      <c r="O48" s="778"/>
      <c r="P48" s="811"/>
      <c r="Q48" s="810"/>
      <c r="R48" s="778"/>
      <c r="S48" s="778"/>
      <c r="T48" s="778"/>
      <c r="U48" s="778"/>
      <c r="V48" s="778"/>
      <c r="W48" s="811"/>
      <c r="Y48" s="10"/>
    </row>
    <row r="49" spans="2:25" ht="12" customHeight="1" x14ac:dyDescent="0.15">
      <c r="B49" s="147"/>
      <c r="G49" s="10"/>
      <c r="H49" s="142"/>
      <c r="I49" s="786"/>
      <c r="J49" s="787"/>
      <c r="K49" s="787"/>
      <c r="L49" s="787"/>
      <c r="M49" s="787"/>
      <c r="N49" s="787"/>
      <c r="O49" s="787"/>
      <c r="P49" s="788"/>
      <c r="Q49" s="786"/>
      <c r="R49" s="787"/>
      <c r="S49" s="787"/>
      <c r="T49" s="787"/>
      <c r="U49" s="787"/>
      <c r="V49" s="787"/>
      <c r="W49" s="788"/>
      <c r="Y49" s="10"/>
    </row>
    <row r="50" spans="2:25" ht="12" customHeight="1" x14ac:dyDescent="0.15">
      <c r="B50" s="147"/>
      <c r="G50" s="10"/>
      <c r="H50" s="142"/>
      <c r="I50" s="790" t="s">
        <v>395</v>
      </c>
      <c r="J50" s="790"/>
      <c r="K50" s="790"/>
      <c r="L50" s="790"/>
      <c r="M50" s="790"/>
      <c r="N50" s="790"/>
      <c r="O50" s="790"/>
      <c r="P50" s="790"/>
      <c r="Q50" s="906"/>
      <c r="R50" s="907"/>
      <c r="S50" s="907"/>
      <c r="T50" s="907"/>
      <c r="U50" s="907"/>
      <c r="V50" s="907"/>
      <c r="W50" s="908"/>
      <c r="Y50" s="10"/>
    </row>
    <row r="51" spans="2:25" ht="12" customHeight="1" x14ac:dyDescent="0.15">
      <c r="B51" s="147"/>
      <c r="G51" s="10"/>
      <c r="H51" s="142"/>
      <c r="I51" s="790"/>
      <c r="J51" s="790"/>
      <c r="K51" s="790"/>
      <c r="L51" s="790"/>
      <c r="M51" s="790"/>
      <c r="N51" s="790"/>
      <c r="O51" s="790"/>
      <c r="P51" s="790"/>
      <c r="Q51" s="909"/>
      <c r="R51" s="910"/>
      <c r="S51" s="910"/>
      <c r="T51" s="910"/>
      <c r="U51" s="910"/>
      <c r="V51" s="910"/>
      <c r="W51" s="911"/>
      <c r="Y51" s="10"/>
    </row>
    <row r="52" spans="2:25" ht="12" customHeight="1" x14ac:dyDescent="0.15">
      <c r="B52" s="147"/>
      <c r="G52" s="10"/>
      <c r="H52" s="142"/>
      <c r="I52" s="790" t="s">
        <v>394</v>
      </c>
      <c r="J52" s="790"/>
      <c r="K52" s="790"/>
      <c r="L52" s="790"/>
      <c r="M52" s="790"/>
      <c r="N52" s="790"/>
      <c r="O52" s="790"/>
      <c r="P52" s="790"/>
      <c r="Q52" s="906" t="s">
        <v>393</v>
      </c>
      <c r="R52" s="907"/>
      <c r="S52" s="907"/>
      <c r="T52" s="907"/>
      <c r="U52" s="907"/>
      <c r="V52" s="907"/>
      <c r="W52" s="908"/>
      <c r="Y52" s="10"/>
    </row>
    <row r="53" spans="2:25" ht="12" customHeight="1" x14ac:dyDescent="0.15">
      <c r="B53" s="147"/>
      <c r="G53" s="10"/>
      <c r="H53" s="142"/>
      <c r="I53" s="790"/>
      <c r="J53" s="790"/>
      <c r="K53" s="790"/>
      <c r="L53" s="790"/>
      <c r="M53" s="790"/>
      <c r="N53" s="790"/>
      <c r="O53" s="790"/>
      <c r="P53" s="790"/>
      <c r="Q53" s="909"/>
      <c r="R53" s="910"/>
      <c r="S53" s="910"/>
      <c r="T53" s="910"/>
      <c r="U53" s="910"/>
      <c r="V53" s="910"/>
      <c r="W53" s="911"/>
      <c r="Y53" s="10"/>
    </row>
    <row r="54" spans="2:25" ht="12" customHeight="1" x14ac:dyDescent="0.15">
      <c r="B54" s="147"/>
      <c r="G54" s="10"/>
      <c r="H54" s="142"/>
      <c r="I54" s="790" t="s">
        <v>392</v>
      </c>
      <c r="J54" s="790"/>
      <c r="K54" s="790"/>
      <c r="L54" s="790"/>
      <c r="M54" s="790"/>
      <c r="N54" s="790"/>
      <c r="O54" s="790"/>
      <c r="P54" s="790"/>
      <c r="Q54" s="906"/>
      <c r="R54" s="907"/>
      <c r="S54" s="907"/>
      <c r="T54" s="907"/>
      <c r="U54" s="907"/>
      <c r="V54" s="907"/>
      <c r="W54" s="908"/>
      <c r="Y54" s="10"/>
    </row>
    <row r="55" spans="2:25" ht="12" customHeight="1" x14ac:dyDescent="0.15">
      <c r="B55" s="147"/>
      <c r="G55" s="10"/>
      <c r="H55" s="142"/>
      <c r="I55" s="790"/>
      <c r="J55" s="790"/>
      <c r="K55" s="790"/>
      <c r="L55" s="790"/>
      <c r="M55" s="790"/>
      <c r="N55" s="790"/>
      <c r="O55" s="790"/>
      <c r="P55" s="790"/>
      <c r="Q55" s="909"/>
      <c r="R55" s="910"/>
      <c r="S55" s="910"/>
      <c r="T55" s="910"/>
      <c r="U55" s="910"/>
      <c r="V55" s="910"/>
      <c r="W55" s="911"/>
      <c r="Y55" s="10"/>
    </row>
    <row r="56" spans="2:25" ht="15" customHeight="1" x14ac:dyDescent="0.15">
      <c r="B56" s="146"/>
      <c r="C56" s="5"/>
      <c r="D56" s="5"/>
      <c r="E56" s="5"/>
      <c r="F56" s="5"/>
      <c r="G56" s="73"/>
      <c r="H56" s="19"/>
      <c r="I56" s="5"/>
      <c r="J56" s="5"/>
      <c r="K56" s="5"/>
      <c r="L56" s="5"/>
      <c r="M56" s="5"/>
      <c r="N56" s="5"/>
      <c r="O56" s="5"/>
      <c r="P56" s="5"/>
      <c r="Q56" s="5"/>
      <c r="R56" s="5"/>
      <c r="S56" s="5"/>
      <c r="T56" s="5"/>
      <c r="U56" s="5"/>
      <c r="V56" s="5"/>
      <c r="W56" s="816"/>
      <c r="X56" s="816"/>
      <c r="Y56" s="817"/>
    </row>
    <row r="57" spans="2:25" ht="15" customHeight="1" x14ac:dyDescent="0.15">
      <c r="Y57" s="14"/>
    </row>
    <row r="58" spans="2:25" ht="38.450000000000003" customHeight="1" x14ac:dyDescent="0.15">
      <c r="B58" s="905" t="s">
        <v>391</v>
      </c>
      <c r="C58" s="905"/>
      <c r="D58" s="905"/>
      <c r="E58" s="905"/>
      <c r="F58" s="905"/>
      <c r="G58" s="905"/>
      <c r="H58" s="905"/>
      <c r="I58" s="905"/>
      <c r="J58" s="905"/>
      <c r="K58" s="905"/>
      <c r="L58" s="905"/>
      <c r="M58" s="905"/>
      <c r="N58" s="905"/>
      <c r="O58" s="905"/>
      <c r="P58" s="905"/>
      <c r="Q58" s="905"/>
      <c r="R58" s="905"/>
      <c r="S58" s="905"/>
      <c r="T58" s="905"/>
      <c r="U58" s="905"/>
      <c r="V58" s="905"/>
      <c r="W58" s="905"/>
      <c r="X58" s="905"/>
      <c r="Y58" s="905"/>
    </row>
    <row r="59" spans="2:25" ht="24" customHeight="1" x14ac:dyDescent="0.15">
      <c r="B59" s="905" t="s">
        <v>390</v>
      </c>
      <c r="C59" s="905"/>
      <c r="D59" s="905"/>
      <c r="E59" s="905"/>
      <c r="F59" s="905"/>
      <c r="G59" s="905"/>
      <c r="H59" s="905"/>
      <c r="I59" s="905"/>
      <c r="J59" s="905"/>
      <c r="K59" s="905"/>
      <c r="L59" s="905"/>
      <c r="M59" s="905"/>
      <c r="N59" s="905"/>
      <c r="O59" s="905"/>
      <c r="P59" s="905"/>
      <c r="Q59" s="905"/>
      <c r="R59" s="905"/>
      <c r="S59" s="905"/>
      <c r="T59" s="905"/>
      <c r="U59" s="905"/>
      <c r="V59" s="905"/>
      <c r="W59" s="905"/>
      <c r="X59" s="905"/>
      <c r="Y59" s="905"/>
    </row>
    <row r="60" spans="2:25" ht="24" customHeight="1" x14ac:dyDescent="0.15">
      <c r="B60" s="905" t="s">
        <v>389</v>
      </c>
      <c r="C60" s="905"/>
      <c r="D60" s="905"/>
      <c r="E60" s="905"/>
      <c r="F60" s="905"/>
      <c r="G60" s="905"/>
      <c r="H60" s="905"/>
      <c r="I60" s="905"/>
      <c r="J60" s="905"/>
      <c r="K60" s="905"/>
      <c r="L60" s="905"/>
      <c r="M60" s="905"/>
      <c r="N60" s="905"/>
      <c r="O60" s="905"/>
      <c r="P60" s="905"/>
      <c r="Q60" s="905"/>
      <c r="R60" s="905"/>
      <c r="S60" s="905"/>
      <c r="T60" s="905"/>
      <c r="U60" s="905"/>
      <c r="V60" s="905"/>
      <c r="W60" s="905"/>
      <c r="X60" s="905"/>
      <c r="Y60" s="905"/>
    </row>
    <row r="61" spans="2:25" x14ac:dyDescent="0.15">
      <c r="B61" s="234" t="s">
        <v>388</v>
      </c>
      <c r="D61" s="235"/>
      <c r="E61" s="235"/>
      <c r="F61" s="235"/>
      <c r="G61" s="235"/>
      <c r="H61" s="235"/>
      <c r="I61" s="235"/>
      <c r="J61" s="235"/>
      <c r="K61" s="235"/>
      <c r="L61" s="235"/>
      <c r="M61" s="235"/>
      <c r="N61" s="235"/>
      <c r="O61" s="235"/>
      <c r="P61" s="235"/>
      <c r="Q61" s="235"/>
      <c r="R61" s="235"/>
      <c r="S61" s="235"/>
      <c r="T61" s="235"/>
      <c r="U61" s="235"/>
      <c r="V61" s="235"/>
      <c r="W61" s="235"/>
      <c r="X61" s="235"/>
      <c r="Y61" s="235"/>
    </row>
    <row r="62" spans="2:25" x14ac:dyDescent="0.15">
      <c r="B62" s="234"/>
      <c r="D62" s="233"/>
      <c r="E62" s="233"/>
      <c r="F62" s="233"/>
      <c r="G62" s="233"/>
      <c r="H62" s="233"/>
      <c r="I62" s="233"/>
      <c r="J62" s="233"/>
      <c r="K62" s="233"/>
      <c r="L62" s="233"/>
      <c r="M62" s="233"/>
      <c r="N62" s="233"/>
      <c r="O62" s="233"/>
      <c r="P62" s="233"/>
      <c r="Q62" s="233"/>
      <c r="R62" s="233"/>
      <c r="S62" s="233"/>
      <c r="T62" s="233"/>
      <c r="U62" s="233"/>
      <c r="V62" s="233"/>
      <c r="W62" s="233"/>
      <c r="X62" s="233"/>
      <c r="Y62" s="233"/>
    </row>
    <row r="122" spans="3:7" x14ac:dyDescent="0.15">
      <c r="C122" s="5"/>
      <c r="D122" s="5"/>
      <c r="E122" s="5"/>
      <c r="F122" s="5"/>
      <c r="G122" s="5"/>
    </row>
    <row r="123" spans="3:7" x14ac:dyDescent="0.15">
      <c r="C123" s="4"/>
    </row>
  </sheetData>
  <mergeCells count="38">
    <mergeCell ref="S3:T3"/>
    <mergeCell ref="B4:Y4"/>
    <mergeCell ref="H6:Y6"/>
    <mergeCell ref="C15:G15"/>
    <mergeCell ref="I16:P17"/>
    <mergeCell ref="Q16:W17"/>
    <mergeCell ref="I18:P21"/>
    <mergeCell ref="Q18:W21"/>
    <mergeCell ref="I22:P23"/>
    <mergeCell ref="Q22:W23"/>
    <mergeCell ref="I24:P25"/>
    <mergeCell ref="Q24:W25"/>
    <mergeCell ref="I26:P27"/>
    <mergeCell ref="Q26:W27"/>
    <mergeCell ref="I30:P31"/>
    <mergeCell ref="Q30:W31"/>
    <mergeCell ref="I32:P35"/>
    <mergeCell ref="Q32:W35"/>
    <mergeCell ref="I36:P37"/>
    <mergeCell ref="Q36:W37"/>
    <mergeCell ref="I38:P39"/>
    <mergeCell ref="Q38:W39"/>
    <mergeCell ref="I40:P41"/>
    <mergeCell ref="Q40:W41"/>
    <mergeCell ref="I44:P45"/>
    <mergeCell ref="Q44:W45"/>
    <mergeCell ref="I46:P49"/>
    <mergeCell ref="Q46:W49"/>
    <mergeCell ref="I50:P51"/>
    <mergeCell ref="Q50:W51"/>
    <mergeCell ref="B59:Y59"/>
    <mergeCell ref="B60:Y60"/>
    <mergeCell ref="I52:P53"/>
    <mergeCell ref="Q52:W53"/>
    <mergeCell ref="I54:P55"/>
    <mergeCell ref="Q54:W55"/>
    <mergeCell ref="W56:Y56"/>
    <mergeCell ref="B58:Y58"/>
  </mergeCells>
  <phoneticPr fontId="2"/>
  <dataValidations count="1">
    <dataValidation type="list" allowBlank="1" showInputMessage="1" showErrorMessage="1" sqref="R7 M7 H7:H13 P8:P12">
      <formula1>"□,■"</formula1>
    </dataValidation>
  </dataValidations>
  <pageMargins left="0.7" right="0.7" top="0.75" bottom="0.75" header="0.3" footer="0.3"/>
  <pageSetup paperSize="9" scale="81" orientation="portrait" r:id="rId1"/>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AJ969"/>
  <sheetViews>
    <sheetView zoomScaleNormal="100" zoomScaleSheetLayoutView="130" workbookViewId="0">
      <selection activeCell="C87" sqref="C87"/>
    </sheetView>
  </sheetViews>
  <sheetFormatPr defaultColWidth="4" defaultRowHeight="13.5" x14ac:dyDescent="0.15"/>
  <cols>
    <col min="1" max="1" width="2.875" style="8" customWidth="1"/>
    <col min="2" max="2" width="2.375" style="8" customWidth="1"/>
    <col min="3" max="3" width="3.5" style="8" customWidth="1"/>
    <col min="4" max="13" width="3.625" style="8" customWidth="1"/>
    <col min="14" max="14" width="4.875" style="8" customWidth="1"/>
    <col min="15" max="15" width="3.625" style="8" customWidth="1"/>
    <col min="16" max="16" width="1.5" style="8" customWidth="1"/>
    <col min="17" max="18" width="3.625" style="8" customWidth="1"/>
    <col min="19" max="19" width="2.75" style="8" customWidth="1"/>
    <col min="20" max="31" width="3.625" style="8" customWidth="1"/>
    <col min="32" max="16384" width="4" style="8"/>
  </cols>
  <sheetData>
    <row r="2" spans="2:31" x14ac:dyDescent="0.15">
      <c r="B2" s="8" t="s">
        <v>484</v>
      </c>
    </row>
    <row r="3" spans="2:31" x14ac:dyDescent="0.15">
      <c r="U3" s="16"/>
      <c r="X3" s="17" t="s">
        <v>12</v>
      </c>
      <c r="Y3" s="778"/>
      <c r="Z3" s="778"/>
      <c r="AA3" s="17" t="s">
        <v>11</v>
      </c>
      <c r="AB3" s="18"/>
      <c r="AC3" s="17" t="s">
        <v>21</v>
      </c>
      <c r="AD3" s="18"/>
      <c r="AE3" s="17" t="s">
        <v>20</v>
      </c>
    </row>
    <row r="4" spans="2:31" x14ac:dyDescent="0.15">
      <c r="T4" s="182"/>
      <c r="U4" s="182"/>
      <c r="V4" s="182"/>
    </row>
    <row r="5" spans="2:31" x14ac:dyDescent="0.15">
      <c r="B5" s="778" t="s">
        <v>483</v>
      </c>
      <c r="C5" s="778"/>
      <c r="D5" s="778"/>
      <c r="E5" s="778"/>
      <c r="F5" s="778"/>
      <c r="G5" s="778"/>
      <c r="H5" s="778"/>
      <c r="I5" s="778"/>
      <c r="J5" s="778"/>
      <c r="K5" s="778"/>
      <c r="L5" s="778"/>
      <c r="M5" s="778"/>
      <c r="N5" s="778"/>
      <c r="O5" s="778"/>
      <c r="P5" s="778"/>
      <c r="Q5" s="778"/>
      <c r="R5" s="778"/>
      <c r="S5" s="778"/>
      <c r="T5" s="778"/>
      <c r="U5" s="778"/>
      <c r="V5" s="778"/>
      <c r="W5" s="778"/>
      <c r="X5" s="778"/>
      <c r="Y5" s="778"/>
      <c r="Z5" s="778"/>
      <c r="AA5" s="778"/>
      <c r="AB5" s="778"/>
      <c r="AC5" s="778"/>
      <c r="AD5" s="778"/>
      <c r="AE5" s="778"/>
    </row>
    <row r="6" spans="2:31" x14ac:dyDescent="0.15">
      <c r="B6" s="778" t="s">
        <v>482</v>
      </c>
      <c r="C6" s="778"/>
      <c r="D6" s="778"/>
      <c r="E6" s="778"/>
      <c r="F6" s="778"/>
      <c r="G6" s="778"/>
      <c r="H6" s="778"/>
      <c r="I6" s="778"/>
      <c r="J6" s="778"/>
      <c r="K6" s="778"/>
      <c r="L6" s="778"/>
      <c r="M6" s="778"/>
      <c r="N6" s="778"/>
      <c r="O6" s="778"/>
      <c r="P6" s="778"/>
      <c r="Q6" s="778"/>
      <c r="R6" s="778"/>
      <c r="S6" s="778"/>
      <c r="T6" s="778"/>
      <c r="U6" s="778"/>
      <c r="V6" s="778"/>
      <c r="W6" s="778"/>
      <c r="X6" s="778"/>
      <c r="Y6" s="778"/>
      <c r="Z6" s="778"/>
      <c r="AA6" s="778"/>
      <c r="AB6" s="778"/>
      <c r="AC6" s="778"/>
      <c r="AD6" s="778"/>
      <c r="AE6" s="18"/>
    </row>
    <row r="7" spans="2:31" ht="23.25" customHeight="1" x14ac:dyDescent="0.15"/>
    <row r="8" spans="2:31" ht="23.25" customHeight="1" x14ac:dyDescent="0.15">
      <c r="B8" s="254" t="s">
        <v>244</v>
      </c>
      <c r="C8" s="254"/>
      <c r="D8" s="254"/>
      <c r="E8" s="254"/>
      <c r="F8" s="780"/>
      <c r="G8" s="781"/>
      <c r="H8" s="781"/>
      <c r="I8" s="781"/>
      <c r="J8" s="781"/>
      <c r="K8" s="781"/>
      <c r="L8" s="781"/>
      <c r="M8" s="781"/>
      <c r="N8" s="781"/>
      <c r="O8" s="781"/>
      <c r="P8" s="781"/>
      <c r="Q8" s="781"/>
      <c r="R8" s="781"/>
      <c r="S8" s="781"/>
      <c r="T8" s="781"/>
      <c r="U8" s="781"/>
      <c r="V8" s="781"/>
      <c r="W8" s="781"/>
      <c r="X8" s="781"/>
      <c r="Y8" s="781"/>
      <c r="Z8" s="781"/>
      <c r="AA8" s="781"/>
      <c r="AB8" s="781"/>
      <c r="AC8" s="781"/>
      <c r="AD8" s="781"/>
      <c r="AE8" s="782"/>
    </row>
    <row r="9" spans="2:31" ht="24.95" customHeight="1" x14ac:dyDescent="0.15">
      <c r="B9" s="254" t="s">
        <v>481</v>
      </c>
      <c r="C9" s="254"/>
      <c r="D9" s="254"/>
      <c r="E9" s="254"/>
      <c r="F9" s="169" t="s">
        <v>0</v>
      </c>
      <c r="G9" s="168" t="s">
        <v>480</v>
      </c>
      <c r="H9" s="168"/>
      <c r="I9" s="168"/>
      <c r="J9" s="168"/>
      <c r="K9" s="177" t="s">
        <v>0</v>
      </c>
      <c r="L9" s="168" t="s">
        <v>479</v>
      </c>
      <c r="M9" s="168"/>
      <c r="N9" s="168"/>
      <c r="O9" s="168"/>
      <c r="P9" s="168"/>
      <c r="Q9" s="177" t="s">
        <v>0</v>
      </c>
      <c r="R9" s="168" t="s">
        <v>478</v>
      </c>
      <c r="S9" s="168"/>
      <c r="T9" s="168"/>
      <c r="U9" s="168"/>
      <c r="V9" s="168"/>
      <c r="W9" s="168"/>
      <c r="X9" s="168"/>
      <c r="Y9" s="168"/>
      <c r="Z9" s="168"/>
      <c r="AA9" s="168"/>
      <c r="AB9" s="168"/>
      <c r="AC9" s="168"/>
      <c r="AD9" s="181"/>
      <c r="AE9" s="197"/>
    </row>
    <row r="10" spans="2:31" ht="24.95" customHeight="1" x14ac:dyDescent="0.15">
      <c r="B10" s="783" t="s">
        <v>477</v>
      </c>
      <c r="C10" s="784"/>
      <c r="D10" s="784"/>
      <c r="E10" s="785"/>
      <c r="F10" s="18" t="s">
        <v>0</v>
      </c>
      <c r="G10" s="16" t="s">
        <v>476</v>
      </c>
      <c r="H10" s="16"/>
      <c r="I10" s="16"/>
      <c r="J10" s="16"/>
      <c r="K10" s="16"/>
      <c r="L10" s="16"/>
      <c r="M10" s="16"/>
      <c r="N10" s="16"/>
      <c r="O10" s="16"/>
      <c r="Q10" s="157"/>
      <c r="R10" s="194" t="s">
        <v>0</v>
      </c>
      <c r="S10" s="16" t="s">
        <v>475</v>
      </c>
      <c r="T10" s="16"/>
      <c r="U10" s="16"/>
      <c r="V10" s="16"/>
      <c r="W10" s="166"/>
      <c r="X10" s="166"/>
      <c r="Y10" s="166"/>
      <c r="Z10" s="166"/>
      <c r="AA10" s="166"/>
      <c r="AB10" s="166"/>
      <c r="AC10" s="166"/>
      <c r="AD10" s="157"/>
      <c r="AE10" s="156"/>
    </row>
    <row r="11" spans="2:31" ht="24.95" customHeight="1" x14ac:dyDescent="0.15">
      <c r="B11" s="810"/>
      <c r="C11" s="778"/>
      <c r="D11" s="778"/>
      <c r="E11" s="811"/>
      <c r="F11" s="18" t="s">
        <v>0</v>
      </c>
      <c r="G11" s="16" t="s">
        <v>474</v>
      </c>
      <c r="H11" s="16"/>
      <c r="I11" s="16"/>
      <c r="J11" s="16"/>
      <c r="K11" s="16"/>
      <c r="L11" s="16"/>
      <c r="M11" s="16"/>
      <c r="N11" s="16"/>
      <c r="O11" s="16"/>
      <c r="R11" s="18" t="s">
        <v>0</v>
      </c>
      <c r="S11" s="16" t="s">
        <v>473</v>
      </c>
      <c r="T11" s="16"/>
      <c r="U11" s="16"/>
      <c r="V11" s="16"/>
      <c r="W11" s="16"/>
      <c r="X11" s="16"/>
      <c r="Y11" s="16"/>
      <c r="Z11" s="16"/>
      <c r="AA11" s="16"/>
      <c r="AB11" s="16"/>
      <c r="AC11" s="16"/>
      <c r="AE11" s="149"/>
    </row>
    <row r="12" spans="2:31" ht="24.95" customHeight="1" x14ac:dyDescent="0.15">
      <c r="B12" s="254" t="s">
        <v>318</v>
      </c>
      <c r="C12" s="254"/>
      <c r="D12" s="254"/>
      <c r="E12" s="254"/>
      <c r="F12" s="169" t="s">
        <v>0</v>
      </c>
      <c r="G12" s="168" t="s">
        <v>472</v>
      </c>
      <c r="H12" s="253"/>
      <c r="I12" s="253"/>
      <c r="J12" s="253"/>
      <c r="K12" s="253"/>
      <c r="L12" s="253"/>
      <c r="M12" s="253"/>
      <c r="N12" s="253"/>
      <c r="O12" s="253"/>
      <c r="P12" s="253"/>
      <c r="Q12" s="181"/>
      <c r="R12" s="177" t="s">
        <v>0</v>
      </c>
      <c r="S12" s="168" t="s">
        <v>471</v>
      </c>
      <c r="T12" s="253"/>
      <c r="U12" s="253"/>
      <c r="V12" s="253"/>
      <c r="W12" s="253"/>
      <c r="X12" s="253"/>
      <c r="Y12" s="253"/>
      <c r="Z12" s="253"/>
      <c r="AA12" s="253"/>
      <c r="AB12" s="253"/>
      <c r="AC12" s="253"/>
      <c r="AD12" s="181"/>
      <c r="AE12" s="197"/>
    </row>
    <row r="13" spans="2:31" ht="24.95" customHeight="1" x14ac:dyDescent="0.15"/>
    <row r="14" spans="2:31" ht="24.95" customHeight="1" x14ac:dyDescent="0.15">
      <c r="B14" s="252"/>
      <c r="C14" s="181"/>
      <c r="D14" s="181"/>
      <c r="E14" s="181"/>
      <c r="F14" s="181"/>
      <c r="G14" s="181"/>
      <c r="H14" s="181"/>
      <c r="I14" s="181"/>
      <c r="J14" s="181"/>
      <c r="K14" s="181"/>
      <c r="L14" s="181"/>
      <c r="M14" s="181"/>
      <c r="N14" s="181"/>
      <c r="O14" s="181"/>
      <c r="P14" s="181"/>
      <c r="Q14" s="181"/>
      <c r="R14" s="181"/>
      <c r="S14" s="181"/>
      <c r="T14" s="181"/>
      <c r="U14" s="181"/>
      <c r="V14" s="181"/>
      <c r="W14" s="181"/>
      <c r="X14" s="181"/>
      <c r="Y14" s="181"/>
      <c r="Z14" s="197"/>
      <c r="AA14" s="169"/>
      <c r="AB14" s="177" t="s">
        <v>227</v>
      </c>
      <c r="AC14" s="177" t="s">
        <v>217</v>
      </c>
      <c r="AD14" s="177" t="s">
        <v>226</v>
      </c>
      <c r="AE14" s="197"/>
    </row>
    <row r="15" spans="2:31" ht="24.95" customHeight="1" x14ac:dyDescent="0.15">
      <c r="B15" s="158" t="s">
        <v>470</v>
      </c>
      <c r="C15" s="157"/>
      <c r="D15" s="157"/>
      <c r="E15" s="157"/>
      <c r="F15" s="157"/>
      <c r="G15" s="157"/>
      <c r="H15" s="157"/>
      <c r="I15" s="157"/>
      <c r="J15" s="157"/>
      <c r="K15" s="157"/>
      <c r="L15" s="157"/>
      <c r="M15" s="157"/>
      <c r="N15" s="157"/>
      <c r="O15" s="157"/>
      <c r="P15" s="157"/>
      <c r="Q15" s="157"/>
      <c r="R15" s="157"/>
      <c r="S15" s="157"/>
      <c r="T15" s="157"/>
      <c r="U15" s="157"/>
      <c r="V15" s="157"/>
      <c r="W15" s="157"/>
      <c r="X15" s="157"/>
      <c r="Y15" s="157"/>
      <c r="Z15" s="251"/>
      <c r="AA15" s="250"/>
      <c r="AB15" s="194"/>
      <c r="AC15" s="194"/>
      <c r="AD15" s="157"/>
      <c r="AE15" s="156"/>
    </row>
    <row r="16" spans="2:31" ht="30.75" customHeight="1" x14ac:dyDescent="0.15">
      <c r="B16" s="9"/>
      <c r="C16" s="245" t="s">
        <v>443</v>
      </c>
      <c r="D16" s="8" t="s">
        <v>469</v>
      </c>
      <c r="Z16" s="244"/>
      <c r="AA16" s="155"/>
      <c r="AB16" s="18" t="s">
        <v>0</v>
      </c>
      <c r="AC16" s="18" t="s">
        <v>217</v>
      </c>
      <c r="AD16" s="18" t="s">
        <v>0</v>
      </c>
      <c r="AE16" s="149"/>
    </row>
    <row r="17" spans="2:31" x14ac:dyDescent="0.15">
      <c r="B17" s="9"/>
      <c r="D17" s="8" t="s">
        <v>468</v>
      </c>
      <c r="Z17" s="150"/>
      <c r="AA17" s="151"/>
      <c r="AB17" s="18"/>
      <c r="AC17" s="18"/>
      <c r="AE17" s="149"/>
    </row>
    <row r="18" spans="2:31" x14ac:dyDescent="0.15">
      <c r="B18" s="9"/>
      <c r="Z18" s="150"/>
      <c r="AA18" s="151"/>
      <c r="AB18" s="18"/>
      <c r="AC18" s="18"/>
      <c r="AE18" s="149"/>
    </row>
    <row r="19" spans="2:31" x14ac:dyDescent="0.15">
      <c r="B19" s="9"/>
      <c r="D19" s="247" t="s">
        <v>437</v>
      </c>
      <c r="E19" s="168"/>
      <c r="F19" s="168"/>
      <c r="G19" s="168"/>
      <c r="H19" s="168"/>
      <c r="I19" s="168"/>
      <c r="J19" s="168"/>
      <c r="K19" s="168"/>
      <c r="L19" s="168"/>
      <c r="M19" s="168"/>
      <c r="N19" s="168"/>
      <c r="O19" s="181"/>
      <c r="P19" s="181"/>
      <c r="Q19" s="181"/>
      <c r="R19" s="181"/>
      <c r="S19" s="168"/>
      <c r="T19" s="168"/>
      <c r="U19" s="780"/>
      <c r="V19" s="781"/>
      <c r="W19" s="781"/>
      <c r="X19" s="181" t="s">
        <v>435</v>
      </c>
      <c r="Y19" s="9"/>
      <c r="Z19" s="150"/>
      <c r="AA19" s="151"/>
      <c r="AB19" s="18"/>
      <c r="AC19" s="18"/>
      <c r="AE19" s="149"/>
    </row>
    <row r="20" spans="2:31" x14ac:dyDescent="0.15">
      <c r="B20" s="9"/>
      <c r="D20" s="247" t="s">
        <v>467</v>
      </c>
      <c r="E20" s="168"/>
      <c r="F20" s="168"/>
      <c r="G20" s="168"/>
      <c r="H20" s="168"/>
      <c r="I20" s="168"/>
      <c r="J20" s="168"/>
      <c r="K20" s="168"/>
      <c r="L20" s="168"/>
      <c r="M20" s="168"/>
      <c r="N20" s="168"/>
      <c r="O20" s="181"/>
      <c r="P20" s="181"/>
      <c r="Q20" s="181"/>
      <c r="R20" s="181"/>
      <c r="S20" s="168"/>
      <c r="T20" s="168"/>
      <c r="U20" s="780"/>
      <c r="V20" s="781"/>
      <c r="W20" s="781"/>
      <c r="X20" s="181" t="s">
        <v>435</v>
      </c>
      <c r="Y20" s="9"/>
      <c r="Z20" s="149"/>
      <c r="AA20" s="151"/>
      <c r="AB20" s="18"/>
      <c r="AC20" s="18"/>
      <c r="AE20" s="149"/>
    </row>
    <row r="21" spans="2:31" x14ac:dyDescent="0.15">
      <c r="B21" s="9"/>
      <c r="D21" s="247" t="s">
        <v>434</v>
      </c>
      <c r="E21" s="168"/>
      <c r="F21" s="168"/>
      <c r="G21" s="168"/>
      <c r="H21" s="168"/>
      <c r="I21" s="168"/>
      <c r="J21" s="168"/>
      <c r="K21" s="168"/>
      <c r="L21" s="168"/>
      <c r="M21" s="168"/>
      <c r="N21" s="168"/>
      <c r="O21" s="181"/>
      <c r="P21" s="181"/>
      <c r="Q21" s="181"/>
      <c r="R21" s="181"/>
      <c r="S21" s="168"/>
      <c r="T21" s="246" t="str">
        <f>(IFERROR(ROUNDDOWN(T20/T19*100,0),""))</f>
        <v/>
      </c>
      <c r="U21" s="916" t="str">
        <f>(IFERROR(ROUNDDOWN(U20/U19*100,0),""))</f>
        <v/>
      </c>
      <c r="V21" s="917"/>
      <c r="W21" s="917"/>
      <c r="X21" s="181" t="s">
        <v>339</v>
      </c>
      <c r="Y21" s="9"/>
      <c r="Z21" s="174"/>
      <c r="AA21" s="151"/>
      <c r="AB21" s="18"/>
      <c r="AC21" s="18"/>
      <c r="AE21" s="149"/>
    </row>
    <row r="22" spans="2:31" ht="13.5" customHeight="1" x14ac:dyDescent="0.15">
      <c r="B22" s="9"/>
      <c r="D22" s="8" t="s">
        <v>433</v>
      </c>
      <c r="Z22" s="174"/>
      <c r="AA22" s="151"/>
      <c r="AB22" s="18"/>
      <c r="AC22" s="18"/>
      <c r="AE22" s="149"/>
    </row>
    <row r="23" spans="2:31" x14ac:dyDescent="0.15">
      <c r="B23" s="9"/>
      <c r="Z23" s="174"/>
      <c r="AA23" s="151"/>
      <c r="AB23" s="18"/>
      <c r="AC23" s="18"/>
      <c r="AE23" s="149"/>
    </row>
    <row r="24" spans="2:31" x14ac:dyDescent="0.15">
      <c r="B24" s="9"/>
      <c r="Z24" s="174"/>
      <c r="AA24" s="151"/>
      <c r="AB24" s="18"/>
      <c r="AC24" s="18"/>
      <c r="AE24" s="149"/>
    </row>
    <row r="25" spans="2:31" x14ac:dyDescent="0.15">
      <c r="B25" s="9"/>
      <c r="C25" s="245" t="s">
        <v>440</v>
      </c>
      <c r="D25" s="8" t="s">
        <v>466</v>
      </c>
      <c r="Z25" s="244"/>
      <c r="AA25" s="151"/>
      <c r="AB25" s="18" t="s">
        <v>0</v>
      </c>
      <c r="AC25" s="18" t="s">
        <v>217</v>
      </c>
      <c r="AD25" s="18" t="s">
        <v>0</v>
      </c>
      <c r="AE25" s="149"/>
    </row>
    <row r="26" spans="2:31" x14ac:dyDescent="0.15">
      <c r="B26" s="9"/>
      <c r="C26" s="245"/>
      <c r="D26" s="8" t="s">
        <v>465</v>
      </c>
      <c r="Z26" s="244"/>
      <c r="AA26" s="151"/>
      <c r="AB26" s="18"/>
      <c r="AC26" s="18"/>
      <c r="AD26" s="18"/>
      <c r="AE26" s="149"/>
    </row>
    <row r="27" spans="2:31" x14ac:dyDescent="0.15">
      <c r="B27" s="9"/>
      <c r="C27" s="245"/>
      <c r="D27" s="8" t="s">
        <v>464</v>
      </c>
      <c r="Z27" s="244"/>
      <c r="AA27" s="155"/>
      <c r="AB27" s="18"/>
      <c r="AC27" s="249"/>
      <c r="AE27" s="149"/>
    </row>
    <row r="28" spans="2:31" x14ac:dyDescent="0.15">
      <c r="B28" s="9"/>
      <c r="Z28" s="174"/>
      <c r="AA28" s="151"/>
      <c r="AB28" s="18"/>
      <c r="AC28" s="18"/>
      <c r="AE28" s="149"/>
    </row>
    <row r="29" spans="2:31" x14ac:dyDescent="0.15">
      <c r="B29" s="9"/>
      <c r="C29" s="245"/>
      <c r="D29" s="247" t="s">
        <v>463</v>
      </c>
      <c r="E29" s="168"/>
      <c r="F29" s="168"/>
      <c r="G29" s="168"/>
      <c r="H29" s="168"/>
      <c r="I29" s="168"/>
      <c r="J29" s="168"/>
      <c r="K29" s="168"/>
      <c r="L29" s="168"/>
      <c r="M29" s="168"/>
      <c r="N29" s="168"/>
      <c r="O29" s="181"/>
      <c r="P29" s="181"/>
      <c r="Q29" s="181"/>
      <c r="R29" s="181"/>
      <c r="S29" s="181"/>
      <c r="T29" s="197"/>
      <c r="U29" s="780"/>
      <c r="V29" s="781"/>
      <c r="W29" s="781"/>
      <c r="X29" s="197" t="s">
        <v>435</v>
      </c>
      <c r="Y29" s="9"/>
      <c r="Z29" s="174"/>
      <c r="AA29" s="151"/>
      <c r="AB29" s="18"/>
      <c r="AC29" s="18"/>
      <c r="AE29" s="149"/>
    </row>
    <row r="30" spans="2:31" x14ac:dyDescent="0.15">
      <c r="B30" s="9"/>
      <c r="C30" s="245"/>
      <c r="D30" s="16"/>
      <c r="E30" s="16"/>
      <c r="F30" s="16"/>
      <c r="G30" s="16"/>
      <c r="H30" s="16"/>
      <c r="I30" s="16"/>
      <c r="J30" s="16"/>
      <c r="K30" s="16"/>
      <c r="L30" s="16"/>
      <c r="M30" s="16"/>
      <c r="N30" s="16"/>
      <c r="U30" s="18"/>
      <c r="V30" s="18"/>
      <c r="W30" s="18"/>
      <c r="Z30" s="174"/>
      <c r="AA30" s="151"/>
      <c r="AB30" s="18"/>
      <c r="AC30" s="18"/>
      <c r="AE30" s="149"/>
    </row>
    <row r="31" spans="2:31" x14ac:dyDescent="0.15">
      <c r="B31" s="9"/>
      <c r="C31" s="245"/>
      <c r="D31" s="248" t="s">
        <v>462</v>
      </c>
      <c r="Z31" s="174"/>
      <c r="AA31" s="151"/>
      <c r="AB31" s="18"/>
      <c r="AC31" s="18"/>
      <c r="AE31" s="149"/>
    </row>
    <row r="32" spans="2:31" ht="13.5" customHeight="1" x14ac:dyDescent="0.15">
      <c r="B32" s="9"/>
      <c r="C32" s="245"/>
      <c r="D32" s="919" t="s">
        <v>461</v>
      </c>
      <c r="E32" s="919"/>
      <c r="F32" s="919"/>
      <c r="G32" s="919"/>
      <c r="H32" s="919"/>
      <c r="I32" s="919"/>
      <c r="J32" s="919"/>
      <c r="K32" s="919"/>
      <c r="L32" s="919"/>
      <c r="M32" s="919"/>
      <c r="N32" s="919"/>
      <c r="O32" s="919" t="s">
        <v>460</v>
      </c>
      <c r="P32" s="919"/>
      <c r="Q32" s="919"/>
      <c r="R32" s="919"/>
      <c r="S32" s="919"/>
      <c r="Z32" s="174"/>
      <c r="AA32" s="151"/>
      <c r="AB32" s="18"/>
      <c r="AC32" s="18"/>
      <c r="AE32" s="149"/>
    </row>
    <row r="33" spans="2:36" x14ac:dyDescent="0.15">
      <c r="B33" s="9"/>
      <c r="C33" s="245"/>
      <c r="D33" s="919" t="s">
        <v>459</v>
      </c>
      <c r="E33" s="919"/>
      <c r="F33" s="919"/>
      <c r="G33" s="919"/>
      <c r="H33" s="919"/>
      <c r="I33" s="919"/>
      <c r="J33" s="919"/>
      <c r="K33" s="919"/>
      <c r="L33" s="919"/>
      <c r="M33" s="919"/>
      <c r="N33" s="919"/>
      <c r="O33" s="919" t="s">
        <v>458</v>
      </c>
      <c r="P33" s="919"/>
      <c r="Q33" s="919"/>
      <c r="R33" s="919"/>
      <c r="S33" s="919"/>
      <c r="Z33" s="174"/>
      <c r="AA33" s="151"/>
      <c r="AB33" s="18"/>
      <c r="AC33" s="18"/>
      <c r="AE33" s="149"/>
    </row>
    <row r="34" spans="2:36" ht="13.5" customHeight="1" x14ac:dyDescent="0.15">
      <c r="B34" s="9"/>
      <c r="C34" s="245"/>
      <c r="D34" s="919" t="s">
        <v>457</v>
      </c>
      <c r="E34" s="919"/>
      <c r="F34" s="919"/>
      <c r="G34" s="919"/>
      <c r="H34" s="919"/>
      <c r="I34" s="919"/>
      <c r="J34" s="919"/>
      <c r="K34" s="919"/>
      <c r="L34" s="919"/>
      <c r="M34" s="919"/>
      <c r="N34" s="919"/>
      <c r="O34" s="919" t="s">
        <v>456</v>
      </c>
      <c r="P34" s="919"/>
      <c r="Q34" s="919"/>
      <c r="R34" s="919"/>
      <c r="S34" s="919"/>
      <c r="Z34" s="174"/>
      <c r="AA34" s="151"/>
      <c r="AB34" s="18"/>
      <c r="AC34" s="18"/>
      <c r="AE34" s="149"/>
    </row>
    <row r="35" spans="2:36" x14ac:dyDescent="0.15">
      <c r="B35" s="9"/>
      <c r="C35" s="245"/>
      <c r="D35" s="919" t="s">
        <v>455</v>
      </c>
      <c r="E35" s="919"/>
      <c r="F35" s="919"/>
      <c r="G35" s="919"/>
      <c r="H35" s="919"/>
      <c r="I35" s="919"/>
      <c r="J35" s="919"/>
      <c r="K35" s="919"/>
      <c r="L35" s="919"/>
      <c r="M35" s="919"/>
      <c r="N35" s="919"/>
      <c r="O35" s="919" t="s">
        <v>454</v>
      </c>
      <c r="P35" s="919"/>
      <c r="Q35" s="919"/>
      <c r="R35" s="919"/>
      <c r="S35" s="919"/>
      <c r="Z35" s="174"/>
      <c r="AA35" s="151"/>
      <c r="AB35" s="18"/>
      <c r="AC35" s="18"/>
      <c r="AE35" s="149"/>
    </row>
    <row r="36" spans="2:36" x14ac:dyDescent="0.15">
      <c r="B36" s="9"/>
      <c r="C36" s="245"/>
      <c r="D36" s="919" t="s">
        <v>453</v>
      </c>
      <c r="E36" s="919"/>
      <c r="F36" s="919"/>
      <c r="G36" s="919"/>
      <c r="H36" s="919"/>
      <c r="I36" s="919"/>
      <c r="J36" s="919"/>
      <c r="K36" s="919"/>
      <c r="L36" s="919"/>
      <c r="M36" s="919"/>
      <c r="N36" s="919"/>
      <c r="O36" s="919" t="s">
        <v>452</v>
      </c>
      <c r="P36" s="919"/>
      <c r="Q36" s="919"/>
      <c r="R36" s="919"/>
      <c r="S36" s="919"/>
      <c r="Z36" s="174"/>
      <c r="AA36" s="151"/>
      <c r="AB36" s="18"/>
      <c r="AC36" s="18"/>
      <c r="AE36" s="149"/>
    </row>
    <row r="37" spans="2:36" x14ac:dyDescent="0.15">
      <c r="B37" s="9"/>
      <c r="C37" s="245"/>
      <c r="D37" s="919" t="s">
        <v>451</v>
      </c>
      <c r="E37" s="919"/>
      <c r="F37" s="919"/>
      <c r="G37" s="919"/>
      <c r="H37" s="919"/>
      <c r="I37" s="919"/>
      <c r="J37" s="919"/>
      <c r="K37" s="919"/>
      <c r="L37" s="919"/>
      <c r="M37" s="919"/>
      <c r="N37" s="919"/>
      <c r="O37" s="919" t="s">
        <v>450</v>
      </c>
      <c r="P37" s="919"/>
      <c r="Q37" s="919"/>
      <c r="R37" s="919"/>
      <c r="S37" s="919"/>
      <c r="Z37" s="174"/>
      <c r="AA37" s="151"/>
      <c r="AB37" s="18"/>
      <c r="AC37" s="18"/>
      <c r="AE37" s="149"/>
    </row>
    <row r="38" spans="2:36" x14ac:dyDescent="0.15">
      <c r="B38" s="9"/>
      <c r="C38" s="245"/>
      <c r="D38" s="919" t="s">
        <v>449</v>
      </c>
      <c r="E38" s="919"/>
      <c r="F38" s="919"/>
      <c r="G38" s="919"/>
      <c r="H38" s="919"/>
      <c r="I38" s="919"/>
      <c r="J38" s="919"/>
      <c r="K38" s="919"/>
      <c r="L38" s="919"/>
      <c r="M38" s="919"/>
      <c r="N38" s="919"/>
      <c r="O38" s="919" t="s">
        <v>448</v>
      </c>
      <c r="P38" s="919"/>
      <c r="Q38" s="919"/>
      <c r="R38" s="919"/>
      <c r="S38" s="920"/>
      <c r="T38" s="9"/>
      <c r="Z38" s="174"/>
      <c r="AA38" s="151"/>
      <c r="AB38" s="18"/>
      <c r="AC38" s="18"/>
      <c r="AE38" s="149"/>
    </row>
    <row r="39" spans="2:36" x14ac:dyDescent="0.15">
      <c r="B39" s="9"/>
      <c r="C39" s="245"/>
      <c r="D39" s="919" t="s">
        <v>447</v>
      </c>
      <c r="E39" s="919"/>
      <c r="F39" s="919"/>
      <c r="G39" s="919"/>
      <c r="H39" s="919"/>
      <c r="I39" s="919"/>
      <c r="J39" s="919"/>
      <c r="K39" s="919"/>
      <c r="L39" s="919"/>
      <c r="M39" s="919"/>
      <c r="N39" s="919"/>
      <c r="O39" s="921" t="s">
        <v>447</v>
      </c>
      <c r="P39" s="921"/>
      <c r="Q39" s="921"/>
      <c r="R39" s="921"/>
      <c r="S39" s="921"/>
      <c r="Z39" s="150"/>
      <c r="AA39" s="151"/>
      <c r="AB39" s="18"/>
      <c r="AC39" s="18"/>
      <c r="AE39" s="149"/>
    </row>
    <row r="40" spans="2:36" x14ac:dyDescent="0.15">
      <c r="B40" s="9"/>
      <c r="C40" s="245"/>
      <c r="J40" s="778"/>
      <c r="K40" s="778"/>
      <c r="L40" s="778"/>
      <c r="M40" s="778"/>
      <c r="N40" s="778"/>
      <c r="O40" s="778"/>
      <c r="P40" s="778"/>
      <c r="Q40" s="778"/>
      <c r="R40" s="778"/>
      <c r="S40" s="778"/>
      <c r="T40" s="778"/>
      <c r="U40" s="778"/>
      <c r="V40" s="778"/>
      <c r="Z40" s="150"/>
      <c r="AA40" s="151"/>
      <c r="AB40" s="18"/>
      <c r="AC40" s="18"/>
      <c r="AE40" s="149"/>
    </row>
    <row r="41" spans="2:36" x14ac:dyDescent="0.15">
      <c r="B41" s="9"/>
      <c r="C41" s="245" t="s">
        <v>432</v>
      </c>
      <c r="D41" s="8" t="s">
        <v>446</v>
      </c>
      <c r="Z41" s="244"/>
      <c r="AA41" s="155"/>
      <c r="AB41" s="18" t="s">
        <v>0</v>
      </c>
      <c r="AC41" s="18" t="s">
        <v>217</v>
      </c>
      <c r="AD41" s="18" t="s">
        <v>0</v>
      </c>
      <c r="AE41" s="149"/>
    </row>
    <row r="42" spans="2:36" x14ac:dyDescent="0.15">
      <c r="B42" s="9"/>
      <c r="D42" s="8" t="s">
        <v>445</v>
      </c>
      <c r="Z42" s="174"/>
      <c r="AA42" s="151"/>
      <c r="AB42" s="18"/>
      <c r="AC42" s="18"/>
      <c r="AE42" s="149"/>
    </row>
    <row r="43" spans="2:36" x14ac:dyDescent="0.15">
      <c r="B43" s="9"/>
      <c r="Z43" s="150"/>
      <c r="AA43" s="151"/>
      <c r="AB43" s="18"/>
      <c r="AC43" s="18"/>
      <c r="AE43" s="149"/>
    </row>
    <row r="44" spans="2:36" x14ac:dyDescent="0.15">
      <c r="B44" s="9" t="s">
        <v>444</v>
      </c>
      <c r="Z44" s="174"/>
      <c r="AA44" s="151"/>
      <c r="AB44" s="18"/>
      <c r="AC44" s="18"/>
      <c r="AE44" s="149"/>
    </row>
    <row r="45" spans="2:36" ht="14.25" customHeight="1" x14ac:dyDescent="0.15">
      <c r="B45" s="9"/>
      <c r="C45" s="245" t="s">
        <v>443</v>
      </c>
      <c r="D45" s="8" t="s">
        <v>442</v>
      </c>
      <c r="Z45" s="244"/>
      <c r="AA45" s="155"/>
      <c r="AB45" s="18" t="s">
        <v>0</v>
      </c>
      <c r="AC45" s="18" t="s">
        <v>217</v>
      </c>
      <c r="AD45" s="18" t="s">
        <v>0</v>
      </c>
      <c r="AE45" s="149"/>
    </row>
    <row r="46" spans="2:36" x14ac:dyDescent="0.15">
      <c r="B46" s="9"/>
      <c r="D46" s="8" t="s">
        <v>441</v>
      </c>
      <c r="Z46" s="174"/>
      <c r="AA46" s="151"/>
      <c r="AB46" s="18"/>
      <c r="AC46" s="18"/>
      <c r="AE46" s="149"/>
    </row>
    <row r="47" spans="2:36" x14ac:dyDescent="0.15">
      <c r="B47" s="9"/>
      <c r="W47" s="154"/>
      <c r="Z47" s="149"/>
      <c r="AA47" s="151"/>
      <c r="AB47" s="18"/>
      <c r="AC47" s="18"/>
      <c r="AE47" s="149"/>
      <c r="AJ47" s="14"/>
    </row>
    <row r="48" spans="2:36" x14ac:dyDescent="0.15">
      <c r="B48" s="9"/>
      <c r="C48" s="245" t="s">
        <v>440</v>
      </c>
      <c r="D48" s="8" t="s">
        <v>439</v>
      </c>
      <c r="Z48" s="149"/>
      <c r="AA48" s="151"/>
      <c r="AB48" s="18"/>
      <c r="AC48" s="18"/>
      <c r="AE48" s="149"/>
      <c r="AJ48" s="14"/>
    </row>
    <row r="49" spans="2:36" ht="17.25" customHeight="1" x14ac:dyDescent="0.15">
      <c r="B49" s="9"/>
      <c r="D49" s="8" t="s">
        <v>438</v>
      </c>
      <c r="Z49" s="149"/>
      <c r="AA49" s="151"/>
      <c r="AB49" s="18"/>
      <c r="AC49" s="18"/>
      <c r="AE49" s="149"/>
      <c r="AJ49" s="14"/>
    </row>
    <row r="50" spans="2:36" ht="18.75" customHeight="1" x14ac:dyDescent="0.15">
      <c r="B50" s="9"/>
      <c r="Z50" s="149"/>
      <c r="AA50" s="151"/>
      <c r="AB50" s="18"/>
      <c r="AC50" s="18"/>
      <c r="AE50" s="149"/>
      <c r="AJ50" s="14"/>
    </row>
    <row r="51" spans="2:36" ht="13.5" customHeight="1" x14ac:dyDescent="0.15">
      <c r="B51" s="9"/>
      <c r="D51" s="247" t="s">
        <v>437</v>
      </c>
      <c r="E51" s="168"/>
      <c r="F51" s="168"/>
      <c r="G51" s="168"/>
      <c r="H51" s="168"/>
      <c r="I51" s="168"/>
      <c r="J51" s="168"/>
      <c r="K51" s="168"/>
      <c r="L51" s="168"/>
      <c r="M51" s="168"/>
      <c r="N51" s="168"/>
      <c r="O51" s="181"/>
      <c r="P51" s="181"/>
      <c r="Q51" s="181"/>
      <c r="R51" s="181"/>
      <c r="S51" s="168"/>
      <c r="T51" s="168"/>
      <c r="U51" s="780"/>
      <c r="V51" s="781"/>
      <c r="W51" s="781"/>
      <c r="X51" s="181" t="s">
        <v>435</v>
      </c>
      <c r="Y51" s="9"/>
      <c r="Z51" s="149"/>
      <c r="AA51" s="151"/>
      <c r="AB51" s="18"/>
      <c r="AC51" s="18"/>
      <c r="AE51" s="149"/>
      <c r="AJ51" s="14"/>
    </row>
    <row r="52" spans="2:36" x14ac:dyDescent="0.15">
      <c r="B52" s="9"/>
      <c r="D52" s="247" t="s">
        <v>436</v>
      </c>
      <c r="E52" s="168"/>
      <c r="F52" s="168"/>
      <c r="G52" s="168"/>
      <c r="H52" s="168"/>
      <c r="I52" s="168"/>
      <c r="J52" s="168"/>
      <c r="K52" s="168"/>
      <c r="L52" s="168"/>
      <c r="M52" s="168"/>
      <c r="N52" s="168"/>
      <c r="O52" s="181"/>
      <c r="P52" s="181"/>
      <c r="Q52" s="181"/>
      <c r="R52" s="181"/>
      <c r="S52" s="168"/>
      <c r="T52" s="168"/>
      <c r="U52" s="780"/>
      <c r="V52" s="781"/>
      <c r="W52" s="781"/>
      <c r="X52" s="181" t="s">
        <v>435</v>
      </c>
      <c r="Y52" s="9"/>
      <c r="Z52" s="149"/>
      <c r="AA52" s="151"/>
      <c r="AB52" s="18"/>
      <c r="AC52" s="18"/>
      <c r="AE52" s="149"/>
      <c r="AJ52" s="14"/>
    </row>
    <row r="53" spans="2:36" x14ac:dyDescent="0.15">
      <c r="B53" s="9"/>
      <c r="D53" s="247" t="s">
        <v>434</v>
      </c>
      <c r="E53" s="168"/>
      <c r="F53" s="168"/>
      <c r="G53" s="168"/>
      <c r="H53" s="168"/>
      <c r="I53" s="168"/>
      <c r="J53" s="168"/>
      <c r="K53" s="168"/>
      <c r="L53" s="168"/>
      <c r="M53" s="168"/>
      <c r="N53" s="168"/>
      <c r="O53" s="181"/>
      <c r="P53" s="181"/>
      <c r="Q53" s="181"/>
      <c r="R53" s="181"/>
      <c r="S53" s="168"/>
      <c r="T53" s="246" t="str">
        <f>(IFERROR(ROUNDDOWN(T52/T51*100,0),""))</f>
        <v/>
      </c>
      <c r="U53" s="916" t="str">
        <f>(IFERROR(ROUNDDOWN(U52/U51*100,0),""))</f>
        <v/>
      </c>
      <c r="V53" s="917"/>
      <c r="W53" s="917"/>
      <c r="X53" s="181" t="s">
        <v>339</v>
      </c>
      <c r="Y53" s="9"/>
      <c r="Z53" s="149"/>
      <c r="AA53" s="151"/>
      <c r="AB53" s="18"/>
      <c r="AC53" s="18"/>
      <c r="AE53" s="149"/>
      <c r="AJ53" s="14"/>
    </row>
    <row r="54" spans="2:36" x14ac:dyDescent="0.15">
      <c r="B54" s="9"/>
      <c r="D54" s="8" t="s">
        <v>433</v>
      </c>
      <c r="Z54" s="149"/>
      <c r="AA54" s="151"/>
      <c r="AB54" s="18"/>
      <c r="AC54" s="18"/>
      <c r="AE54" s="149"/>
      <c r="AJ54" s="14"/>
    </row>
    <row r="55" spans="2:36" x14ac:dyDescent="0.15">
      <c r="B55" s="9"/>
      <c r="W55" s="154"/>
      <c r="Z55" s="149"/>
      <c r="AA55" s="151"/>
      <c r="AB55" s="18"/>
      <c r="AC55" s="18"/>
      <c r="AE55" s="149"/>
      <c r="AJ55" s="14"/>
    </row>
    <row r="56" spans="2:36" x14ac:dyDescent="0.15">
      <c r="B56" s="9"/>
      <c r="C56" s="245" t="s">
        <v>432</v>
      </c>
      <c r="D56" s="8" t="s">
        <v>431</v>
      </c>
      <c r="Z56" s="244"/>
      <c r="AA56" s="155"/>
      <c r="AB56" s="18" t="s">
        <v>0</v>
      </c>
      <c r="AC56" s="18" t="s">
        <v>217</v>
      </c>
      <c r="AD56" s="18" t="s">
        <v>0</v>
      </c>
      <c r="AE56" s="149"/>
    </row>
    <row r="57" spans="2:36" x14ac:dyDescent="0.15">
      <c r="B57" s="9"/>
      <c r="D57" s="8" t="s">
        <v>430</v>
      </c>
      <c r="E57" s="16"/>
      <c r="F57" s="16"/>
      <c r="G57" s="16"/>
      <c r="H57" s="16"/>
      <c r="I57" s="16"/>
      <c r="J57" s="16"/>
      <c r="K57" s="16"/>
      <c r="L57" s="16"/>
      <c r="M57" s="16"/>
      <c r="N57" s="16"/>
      <c r="O57" s="14"/>
      <c r="P57" s="14"/>
      <c r="Q57" s="14"/>
      <c r="Z57" s="174"/>
      <c r="AA57" s="151"/>
      <c r="AB57" s="18"/>
      <c r="AC57" s="18"/>
      <c r="AE57" s="149"/>
    </row>
    <row r="58" spans="2:36" x14ac:dyDescent="0.15">
      <c r="B58" s="9"/>
      <c r="D58" s="18"/>
      <c r="E58" s="918"/>
      <c r="F58" s="918"/>
      <c r="G58" s="918"/>
      <c r="H58" s="918"/>
      <c r="I58" s="918"/>
      <c r="J58" s="918"/>
      <c r="K58" s="918"/>
      <c r="L58" s="918"/>
      <c r="M58" s="918"/>
      <c r="N58" s="918"/>
      <c r="Q58" s="18"/>
      <c r="S58" s="154"/>
      <c r="T58" s="154"/>
      <c r="U58" s="154"/>
      <c r="V58" s="154"/>
      <c r="Z58" s="150"/>
      <c r="AA58" s="151"/>
      <c r="AB58" s="18"/>
      <c r="AC58" s="18"/>
      <c r="AE58" s="149"/>
    </row>
    <row r="59" spans="2:36" x14ac:dyDescent="0.15">
      <c r="B59" s="9"/>
      <c r="C59" s="245" t="s">
        <v>429</v>
      </c>
      <c r="D59" s="8" t="s">
        <v>428</v>
      </c>
      <c r="Z59" s="244"/>
      <c r="AA59" s="155"/>
      <c r="AB59" s="18" t="s">
        <v>0</v>
      </c>
      <c r="AC59" s="18" t="s">
        <v>217</v>
      </c>
      <c r="AD59" s="18" t="s">
        <v>0</v>
      </c>
      <c r="AE59" s="149"/>
    </row>
    <row r="60" spans="2:36" x14ac:dyDescent="0.15">
      <c r="B60" s="173"/>
      <c r="C60" s="243"/>
      <c r="D60" s="172" t="s">
        <v>427</v>
      </c>
      <c r="E60" s="172"/>
      <c r="F60" s="172"/>
      <c r="G60" s="172"/>
      <c r="H60" s="172"/>
      <c r="I60" s="172"/>
      <c r="J60" s="172"/>
      <c r="K60" s="172"/>
      <c r="L60" s="172"/>
      <c r="M60" s="172"/>
      <c r="N60" s="172"/>
      <c r="O60" s="172"/>
      <c r="P60" s="172"/>
      <c r="Q60" s="172"/>
      <c r="R60" s="172"/>
      <c r="S60" s="172"/>
      <c r="T60" s="172"/>
      <c r="U60" s="172"/>
      <c r="V60" s="172"/>
      <c r="W60" s="172"/>
      <c r="X60" s="172"/>
      <c r="Y60" s="172"/>
      <c r="Z60" s="171"/>
      <c r="AA60" s="163"/>
      <c r="AB60" s="143"/>
      <c r="AC60" s="143"/>
      <c r="AD60" s="172"/>
      <c r="AE60" s="171"/>
    </row>
    <row r="61" spans="2:36" x14ac:dyDescent="0.15">
      <c r="B61" s="8" t="s">
        <v>426</v>
      </c>
    </row>
    <row r="62" spans="2:36" x14ac:dyDescent="0.15">
      <c r="C62" s="8" t="s">
        <v>425</v>
      </c>
    </row>
    <row r="63" spans="2:36" x14ac:dyDescent="0.15">
      <c r="B63" s="8" t="s">
        <v>424</v>
      </c>
    </row>
    <row r="64" spans="2:36" x14ac:dyDescent="0.15">
      <c r="C64" s="8" t="s">
        <v>423</v>
      </c>
    </row>
    <row r="65" spans="2:11" x14ac:dyDescent="0.15">
      <c r="C65" s="8" t="s">
        <v>422</v>
      </c>
    </row>
    <row r="66" spans="2:11" x14ac:dyDescent="0.15">
      <c r="C66" s="8" t="s">
        <v>421</v>
      </c>
      <c r="K66" s="8" t="s">
        <v>420</v>
      </c>
    </row>
    <row r="67" spans="2:11" x14ac:dyDescent="0.15">
      <c r="K67" s="8" t="s">
        <v>419</v>
      </c>
    </row>
    <row r="68" spans="2:11" x14ac:dyDescent="0.15">
      <c r="K68" s="8" t="s">
        <v>418</v>
      </c>
    </row>
    <row r="69" spans="2:11" x14ac:dyDescent="0.15">
      <c r="K69" s="8" t="s">
        <v>417</v>
      </c>
    </row>
    <row r="70" spans="2:11" x14ac:dyDescent="0.15">
      <c r="K70" s="8" t="s">
        <v>416</v>
      </c>
    </row>
    <row r="71" spans="2:11" x14ac:dyDescent="0.15">
      <c r="B71" s="8" t="s">
        <v>415</v>
      </c>
    </row>
    <row r="72" spans="2:11" x14ac:dyDescent="0.15">
      <c r="C72" s="8" t="s">
        <v>414</v>
      </c>
    </row>
    <row r="73" spans="2:11" x14ac:dyDescent="0.15">
      <c r="C73" s="8" t="s">
        <v>413</v>
      </c>
    </row>
    <row r="74" spans="2:11" x14ac:dyDescent="0.15">
      <c r="C74" s="8" t="s">
        <v>412</v>
      </c>
    </row>
    <row r="122" spans="1:7" x14ac:dyDescent="0.15">
      <c r="A122" s="172"/>
      <c r="C122" s="172"/>
      <c r="D122" s="172"/>
      <c r="E122" s="172"/>
      <c r="F122" s="172"/>
      <c r="G122" s="172"/>
    </row>
    <row r="123" spans="1:7" x14ac:dyDescent="0.15">
      <c r="C123" s="157"/>
    </row>
    <row r="151" spans="1:1" x14ac:dyDescent="0.15">
      <c r="A151" s="172"/>
    </row>
    <row r="187" spans="1:1" x14ac:dyDescent="0.15">
      <c r="A187" s="173"/>
    </row>
    <row r="238" spans="1:1" x14ac:dyDescent="0.15">
      <c r="A238" s="173"/>
    </row>
    <row r="287" spans="1:1" x14ac:dyDescent="0.15">
      <c r="A287" s="173"/>
    </row>
    <row r="314" spans="1:1" x14ac:dyDescent="0.15">
      <c r="A314" s="172"/>
    </row>
    <row r="364" spans="1:1" x14ac:dyDescent="0.15">
      <c r="A364" s="173"/>
    </row>
    <row r="388" spans="1:1" x14ac:dyDescent="0.15">
      <c r="A388" s="172"/>
    </row>
    <row r="416" spans="1:1" x14ac:dyDescent="0.15">
      <c r="A416" s="172"/>
    </row>
    <row r="444" spans="1:1" x14ac:dyDescent="0.15">
      <c r="A444" s="172"/>
    </row>
    <row r="468" spans="1:1" x14ac:dyDescent="0.15">
      <c r="A468" s="172"/>
    </row>
    <row r="497" spans="1:1" x14ac:dyDescent="0.15">
      <c r="A497" s="172"/>
    </row>
    <row r="526" spans="1:1" x14ac:dyDescent="0.15">
      <c r="A526" s="172"/>
    </row>
    <row r="575" spans="1:1" x14ac:dyDescent="0.15">
      <c r="A575" s="173"/>
    </row>
    <row r="606" spans="1:1" x14ac:dyDescent="0.15">
      <c r="A606" s="173"/>
    </row>
    <row r="650" spans="1:1" x14ac:dyDescent="0.15">
      <c r="A650" s="173"/>
    </row>
    <row r="686" spans="1:1" x14ac:dyDescent="0.15">
      <c r="A686" s="172"/>
    </row>
    <row r="725" spans="1:1" x14ac:dyDescent="0.15">
      <c r="A725" s="173"/>
    </row>
    <row r="754" spans="1:1" x14ac:dyDescent="0.15">
      <c r="A754" s="173"/>
    </row>
    <row r="793" spans="1:1" x14ac:dyDescent="0.15">
      <c r="A793" s="173"/>
    </row>
    <row r="832" spans="1:1" x14ac:dyDescent="0.15">
      <c r="A832" s="173"/>
    </row>
    <row r="860" spans="1:1" x14ac:dyDescent="0.15">
      <c r="A860" s="173"/>
    </row>
    <row r="900" spans="1:1" x14ac:dyDescent="0.15">
      <c r="A900" s="173"/>
    </row>
    <row r="940" spans="1:1" x14ac:dyDescent="0.15">
      <c r="A940" s="173"/>
    </row>
    <row r="969" spans="1:1" x14ac:dyDescent="0.15">
      <c r="A969" s="173"/>
    </row>
  </sheetData>
  <mergeCells count="31">
    <mergeCell ref="Y3:Z3"/>
    <mergeCell ref="B5:AE5"/>
    <mergeCell ref="B6:AD6"/>
    <mergeCell ref="F8:AE8"/>
    <mergeCell ref="B10:E11"/>
    <mergeCell ref="U19:W19"/>
    <mergeCell ref="U20:W20"/>
    <mergeCell ref="U21:W21"/>
    <mergeCell ref="D34:N34"/>
    <mergeCell ref="O34:S34"/>
    <mergeCell ref="U29:W29"/>
    <mergeCell ref="D32:N32"/>
    <mergeCell ref="O32:S32"/>
    <mergeCell ref="D33:N33"/>
    <mergeCell ref="O33:S33"/>
    <mergeCell ref="D35:N35"/>
    <mergeCell ref="O35:S35"/>
    <mergeCell ref="D36:N36"/>
    <mergeCell ref="O36:S36"/>
    <mergeCell ref="D37:N37"/>
    <mergeCell ref="O37:S37"/>
    <mergeCell ref="D38:N38"/>
    <mergeCell ref="O38:S38"/>
    <mergeCell ref="D39:N39"/>
    <mergeCell ref="O39:S39"/>
    <mergeCell ref="T40:V40"/>
    <mergeCell ref="U51:W51"/>
    <mergeCell ref="U52:W52"/>
    <mergeCell ref="U53:W53"/>
    <mergeCell ref="E58:N58"/>
    <mergeCell ref="J40:S40"/>
  </mergeCells>
  <phoneticPr fontId="2"/>
  <dataValidations count="1">
    <dataValidation type="list" allowBlank="1" showInputMessage="1" showErrorMessage="1" sqref="K9 Q9 AB16 AD16 AB25:AB26 AD25:AD26 AB41 AD41 AB45 AD45 AB56 AD56 AB59 AD59 R10:R12 F9:F12">
      <formula1>"□,■"</formula1>
    </dataValidation>
  </dataValidations>
  <pageMargins left="0.70866141732283472" right="0.70866141732283472" top="0.74803149606299213" bottom="0.74803149606299213" header="0.31496062992125984" footer="0.31496062992125984"/>
  <pageSetup paperSize="9" scale="70" orientation="portrait" r:id="rId1"/>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AJ123"/>
  <sheetViews>
    <sheetView zoomScaleNormal="100" zoomScaleSheetLayoutView="55" workbookViewId="0">
      <selection activeCell="C87" sqref="C87"/>
    </sheetView>
  </sheetViews>
  <sheetFormatPr defaultColWidth="4" defaultRowHeight="13.5" x14ac:dyDescent="0.15"/>
  <cols>
    <col min="1" max="1" width="2.875" style="8" customWidth="1"/>
    <col min="2" max="2" width="2.375" style="8" customWidth="1"/>
    <col min="3" max="3" width="3.5" style="8" customWidth="1"/>
    <col min="4" max="15" width="3.625" style="8" customWidth="1"/>
    <col min="16" max="16" width="1.5" style="8" customWidth="1"/>
    <col min="17" max="18" width="3.625" style="8" customWidth="1"/>
    <col min="19" max="19" width="2.75" style="8" customWidth="1"/>
    <col min="20" max="31" width="3.625" style="8" customWidth="1"/>
    <col min="32" max="16384" width="4" style="8"/>
  </cols>
  <sheetData>
    <row r="2" spans="2:31" x14ac:dyDescent="0.15">
      <c r="B2" s="8" t="s">
        <v>505</v>
      </c>
    </row>
    <row r="3" spans="2:31" x14ac:dyDescent="0.15">
      <c r="U3" s="16"/>
      <c r="X3" s="17" t="s">
        <v>12</v>
      </c>
      <c r="Y3" s="778"/>
      <c r="Z3" s="778"/>
      <c r="AA3" s="17" t="s">
        <v>11</v>
      </c>
      <c r="AB3" s="18"/>
      <c r="AC3" s="17" t="s">
        <v>21</v>
      </c>
      <c r="AD3" s="18"/>
      <c r="AE3" s="17" t="s">
        <v>20</v>
      </c>
    </row>
    <row r="4" spans="2:31" x14ac:dyDescent="0.15">
      <c r="T4" s="182"/>
      <c r="U4" s="182"/>
      <c r="V4" s="182"/>
    </row>
    <row r="5" spans="2:31" x14ac:dyDescent="0.15">
      <c r="B5" s="778" t="s">
        <v>483</v>
      </c>
      <c r="C5" s="778"/>
      <c r="D5" s="778"/>
      <c r="E5" s="778"/>
      <c r="F5" s="778"/>
      <c r="G5" s="778"/>
      <c r="H5" s="778"/>
      <c r="I5" s="778"/>
      <c r="J5" s="778"/>
      <c r="K5" s="778"/>
      <c r="L5" s="778"/>
      <c r="M5" s="778"/>
      <c r="N5" s="778"/>
      <c r="O5" s="778"/>
      <c r="P5" s="778"/>
      <c r="Q5" s="778"/>
      <c r="R5" s="778"/>
      <c r="S5" s="778"/>
      <c r="T5" s="778"/>
      <c r="U5" s="778"/>
      <c r="V5" s="778"/>
      <c r="W5" s="778"/>
      <c r="X5" s="778"/>
      <c r="Y5" s="778"/>
      <c r="Z5" s="778"/>
      <c r="AA5" s="778"/>
      <c r="AB5" s="778"/>
      <c r="AC5" s="778"/>
      <c r="AD5" s="778"/>
      <c r="AE5" s="778"/>
    </row>
    <row r="6" spans="2:31" ht="65.25" customHeight="1" x14ac:dyDescent="0.15">
      <c r="B6" s="807" t="s">
        <v>504</v>
      </c>
      <c r="C6" s="807"/>
      <c r="D6" s="807"/>
      <c r="E6" s="807"/>
      <c r="F6" s="807"/>
      <c r="G6" s="807"/>
      <c r="H6" s="807"/>
      <c r="I6" s="807"/>
      <c r="J6" s="807"/>
      <c r="K6" s="807"/>
      <c r="L6" s="807"/>
      <c r="M6" s="807"/>
      <c r="N6" s="807"/>
      <c r="O6" s="807"/>
      <c r="P6" s="807"/>
      <c r="Q6" s="807"/>
      <c r="R6" s="807"/>
      <c r="S6" s="807"/>
      <c r="T6" s="807"/>
      <c r="U6" s="807"/>
      <c r="V6" s="807"/>
      <c r="W6" s="807"/>
      <c r="X6" s="807"/>
      <c r="Y6" s="807"/>
      <c r="Z6" s="807"/>
      <c r="AA6" s="807"/>
      <c r="AB6" s="807"/>
      <c r="AC6" s="807"/>
      <c r="AD6" s="807"/>
      <c r="AE6" s="18"/>
    </row>
    <row r="7" spans="2:31" ht="23.25" customHeight="1" x14ac:dyDescent="0.15"/>
    <row r="8" spans="2:31" ht="23.25" customHeight="1" x14ac:dyDescent="0.15">
      <c r="B8" s="254" t="s">
        <v>244</v>
      </c>
      <c r="C8" s="254"/>
      <c r="D8" s="254"/>
      <c r="E8" s="254"/>
      <c r="F8" s="780"/>
      <c r="G8" s="781"/>
      <c r="H8" s="781"/>
      <c r="I8" s="781"/>
      <c r="J8" s="781"/>
      <c r="K8" s="781"/>
      <c r="L8" s="781"/>
      <c r="M8" s="781"/>
      <c r="N8" s="781"/>
      <c r="O8" s="781"/>
      <c r="P8" s="781"/>
      <c r="Q8" s="781"/>
      <c r="R8" s="781"/>
      <c r="S8" s="781"/>
      <c r="T8" s="781"/>
      <c r="U8" s="781"/>
      <c r="V8" s="781"/>
      <c r="W8" s="781"/>
      <c r="X8" s="781"/>
      <c r="Y8" s="781"/>
      <c r="Z8" s="781"/>
      <c r="AA8" s="781"/>
      <c r="AB8" s="781"/>
      <c r="AC8" s="781"/>
      <c r="AD8" s="781"/>
      <c r="AE8" s="782"/>
    </row>
    <row r="9" spans="2:31" ht="24.95" customHeight="1" x14ac:dyDescent="0.15">
      <c r="B9" s="254" t="s">
        <v>481</v>
      </c>
      <c r="C9" s="254"/>
      <c r="D9" s="254"/>
      <c r="E9" s="254"/>
      <c r="F9" s="169" t="s">
        <v>0</v>
      </c>
      <c r="G9" s="168" t="s">
        <v>480</v>
      </c>
      <c r="H9" s="168"/>
      <c r="I9" s="168"/>
      <c r="J9" s="168"/>
      <c r="K9" s="177" t="s">
        <v>0</v>
      </c>
      <c r="L9" s="168" t="s">
        <v>479</v>
      </c>
      <c r="M9" s="168"/>
      <c r="N9" s="168"/>
      <c r="O9" s="168"/>
      <c r="P9" s="168"/>
      <c r="Q9" s="177" t="s">
        <v>0</v>
      </c>
      <c r="R9" s="168" t="s">
        <v>478</v>
      </c>
      <c r="S9" s="168"/>
      <c r="T9" s="168"/>
      <c r="U9" s="168"/>
      <c r="V9" s="168"/>
      <c r="W9" s="168"/>
      <c r="X9" s="168"/>
      <c r="Y9" s="168"/>
      <c r="Z9" s="168"/>
      <c r="AA9" s="168"/>
      <c r="AB9" s="168"/>
      <c r="AC9" s="168"/>
      <c r="AD9" s="181"/>
      <c r="AE9" s="197"/>
    </row>
    <row r="10" spans="2:31" ht="24.95" customHeight="1" x14ac:dyDescent="0.15">
      <c r="B10" s="783" t="s">
        <v>477</v>
      </c>
      <c r="C10" s="784"/>
      <c r="D10" s="784"/>
      <c r="E10" s="785"/>
      <c r="F10" s="18" t="s">
        <v>0</v>
      </c>
      <c r="G10" s="16" t="s">
        <v>503</v>
      </c>
      <c r="H10" s="16"/>
      <c r="I10" s="16"/>
      <c r="J10" s="16"/>
      <c r="K10" s="16"/>
      <c r="L10" s="16"/>
      <c r="M10" s="16"/>
      <c r="N10" s="16"/>
      <c r="O10" s="16"/>
      <c r="Q10" s="157"/>
      <c r="R10" s="194" t="s">
        <v>0</v>
      </c>
      <c r="S10" s="16" t="s">
        <v>502</v>
      </c>
      <c r="T10" s="16"/>
      <c r="U10" s="16"/>
      <c r="V10" s="16"/>
      <c r="W10" s="166"/>
      <c r="X10" s="166"/>
      <c r="Y10" s="166"/>
      <c r="Z10" s="166"/>
      <c r="AA10" s="166"/>
      <c r="AB10" s="166"/>
      <c r="AC10" s="166"/>
      <c r="AD10" s="157"/>
      <c r="AE10" s="156"/>
    </row>
    <row r="11" spans="2:31" ht="24.95" customHeight="1" x14ac:dyDescent="0.15">
      <c r="B11" s="810"/>
      <c r="C11" s="778"/>
      <c r="D11" s="778"/>
      <c r="E11" s="811"/>
      <c r="F11" s="18" t="s">
        <v>0</v>
      </c>
      <c r="G11" s="16" t="s">
        <v>501</v>
      </c>
      <c r="H11" s="16"/>
      <c r="I11" s="16"/>
      <c r="J11" s="16"/>
      <c r="K11" s="16"/>
      <c r="L11" s="16"/>
      <c r="M11" s="16"/>
      <c r="N11" s="16"/>
      <c r="O11" s="16"/>
      <c r="R11" s="18" t="s">
        <v>0</v>
      </c>
      <c r="S11" s="16" t="s">
        <v>500</v>
      </c>
      <c r="T11" s="16"/>
      <c r="U11" s="16"/>
      <c r="V11" s="16"/>
      <c r="W11" s="16"/>
      <c r="X11" s="16"/>
      <c r="Y11" s="16"/>
      <c r="Z11" s="16"/>
      <c r="AA11" s="16"/>
      <c r="AB11" s="16"/>
      <c r="AC11" s="16"/>
      <c r="AE11" s="149"/>
    </row>
    <row r="12" spans="2:31" ht="24.95" customHeight="1" x14ac:dyDescent="0.15">
      <c r="B12" s="810"/>
      <c r="C12" s="778"/>
      <c r="D12" s="778"/>
      <c r="E12" s="811"/>
      <c r="F12" s="18" t="s">
        <v>0</v>
      </c>
      <c r="G12" s="255" t="s">
        <v>499</v>
      </c>
      <c r="H12" s="16"/>
      <c r="I12" s="16"/>
      <c r="J12" s="16"/>
      <c r="K12" s="16"/>
      <c r="L12" s="16"/>
      <c r="M12" s="16"/>
      <c r="N12" s="16"/>
      <c r="O12" s="16"/>
      <c r="R12" s="18" t="s">
        <v>0</v>
      </c>
      <c r="S12" s="255" t="s">
        <v>498</v>
      </c>
      <c r="T12" s="16"/>
      <c r="U12" s="16"/>
      <c r="V12" s="16"/>
      <c r="W12" s="16"/>
      <c r="X12" s="16"/>
      <c r="Y12" s="16"/>
      <c r="Z12" s="16"/>
      <c r="AA12" s="16"/>
      <c r="AB12" s="16"/>
      <c r="AC12" s="16"/>
      <c r="AE12" s="149"/>
    </row>
    <row r="13" spans="2:31" ht="24.95" customHeight="1" x14ac:dyDescent="0.15">
      <c r="B13" s="810"/>
      <c r="C13" s="778"/>
      <c r="D13" s="778"/>
      <c r="E13" s="811"/>
      <c r="F13" s="18" t="s">
        <v>0</v>
      </c>
      <c r="G13" s="16" t="s">
        <v>497</v>
      </c>
      <c r="H13" s="16"/>
      <c r="I13" s="16"/>
      <c r="J13" s="16"/>
      <c r="K13" s="16"/>
      <c r="L13" s="16"/>
      <c r="M13"/>
      <c r="N13" s="16"/>
      <c r="O13" s="16"/>
      <c r="R13" s="18" t="s">
        <v>0</v>
      </c>
      <c r="S13" s="16" t="s">
        <v>496</v>
      </c>
      <c r="T13" s="16"/>
      <c r="U13" s="16"/>
      <c r="V13" s="16"/>
      <c r="W13" s="16"/>
      <c r="X13" s="16"/>
      <c r="Y13" s="16"/>
      <c r="Z13" s="16"/>
      <c r="AA13" s="16"/>
      <c r="AB13" s="16"/>
      <c r="AC13" s="16"/>
      <c r="AE13" s="149"/>
    </row>
    <row r="14" spans="2:31" ht="24.95" customHeight="1" x14ac:dyDescent="0.15">
      <c r="B14" s="810"/>
      <c r="C14" s="778"/>
      <c r="D14" s="778"/>
      <c r="E14" s="811"/>
      <c r="F14" s="18" t="s">
        <v>0</v>
      </c>
      <c r="G14" s="16" t="s">
        <v>495</v>
      </c>
      <c r="H14" s="16"/>
      <c r="I14" s="16"/>
      <c r="J14" s="16"/>
      <c r="K14"/>
      <c r="L14" s="255"/>
      <c r="M14" s="256"/>
      <c r="N14" s="256"/>
      <c r="O14" s="255"/>
      <c r="R14" s="18"/>
      <c r="S14" s="16"/>
      <c r="T14" s="255"/>
      <c r="U14" s="255"/>
      <c r="V14" s="255"/>
      <c r="W14" s="255"/>
      <c r="X14" s="255"/>
      <c r="Y14" s="255"/>
      <c r="Z14" s="255"/>
      <c r="AA14" s="255"/>
      <c r="AB14" s="255"/>
      <c r="AC14" s="255"/>
      <c r="AE14" s="149"/>
    </row>
    <row r="15" spans="2:31" ht="24.95" customHeight="1" x14ac:dyDescent="0.15">
      <c r="B15" s="254" t="s">
        <v>318</v>
      </c>
      <c r="C15" s="254"/>
      <c r="D15" s="254"/>
      <c r="E15" s="254"/>
      <c r="F15" s="169" t="s">
        <v>0</v>
      </c>
      <c r="G15" s="168" t="s">
        <v>472</v>
      </c>
      <c r="H15" s="253"/>
      <c r="I15" s="253"/>
      <c r="J15" s="253"/>
      <c r="K15" s="253"/>
      <c r="L15" s="253"/>
      <c r="M15" s="253"/>
      <c r="N15" s="253"/>
      <c r="O15" s="253"/>
      <c r="P15" s="253"/>
      <c r="Q15" s="181"/>
      <c r="R15" s="177" t="s">
        <v>0</v>
      </c>
      <c r="S15" s="168" t="s">
        <v>471</v>
      </c>
      <c r="T15" s="253"/>
      <c r="U15" s="253"/>
      <c r="V15" s="253"/>
      <c r="W15" s="253"/>
      <c r="X15" s="253"/>
      <c r="Y15" s="253"/>
      <c r="Z15" s="253"/>
      <c r="AA15" s="253"/>
      <c r="AB15" s="253"/>
      <c r="AC15" s="253"/>
      <c r="AD15" s="181"/>
      <c r="AE15" s="197"/>
    </row>
    <row r="16" spans="2:31" ht="30.75" customHeight="1" x14ac:dyDescent="0.15"/>
    <row r="17" spans="2:31" x14ac:dyDescent="0.15">
      <c r="B17" s="252"/>
      <c r="C17" s="181"/>
      <c r="D17" s="181"/>
      <c r="E17" s="181"/>
      <c r="F17" s="181"/>
      <c r="G17" s="181"/>
      <c r="H17" s="181"/>
      <c r="I17" s="181"/>
      <c r="J17" s="181"/>
      <c r="K17" s="181"/>
      <c r="L17" s="181"/>
      <c r="M17" s="181"/>
      <c r="N17" s="181"/>
      <c r="O17" s="181"/>
      <c r="P17" s="181"/>
      <c r="Q17" s="181"/>
      <c r="R17" s="181"/>
      <c r="S17" s="181"/>
      <c r="T17" s="181"/>
      <c r="U17" s="181"/>
      <c r="V17" s="181"/>
      <c r="W17" s="181"/>
      <c r="X17" s="181"/>
      <c r="Y17" s="181"/>
      <c r="Z17" s="197"/>
      <c r="AA17" s="169"/>
      <c r="AB17" s="177" t="s">
        <v>227</v>
      </c>
      <c r="AC17" s="177" t="s">
        <v>217</v>
      </c>
      <c r="AD17" s="177" t="s">
        <v>226</v>
      </c>
      <c r="AE17" s="197"/>
    </row>
    <row r="18" spans="2:31" x14ac:dyDescent="0.15">
      <c r="B18" s="158" t="s">
        <v>470</v>
      </c>
      <c r="C18" s="157"/>
      <c r="D18" s="157"/>
      <c r="E18" s="157"/>
      <c r="F18" s="157"/>
      <c r="G18" s="157"/>
      <c r="H18" s="157"/>
      <c r="I18" s="157"/>
      <c r="J18" s="157"/>
      <c r="K18" s="157"/>
      <c r="L18" s="157"/>
      <c r="M18" s="157"/>
      <c r="N18" s="157"/>
      <c r="O18" s="157"/>
      <c r="P18" s="157"/>
      <c r="Q18" s="157"/>
      <c r="R18" s="157"/>
      <c r="S18" s="157"/>
      <c r="T18" s="157"/>
      <c r="U18" s="157"/>
      <c r="V18" s="157"/>
      <c r="W18" s="157"/>
      <c r="X18" s="157"/>
      <c r="Y18" s="157"/>
      <c r="Z18" s="251"/>
      <c r="AA18" s="250"/>
      <c r="AB18" s="194"/>
      <c r="AC18" s="194"/>
      <c r="AD18" s="157"/>
      <c r="AE18" s="156"/>
    </row>
    <row r="19" spans="2:31" x14ac:dyDescent="0.15">
      <c r="B19" s="9"/>
      <c r="C19" s="245" t="s">
        <v>443</v>
      </c>
      <c r="D19" s="8" t="s">
        <v>494</v>
      </c>
      <c r="Z19" s="244"/>
      <c r="AA19" s="155"/>
      <c r="AB19" s="18" t="s">
        <v>0</v>
      </c>
      <c r="AC19" s="18" t="s">
        <v>217</v>
      </c>
      <c r="AD19" s="18" t="s">
        <v>0</v>
      </c>
      <c r="AE19" s="149"/>
    </row>
    <row r="20" spans="2:31" x14ac:dyDescent="0.15">
      <c r="B20" s="9"/>
      <c r="D20" s="8" t="s">
        <v>468</v>
      </c>
      <c r="Z20" s="150"/>
      <c r="AA20" s="151"/>
      <c r="AB20" s="18"/>
      <c r="AC20" s="18"/>
      <c r="AE20" s="149"/>
    </row>
    <row r="21" spans="2:31" x14ac:dyDescent="0.15">
      <c r="B21" s="9"/>
      <c r="Z21" s="150"/>
      <c r="AA21" s="151"/>
      <c r="AB21" s="18"/>
      <c r="AC21" s="18"/>
      <c r="AE21" s="149"/>
    </row>
    <row r="22" spans="2:31" ht="13.5" customHeight="1" x14ac:dyDescent="0.15">
      <c r="B22" s="9"/>
      <c r="D22" s="247" t="s">
        <v>493</v>
      </c>
      <c r="E22" s="168"/>
      <c r="F22" s="168"/>
      <c r="G22" s="168"/>
      <c r="H22" s="168"/>
      <c r="I22" s="168"/>
      <c r="J22" s="168"/>
      <c r="K22" s="168"/>
      <c r="L22" s="168"/>
      <c r="M22" s="168"/>
      <c r="N22" s="168"/>
      <c r="O22" s="181"/>
      <c r="P22" s="181"/>
      <c r="Q22" s="181"/>
      <c r="R22" s="181"/>
      <c r="S22" s="168"/>
      <c r="T22" s="168"/>
      <c r="U22" s="780"/>
      <c r="V22" s="781"/>
      <c r="W22" s="781"/>
      <c r="X22" s="181" t="s">
        <v>435</v>
      </c>
      <c r="Y22" s="9"/>
      <c r="Z22" s="150"/>
      <c r="AA22" s="151"/>
      <c r="AB22" s="18"/>
      <c r="AC22" s="18"/>
      <c r="AE22" s="149"/>
    </row>
    <row r="23" spans="2:31" x14ac:dyDescent="0.15">
      <c r="B23" s="9"/>
      <c r="D23" s="247" t="s">
        <v>436</v>
      </c>
      <c r="E23" s="168"/>
      <c r="F23" s="168"/>
      <c r="G23" s="168"/>
      <c r="H23" s="168"/>
      <c r="I23" s="168"/>
      <c r="J23" s="168"/>
      <c r="K23" s="168"/>
      <c r="L23" s="168"/>
      <c r="M23" s="168"/>
      <c r="N23" s="168"/>
      <c r="O23" s="181"/>
      <c r="P23" s="181"/>
      <c r="Q23" s="181"/>
      <c r="R23" s="181"/>
      <c r="S23" s="168"/>
      <c r="T23" s="168"/>
      <c r="U23" s="780"/>
      <c r="V23" s="781"/>
      <c r="W23" s="781"/>
      <c r="X23" s="181" t="s">
        <v>435</v>
      </c>
      <c r="Y23" s="9"/>
      <c r="Z23" s="149"/>
      <c r="AA23" s="151"/>
      <c r="AB23" s="18"/>
      <c r="AC23" s="18"/>
      <c r="AE23" s="149"/>
    </row>
    <row r="24" spans="2:31" x14ac:dyDescent="0.15">
      <c r="B24" s="9"/>
      <c r="D24" s="247" t="s">
        <v>434</v>
      </c>
      <c r="E24" s="168"/>
      <c r="F24" s="168"/>
      <c r="G24" s="168"/>
      <c r="H24" s="168"/>
      <c r="I24" s="168"/>
      <c r="J24" s="168"/>
      <c r="K24" s="168"/>
      <c r="L24" s="168"/>
      <c r="M24" s="168"/>
      <c r="N24" s="168"/>
      <c r="O24" s="181"/>
      <c r="P24" s="181"/>
      <c r="Q24" s="181"/>
      <c r="R24" s="181"/>
      <c r="S24" s="168"/>
      <c r="T24" s="246" t="str">
        <f>(IFERROR(ROUNDDOWN(T23/T22*100,0),""))</f>
        <v/>
      </c>
      <c r="U24" s="916" t="str">
        <f>(IFERROR(ROUNDDOWN(U23/U22*100,0),""))</f>
        <v/>
      </c>
      <c r="V24" s="917"/>
      <c r="W24" s="917"/>
      <c r="X24" s="181" t="s">
        <v>339</v>
      </c>
      <c r="Y24" s="9"/>
      <c r="Z24" s="174"/>
      <c r="AA24" s="151"/>
      <c r="AB24" s="18"/>
      <c r="AC24" s="18"/>
      <c r="AE24" s="149"/>
    </row>
    <row r="25" spans="2:31" x14ac:dyDescent="0.15">
      <c r="B25" s="9"/>
      <c r="D25" s="8" t="s">
        <v>492</v>
      </c>
      <c r="Z25" s="174"/>
      <c r="AA25" s="151"/>
      <c r="AB25" s="18"/>
      <c r="AC25" s="18"/>
      <c r="AE25" s="149"/>
    </row>
    <row r="26" spans="2:31" x14ac:dyDescent="0.15">
      <c r="B26" s="9"/>
      <c r="E26" s="8" t="s">
        <v>491</v>
      </c>
      <c r="Z26" s="174"/>
      <c r="AA26" s="151"/>
      <c r="AB26" s="18"/>
      <c r="AC26" s="18"/>
      <c r="AE26" s="149"/>
    </row>
    <row r="27" spans="2:31" x14ac:dyDescent="0.15">
      <c r="B27" s="9"/>
      <c r="Z27" s="174"/>
      <c r="AA27" s="151"/>
      <c r="AB27" s="18"/>
      <c r="AC27" s="18"/>
      <c r="AE27" s="149"/>
    </row>
    <row r="28" spans="2:31" x14ac:dyDescent="0.15">
      <c r="B28" s="9"/>
      <c r="C28" s="245" t="s">
        <v>440</v>
      </c>
      <c r="D28" s="8" t="s">
        <v>490</v>
      </c>
      <c r="Z28" s="244"/>
      <c r="AA28" s="151"/>
      <c r="AB28" s="18" t="s">
        <v>0</v>
      </c>
      <c r="AC28" s="18" t="s">
        <v>217</v>
      </c>
      <c r="AD28" s="18" t="s">
        <v>0</v>
      </c>
      <c r="AE28" s="149"/>
    </row>
    <row r="29" spans="2:31" x14ac:dyDescent="0.15">
      <c r="B29" s="9"/>
      <c r="C29" s="245"/>
      <c r="D29" s="8" t="s">
        <v>465</v>
      </c>
      <c r="Z29" s="244"/>
      <c r="AA29" s="151"/>
      <c r="AB29" s="18"/>
      <c r="AC29" s="18"/>
      <c r="AD29" s="18"/>
      <c r="AE29" s="149"/>
    </row>
    <row r="30" spans="2:31" x14ac:dyDescent="0.15">
      <c r="B30" s="9"/>
      <c r="C30" s="245"/>
      <c r="D30" s="8" t="s">
        <v>464</v>
      </c>
      <c r="Z30" s="244"/>
      <c r="AA30" s="155"/>
      <c r="AB30" s="18"/>
      <c r="AC30" s="249"/>
      <c r="AE30" s="149"/>
    </row>
    <row r="31" spans="2:31" x14ac:dyDescent="0.15">
      <c r="B31" s="9"/>
      <c r="Z31" s="174"/>
      <c r="AA31" s="151"/>
      <c r="AB31" s="18"/>
      <c r="AC31" s="18"/>
      <c r="AE31" s="149"/>
    </row>
    <row r="32" spans="2:31" ht="13.5" customHeight="1" x14ac:dyDescent="0.15">
      <c r="B32" s="9"/>
      <c r="C32" s="245"/>
      <c r="D32" s="247" t="s">
        <v>463</v>
      </c>
      <c r="E32" s="168"/>
      <c r="F32" s="168"/>
      <c r="G32" s="168"/>
      <c r="H32" s="168"/>
      <c r="I32" s="168"/>
      <c r="J32" s="168"/>
      <c r="K32" s="168"/>
      <c r="L32" s="168"/>
      <c r="M32" s="168"/>
      <c r="N32" s="168"/>
      <c r="O32" s="181"/>
      <c r="P32" s="181"/>
      <c r="Q32" s="181"/>
      <c r="R32" s="181"/>
      <c r="S32" s="181"/>
      <c r="T32" s="197"/>
      <c r="U32" s="780"/>
      <c r="V32" s="781"/>
      <c r="W32" s="781"/>
      <c r="X32" s="197" t="s">
        <v>435</v>
      </c>
      <c r="Y32" s="9"/>
      <c r="Z32" s="174"/>
      <c r="AA32" s="151"/>
      <c r="AB32" s="18"/>
      <c r="AC32" s="18"/>
      <c r="AE32" s="149"/>
    </row>
    <row r="33" spans="2:32" x14ac:dyDescent="0.15">
      <c r="B33" s="9"/>
      <c r="C33" s="245"/>
      <c r="D33" s="16"/>
      <c r="E33" s="16"/>
      <c r="F33" s="16"/>
      <c r="G33" s="16"/>
      <c r="H33" s="16"/>
      <c r="I33" s="16"/>
      <c r="J33" s="16"/>
      <c r="K33" s="16"/>
      <c r="L33" s="16"/>
      <c r="M33" s="16"/>
      <c r="N33" s="16"/>
      <c r="U33" s="18"/>
      <c r="V33" s="18"/>
      <c r="W33" s="18"/>
      <c r="Z33" s="174"/>
      <c r="AA33" s="151"/>
      <c r="AB33" s="18"/>
      <c r="AC33" s="18"/>
      <c r="AE33" s="149"/>
    </row>
    <row r="34" spans="2:32" ht="13.5" customHeight="1" x14ac:dyDescent="0.15">
      <c r="B34" s="9"/>
      <c r="C34" s="245"/>
      <c r="E34" s="248" t="s">
        <v>462</v>
      </c>
      <c r="Z34" s="174"/>
      <c r="AA34" s="151"/>
      <c r="AB34" s="18"/>
      <c r="AC34" s="18"/>
      <c r="AE34" s="149"/>
    </row>
    <row r="35" spans="2:32" x14ac:dyDescent="0.15">
      <c r="B35" s="9"/>
      <c r="C35" s="245"/>
      <c r="E35" s="919" t="s">
        <v>489</v>
      </c>
      <c r="F35" s="919"/>
      <c r="G35" s="919"/>
      <c r="H35" s="919"/>
      <c r="I35" s="919"/>
      <c r="J35" s="919"/>
      <c r="K35" s="919"/>
      <c r="L35" s="919"/>
      <c r="M35" s="919"/>
      <c r="N35" s="919"/>
      <c r="O35" s="919" t="s">
        <v>460</v>
      </c>
      <c r="P35" s="919"/>
      <c r="Q35" s="919"/>
      <c r="R35" s="919"/>
      <c r="S35" s="919"/>
      <c r="Z35" s="174"/>
      <c r="AA35" s="151"/>
      <c r="AB35" s="18"/>
      <c r="AC35" s="18"/>
      <c r="AE35" s="149"/>
    </row>
    <row r="36" spans="2:32" x14ac:dyDescent="0.15">
      <c r="B36" s="9"/>
      <c r="C36" s="245"/>
      <c r="E36" s="919" t="s">
        <v>459</v>
      </c>
      <c r="F36" s="919"/>
      <c r="G36" s="919"/>
      <c r="H36" s="919"/>
      <c r="I36" s="919"/>
      <c r="J36" s="919"/>
      <c r="K36" s="919"/>
      <c r="L36" s="919"/>
      <c r="M36" s="919"/>
      <c r="N36" s="919"/>
      <c r="O36" s="919" t="s">
        <v>458</v>
      </c>
      <c r="P36" s="919"/>
      <c r="Q36" s="919"/>
      <c r="R36" s="919"/>
      <c r="S36" s="919"/>
      <c r="Z36" s="174"/>
      <c r="AA36" s="151"/>
      <c r="AB36" s="18"/>
      <c r="AC36" s="18"/>
      <c r="AE36" s="149"/>
    </row>
    <row r="37" spans="2:32" x14ac:dyDescent="0.15">
      <c r="B37" s="9"/>
      <c r="C37" s="245"/>
      <c r="E37" s="919" t="s">
        <v>457</v>
      </c>
      <c r="F37" s="919"/>
      <c r="G37" s="919"/>
      <c r="H37" s="919"/>
      <c r="I37" s="919"/>
      <c r="J37" s="919"/>
      <c r="K37" s="919"/>
      <c r="L37" s="919"/>
      <c r="M37" s="919"/>
      <c r="N37" s="919"/>
      <c r="O37" s="919" t="s">
        <v>456</v>
      </c>
      <c r="P37" s="919"/>
      <c r="Q37" s="919"/>
      <c r="R37" s="919"/>
      <c r="S37" s="919"/>
      <c r="Z37" s="174"/>
      <c r="AA37" s="151"/>
      <c r="AB37" s="18"/>
      <c r="AC37" s="18"/>
      <c r="AE37" s="149"/>
    </row>
    <row r="38" spans="2:32" x14ac:dyDescent="0.15">
      <c r="B38" s="9"/>
      <c r="C38" s="245"/>
      <c r="D38" s="149"/>
      <c r="E38" s="922" t="s">
        <v>455</v>
      </c>
      <c r="F38" s="919"/>
      <c r="G38" s="919"/>
      <c r="H38" s="919"/>
      <c r="I38" s="919"/>
      <c r="J38" s="919"/>
      <c r="K38" s="919"/>
      <c r="L38" s="919"/>
      <c r="M38" s="919"/>
      <c r="N38" s="919"/>
      <c r="O38" s="919" t="s">
        <v>454</v>
      </c>
      <c r="P38" s="919"/>
      <c r="Q38" s="919"/>
      <c r="R38" s="919"/>
      <c r="S38" s="920"/>
      <c r="T38" s="9"/>
      <c r="Z38" s="174"/>
      <c r="AA38" s="151"/>
      <c r="AB38" s="18"/>
      <c r="AC38" s="18"/>
      <c r="AE38" s="149"/>
    </row>
    <row r="39" spans="2:32" x14ac:dyDescent="0.15">
      <c r="B39" s="9"/>
      <c r="C39" s="245"/>
      <c r="E39" s="921" t="s">
        <v>453</v>
      </c>
      <c r="F39" s="921"/>
      <c r="G39" s="921"/>
      <c r="H39" s="921"/>
      <c r="I39" s="921"/>
      <c r="J39" s="921"/>
      <c r="K39" s="921"/>
      <c r="L39" s="921"/>
      <c r="M39" s="921"/>
      <c r="N39" s="921"/>
      <c r="O39" s="921" t="s">
        <v>452</v>
      </c>
      <c r="P39" s="921"/>
      <c r="Q39" s="921"/>
      <c r="R39" s="921"/>
      <c r="S39" s="921"/>
      <c r="Z39" s="174"/>
      <c r="AA39" s="151"/>
      <c r="AB39" s="18"/>
      <c r="AC39" s="18"/>
      <c r="AE39" s="149"/>
      <c r="AF39" s="9"/>
    </row>
    <row r="40" spans="2:32" x14ac:dyDescent="0.15">
      <c r="B40" s="9"/>
      <c r="C40" s="245"/>
      <c r="E40" s="919" t="s">
        <v>451</v>
      </c>
      <c r="F40" s="919"/>
      <c r="G40" s="919"/>
      <c r="H40" s="919"/>
      <c r="I40" s="919"/>
      <c r="J40" s="919"/>
      <c r="K40" s="919"/>
      <c r="L40" s="919"/>
      <c r="M40" s="919"/>
      <c r="N40" s="919"/>
      <c r="O40" s="919" t="s">
        <v>450</v>
      </c>
      <c r="P40" s="919"/>
      <c r="Q40" s="919"/>
      <c r="R40" s="919"/>
      <c r="S40" s="919"/>
      <c r="Z40" s="174"/>
      <c r="AA40" s="151"/>
      <c r="AB40" s="18"/>
      <c r="AC40" s="18"/>
      <c r="AE40" s="149"/>
    </row>
    <row r="41" spans="2:32" x14ac:dyDescent="0.15">
      <c r="B41" s="9"/>
      <c r="C41" s="245"/>
      <c r="E41" s="919" t="s">
        <v>449</v>
      </c>
      <c r="F41" s="919"/>
      <c r="G41" s="919"/>
      <c r="H41" s="919"/>
      <c r="I41" s="919"/>
      <c r="J41" s="919"/>
      <c r="K41" s="919"/>
      <c r="L41" s="919"/>
      <c r="M41" s="919"/>
      <c r="N41" s="919"/>
      <c r="O41" s="919" t="s">
        <v>448</v>
      </c>
      <c r="P41" s="919"/>
      <c r="Q41" s="919"/>
      <c r="R41" s="919"/>
      <c r="S41" s="919"/>
      <c r="Z41" s="174"/>
      <c r="AA41" s="151"/>
      <c r="AB41" s="18"/>
      <c r="AC41" s="18"/>
      <c r="AE41" s="149"/>
    </row>
    <row r="42" spans="2:32" x14ac:dyDescent="0.15">
      <c r="B42" s="9"/>
      <c r="C42" s="245"/>
      <c r="E42" s="919" t="s">
        <v>447</v>
      </c>
      <c r="F42" s="919"/>
      <c r="G42" s="919"/>
      <c r="H42" s="919"/>
      <c r="I42" s="919"/>
      <c r="J42" s="919"/>
      <c r="K42" s="919"/>
      <c r="L42" s="919"/>
      <c r="M42" s="919"/>
      <c r="N42" s="919"/>
      <c r="O42" s="919" t="s">
        <v>447</v>
      </c>
      <c r="P42" s="919"/>
      <c r="Q42" s="919"/>
      <c r="R42" s="919"/>
      <c r="S42" s="919"/>
      <c r="Z42" s="150"/>
      <c r="AA42" s="151"/>
      <c r="AB42" s="18"/>
      <c r="AC42" s="18"/>
      <c r="AE42" s="149"/>
    </row>
    <row r="43" spans="2:32" x14ac:dyDescent="0.15">
      <c r="B43" s="9"/>
      <c r="C43" s="245"/>
      <c r="J43" s="778"/>
      <c r="K43" s="778"/>
      <c r="L43" s="778"/>
      <c r="M43" s="778"/>
      <c r="N43" s="778"/>
      <c r="O43" s="778"/>
      <c r="P43" s="778"/>
      <c r="Q43" s="778"/>
      <c r="R43" s="778"/>
      <c r="S43" s="778"/>
      <c r="T43" s="778"/>
      <c r="U43" s="778"/>
      <c r="V43" s="778"/>
      <c r="Z43" s="150"/>
      <c r="AA43" s="151"/>
      <c r="AB43" s="18"/>
      <c r="AC43" s="18"/>
      <c r="AE43" s="149"/>
    </row>
    <row r="44" spans="2:32" x14ac:dyDescent="0.15">
      <c r="B44" s="9"/>
      <c r="C44" s="245" t="s">
        <v>432</v>
      </c>
      <c r="D44" s="8" t="s">
        <v>446</v>
      </c>
      <c r="Z44" s="244"/>
      <c r="AA44" s="155"/>
      <c r="AB44" s="18" t="s">
        <v>0</v>
      </c>
      <c r="AC44" s="18" t="s">
        <v>217</v>
      </c>
      <c r="AD44" s="18" t="s">
        <v>0</v>
      </c>
      <c r="AE44" s="149"/>
    </row>
    <row r="45" spans="2:32" ht="14.25" customHeight="1" x14ac:dyDescent="0.15">
      <c r="B45" s="9"/>
      <c r="D45" s="8" t="s">
        <v>445</v>
      </c>
      <c r="Z45" s="174"/>
      <c r="AA45" s="151"/>
      <c r="AB45" s="18"/>
      <c r="AC45" s="18"/>
      <c r="AE45" s="149"/>
    </row>
    <row r="46" spans="2:32" x14ac:dyDescent="0.15">
      <c r="B46" s="9"/>
      <c r="Z46" s="150"/>
      <c r="AA46" s="151"/>
      <c r="AB46" s="18"/>
      <c r="AC46" s="18"/>
      <c r="AE46" s="149"/>
    </row>
    <row r="47" spans="2:32" x14ac:dyDescent="0.15">
      <c r="B47" s="9" t="s">
        <v>444</v>
      </c>
      <c r="Z47" s="174"/>
      <c r="AA47" s="151"/>
      <c r="AB47" s="18"/>
      <c r="AC47" s="18"/>
      <c r="AE47" s="149"/>
    </row>
    <row r="48" spans="2:32" x14ac:dyDescent="0.15">
      <c r="B48" s="9"/>
      <c r="C48" s="245" t="s">
        <v>443</v>
      </c>
      <c r="D48" s="8" t="s">
        <v>488</v>
      </c>
      <c r="Z48" s="244"/>
      <c r="AA48" s="155"/>
      <c r="AB48" s="18" t="s">
        <v>0</v>
      </c>
      <c r="AC48" s="18" t="s">
        <v>217</v>
      </c>
      <c r="AD48" s="18" t="s">
        <v>0</v>
      </c>
      <c r="AE48" s="149"/>
    </row>
    <row r="49" spans="2:36" ht="17.25" customHeight="1" x14ac:dyDescent="0.15">
      <c r="B49" s="9"/>
      <c r="D49" s="8" t="s">
        <v>487</v>
      </c>
      <c r="Z49" s="174"/>
      <c r="AA49" s="151"/>
      <c r="AB49" s="18"/>
      <c r="AC49" s="18"/>
      <c r="AE49" s="149"/>
    </row>
    <row r="50" spans="2:36" ht="18.75" customHeight="1" x14ac:dyDescent="0.15">
      <c r="B50" s="9"/>
      <c r="W50" s="154"/>
      <c r="Z50" s="149"/>
      <c r="AA50" s="151"/>
      <c r="AB50" s="18"/>
      <c r="AC50" s="18"/>
      <c r="AE50" s="149"/>
      <c r="AJ50" s="14"/>
    </row>
    <row r="51" spans="2:36" ht="13.5" customHeight="1" x14ac:dyDescent="0.15">
      <c r="B51" s="9"/>
      <c r="C51" s="245" t="s">
        <v>440</v>
      </c>
      <c r="D51" s="8" t="s">
        <v>431</v>
      </c>
      <c r="Z51" s="244"/>
      <c r="AA51" s="155"/>
      <c r="AB51" s="18" t="s">
        <v>0</v>
      </c>
      <c r="AC51" s="18" t="s">
        <v>217</v>
      </c>
      <c r="AD51" s="18" t="s">
        <v>0</v>
      </c>
      <c r="AE51" s="149"/>
    </row>
    <row r="52" spans="2:36" x14ac:dyDescent="0.15">
      <c r="B52" s="9"/>
      <c r="D52" s="8" t="s">
        <v>486</v>
      </c>
      <c r="E52" s="16"/>
      <c r="F52" s="16"/>
      <c r="G52" s="16"/>
      <c r="H52" s="16"/>
      <c r="I52" s="16"/>
      <c r="J52" s="16"/>
      <c r="K52" s="16"/>
      <c r="L52" s="16"/>
      <c r="M52" s="16"/>
      <c r="N52" s="16"/>
      <c r="O52" s="14"/>
      <c r="P52" s="14"/>
      <c r="Q52" s="14"/>
      <c r="Z52" s="174"/>
      <c r="AA52" s="151"/>
      <c r="AB52" s="18"/>
      <c r="AC52" s="18"/>
      <c r="AE52" s="149"/>
    </row>
    <row r="53" spans="2:36" x14ac:dyDescent="0.15">
      <c r="B53" s="9"/>
      <c r="D53" s="18"/>
      <c r="E53" s="918"/>
      <c r="F53" s="918"/>
      <c r="G53" s="918"/>
      <c r="H53" s="918"/>
      <c r="I53" s="918"/>
      <c r="J53" s="918"/>
      <c r="K53" s="918"/>
      <c r="L53" s="918"/>
      <c r="M53" s="918"/>
      <c r="N53" s="918"/>
      <c r="Q53" s="18"/>
      <c r="S53" s="154"/>
      <c r="T53" s="154"/>
      <c r="U53" s="154"/>
      <c r="V53" s="154"/>
      <c r="Z53" s="150"/>
      <c r="AA53" s="151"/>
      <c r="AB53" s="18"/>
      <c r="AC53" s="18"/>
      <c r="AE53" s="149"/>
    </row>
    <row r="54" spans="2:36" x14ac:dyDescent="0.15">
      <c r="B54" s="9"/>
      <c r="C54" s="245" t="s">
        <v>432</v>
      </c>
      <c r="D54" s="8" t="s">
        <v>485</v>
      </c>
      <c r="Z54" s="244"/>
      <c r="AA54" s="155"/>
      <c r="AB54" s="18" t="s">
        <v>0</v>
      </c>
      <c r="AC54" s="18" t="s">
        <v>217</v>
      </c>
      <c r="AD54" s="18" t="s">
        <v>0</v>
      </c>
      <c r="AE54" s="149"/>
    </row>
    <row r="55" spans="2:36" x14ac:dyDescent="0.15">
      <c r="B55" s="173"/>
      <c r="C55" s="243"/>
      <c r="D55" s="172" t="s">
        <v>427</v>
      </c>
      <c r="E55" s="172"/>
      <c r="F55" s="172"/>
      <c r="G55" s="172"/>
      <c r="H55" s="172"/>
      <c r="I55" s="172"/>
      <c r="J55" s="172"/>
      <c r="K55" s="172"/>
      <c r="L55" s="172"/>
      <c r="M55" s="172"/>
      <c r="N55" s="172"/>
      <c r="O55" s="172"/>
      <c r="P55" s="172"/>
      <c r="Q55" s="172"/>
      <c r="R55" s="172"/>
      <c r="S55" s="172"/>
      <c r="T55" s="172"/>
      <c r="U55" s="172"/>
      <c r="V55" s="172"/>
      <c r="W55" s="172"/>
      <c r="X55" s="172"/>
      <c r="Y55" s="172"/>
      <c r="Z55" s="171"/>
      <c r="AA55" s="163"/>
      <c r="AB55" s="143"/>
      <c r="AC55" s="143"/>
      <c r="AD55" s="172"/>
      <c r="AE55" s="171"/>
    </row>
    <row r="56" spans="2:36" x14ac:dyDescent="0.15">
      <c r="B56" s="8" t="s">
        <v>426</v>
      </c>
    </row>
    <row r="57" spans="2:36" x14ac:dyDescent="0.15">
      <c r="C57" s="8" t="s">
        <v>425</v>
      </c>
    </row>
    <row r="58" spans="2:36" x14ac:dyDescent="0.15">
      <c r="B58" s="8" t="s">
        <v>424</v>
      </c>
    </row>
    <row r="59" spans="2:36" x14ac:dyDescent="0.15">
      <c r="C59" s="8" t="s">
        <v>423</v>
      </c>
    </row>
    <row r="60" spans="2:36" x14ac:dyDescent="0.15">
      <c r="C60" s="8" t="s">
        <v>422</v>
      </c>
    </row>
    <row r="61" spans="2:36" x14ac:dyDescent="0.15">
      <c r="C61" s="8" t="s">
        <v>421</v>
      </c>
      <c r="K61" s="8" t="s">
        <v>420</v>
      </c>
    </row>
    <row r="62" spans="2:36" x14ac:dyDescent="0.15">
      <c r="K62" s="8" t="s">
        <v>419</v>
      </c>
    </row>
    <row r="63" spans="2:36" x14ac:dyDescent="0.15">
      <c r="K63" s="8" t="s">
        <v>418</v>
      </c>
    </row>
    <row r="64" spans="2:36" x14ac:dyDescent="0.15">
      <c r="K64" s="8" t="s">
        <v>417</v>
      </c>
    </row>
    <row r="65" spans="2:11" x14ac:dyDescent="0.15">
      <c r="K65" s="8" t="s">
        <v>416</v>
      </c>
    </row>
    <row r="66" spans="2:11" x14ac:dyDescent="0.15">
      <c r="B66" s="8" t="s">
        <v>415</v>
      </c>
    </row>
    <row r="67" spans="2:11" x14ac:dyDescent="0.15">
      <c r="C67" s="8" t="s">
        <v>414</v>
      </c>
    </row>
    <row r="68" spans="2:11" x14ac:dyDescent="0.15">
      <c r="C68" s="8" t="s">
        <v>413</v>
      </c>
    </row>
    <row r="69" spans="2:11" x14ac:dyDescent="0.15">
      <c r="C69" s="8" t="s">
        <v>412</v>
      </c>
    </row>
    <row r="81" spans="12:12" x14ac:dyDescent="0.15">
      <c r="L81" s="185"/>
    </row>
    <row r="122" spans="3:7" x14ac:dyDescent="0.15">
      <c r="C122" s="172"/>
      <c r="D122" s="172"/>
      <c r="E122" s="172"/>
      <c r="F122" s="172"/>
      <c r="G122" s="172"/>
    </row>
    <row r="123" spans="3:7" x14ac:dyDescent="0.15">
      <c r="C123" s="157"/>
    </row>
  </sheetData>
  <mergeCells count="28">
    <mergeCell ref="Y3:Z3"/>
    <mergeCell ref="B5:AE5"/>
    <mergeCell ref="B6:AD6"/>
    <mergeCell ref="F8:AE8"/>
    <mergeCell ref="B10:E14"/>
    <mergeCell ref="U22:W22"/>
    <mergeCell ref="U23:W23"/>
    <mergeCell ref="U24:W24"/>
    <mergeCell ref="E37:N37"/>
    <mergeCell ref="O37:S37"/>
    <mergeCell ref="U32:W32"/>
    <mergeCell ref="E35:N35"/>
    <mergeCell ref="O35:S35"/>
    <mergeCell ref="E36:N36"/>
    <mergeCell ref="O36:S36"/>
    <mergeCell ref="E38:N38"/>
    <mergeCell ref="O38:S38"/>
    <mergeCell ref="E39:N39"/>
    <mergeCell ref="O39:S39"/>
    <mergeCell ref="J43:S43"/>
    <mergeCell ref="T43:V43"/>
    <mergeCell ref="E53:N53"/>
    <mergeCell ref="E40:N40"/>
    <mergeCell ref="O40:S40"/>
    <mergeCell ref="E41:N41"/>
    <mergeCell ref="O41:S41"/>
    <mergeCell ref="E42:N42"/>
    <mergeCell ref="O42:S42"/>
  </mergeCells>
  <phoneticPr fontId="2"/>
  <dataValidations count="1">
    <dataValidation type="list" allowBlank="1" showInputMessage="1" showErrorMessage="1" sqref="K9 Q9 AB19 AD19 AB28:AB29 AD28:AD29 AB44 AD44 AB48 AD48 AB51 AD51 AB54 AD54 R10:R15 F9:F15">
      <formula1>"□,■"</formula1>
    </dataValidation>
  </dataValidations>
  <pageMargins left="0.70866141732283472" right="0.70866141732283472" top="0.74803149606299213" bottom="0.74803149606299213" header="0.31496062992125984" footer="0.31496062992125984"/>
  <pageSetup paperSize="9" scale="70" orientation="portrait" r:id="rId1"/>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AB123"/>
  <sheetViews>
    <sheetView zoomScaleNormal="100" zoomScaleSheetLayoutView="130" workbookViewId="0">
      <selection activeCell="C87" sqref="C87"/>
    </sheetView>
  </sheetViews>
  <sheetFormatPr defaultColWidth="4" defaultRowHeight="13.5" x14ac:dyDescent="0.15"/>
  <cols>
    <col min="1" max="1" width="1.5" style="8" customWidth="1"/>
    <col min="2" max="2" width="2.375" style="8" customWidth="1"/>
    <col min="3" max="3" width="1.125" style="8" customWidth="1"/>
    <col min="4" max="20" width="4" style="8"/>
    <col min="21" max="21" width="2.375" style="8" customWidth="1"/>
    <col min="22" max="22" width="4" style="8"/>
    <col min="23" max="23" width="2.25" style="8" customWidth="1"/>
    <col min="24" max="24" width="4" style="8"/>
    <col min="25" max="25" width="2.375" style="8" customWidth="1"/>
    <col min="26" max="26" width="1.5" style="8" customWidth="1"/>
    <col min="27" max="16384" width="4" style="8"/>
  </cols>
  <sheetData>
    <row r="2" spans="2:28" x14ac:dyDescent="0.15">
      <c r="B2" s="8" t="s">
        <v>534</v>
      </c>
      <c r="C2"/>
      <c r="D2"/>
      <c r="E2"/>
      <c r="F2"/>
      <c r="G2"/>
      <c r="H2"/>
      <c r="I2"/>
      <c r="J2"/>
      <c r="K2"/>
      <c r="L2"/>
      <c r="M2"/>
      <c r="N2"/>
      <c r="O2"/>
      <c r="P2"/>
      <c r="Q2"/>
      <c r="R2"/>
      <c r="S2"/>
      <c r="T2"/>
      <c r="U2"/>
      <c r="V2"/>
      <c r="W2"/>
      <c r="X2"/>
      <c r="Y2"/>
    </row>
    <row r="4" spans="2:28" x14ac:dyDescent="0.15">
      <c r="B4" s="778" t="s">
        <v>533</v>
      </c>
      <c r="C4" s="778"/>
      <c r="D4" s="778"/>
      <c r="E4" s="778"/>
      <c r="F4" s="778"/>
      <c r="G4" s="778"/>
      <c r="H4" s="778"/>
      <c r="I4" s="778"/>
      <c r="J4" s="778"/>
      <c r="K4" s="778"/>
      <c r="L4" s="778"/>
      <c r="M4" s="778"/>
      <c r="N4" s="778"/>
      <c r="O4" s="778"/>
      <c r="P4" s="778"/>
      <c r="Q4" s="778"/>
      <c r="R4" s="778"/>
      <c r="S4" s="778"/>
      <c r="T4" s="778"/>
      <c r="U4" s="778"/>
      <c r="V4" s="778"/>
      <c r="W4" s="778"/>
      <c r="X4" s="778"/>
      <c r="Y4" s="778"/>
    </row>
    <row r="5" spans="2:28" x14ac:dyDescent="0.15">
      <c r="B5" s="778" t="s">
        <v>532</v>
      </c>
      <c r="C5" s="778"/>
      <c r="D5" s="778"/>
      <c r="E5" s="778"/>
      <c r="F5" s="778"/>
      <c r="G5" s="778"/>
      <c r="H5" s="778"/>
      <c r="I5" s="778"/>
      <c r="J5" s="778"/>
      <c r="K5" s="778"/>
      <c r="L5" s="778"/>
      <c r="M5" s="778"/>
      <c r="N5" s="778"/>
      <c r="O5" s="778"/>
      <c r="P5" s="778"/>
      <c r="Q5" s="778"/>
      <c r="R5" s="778"/>
      <c r="S5" s="778"/>
      <c r="T5" s="778"/>
      <c r="U5" s="778"/>
      <c r="V5" s="778"/>
      <c r="W5" s="778"/>
      <c r="X5" s="778"/>
      <c r="Y5" s="778"/>
    </row>
    <row r="6" spans="2:28" ht="12.75" customHeight="1" x14ac:dyDescent="0.15"/>
    <row r="7" spans="2:28" ht="23.25" customHeight="1" x14ac:dyDescent="0.15">
      <c r="B7" s="790" t="s">
        <v>531</v>
      </c>
      <c r="C7" s="790"/>
      <c r="D7" s="790"/>
      <c r="E7" s="790"/>
      <c r="F7" s="790"/>
      <c r="G7" s="791"/>
      <c r="H7" s="792"/>
      <c r="I7" s="792"/>
      <c r="J7" s="792"/>
      <c r="K7" s="792"/>
      <c r="L7" s="792"/>
      <c r="M7" s="792"/>
      <c r="N7" s="792"/>
      <c r="O7" s="792"/>
      <c r="P7" s="792"/>
      <c r="Q7" s="792"/>
      <c r="R7" s="792"/>
      <c r="S7" s="792"/>
      <c r="T7" s="792"/>
      <c r="U7" s="792"/>
      <c r="V7" s="792"/>
      <c r="W7" s="792"/>
      <c r="X7" s="792"/>
      <c r="Y7" s="793"/>
    </row>
    <row r="8" spans="2:28" ht="26.25" customHeight="1" x14ac:dyDescent="0.15">
      <c r="B8" s="790" t="s">
        <v>481</v>
      </c>
      <c r="C8" s="790"/>
      <c r="D8" s="790"/>
      <c r="E8" s="790"/>
      <c r="F8" s="790"/>
      <c r="G8" s="177" t="s">
        <v>0</v>
      </c>
      <c r="H8" s="168" t="s">
        <v>242</v>
      </c>
      <c r="I8" s="168"/>
      <c r="J8" s="168"/>
      <c r="K8" s="168"/>
      <c r="L8" s="177" t="s">
        <v>0</v>
      </c>
      <c r="M8" s="168" t="s">
        <v>241</v>
      </c>
      <c r="N8" s="168"/>
      <c r="O8" s="168"/>
      <c r="P8" s="168"/>
      <c r="Q8" s="177" t="s">
        <v>0</v>
      </c>
      <c r="R8" s="168" t="s">
        <v>240</v>
      </c>
      <c r="S8" s="168"/>
      <c r="T8" s="168"/>
      <c r="U8" s="168"/>
      <c r="V8" s="168"/>
      <c r="W8" s="181"/>
      <c r="X8" s="181"/>
      <c r="Y8" s="197"/>
    </row>
    <row r="9" spans="2:28" ht="19.5" customHeight="1" x14ac:dyDescent="0.15">
      <c r="B9" s="783" t="s">
        <v>530</v>
      </c>
      <c r="C9" s="784"/>
      <c r="D9" s="784"/>
      <c r="E9" s="784"/>
      <c r="F9" s="785"/>
      <c r="G9" s="250" t="s">
        <v>0</v>
      </c>
      <c r="H9" s="157" t="s">
        <v>529</v>
      </c>
      <c r="I9" s="259"/>
      <c r="J9" s="259"/>
      <c r="K9" s="259"/>
      <c r="L9" s="259"/>
      <c r="M9" s="259"/>
      <c r="N9" s="259"/>
      <c r="O9" s="259"/>
      <c r="P9" s="259"/>
      <c r="Q9" s="259"/>
      <c r="R9" s="259"/>
      <c r="S9" s="259"/>
      <c r="T9" s="259"/>
      <c r="U9" s="259"/>
      <c r="V9" s="259"/>
      <c r="W9" s="259"/>
      <c r="X9" s="259"/>
      <c r="Y9" s="258"/>
    </row>
    <row r="10" spans="2:28" ht="18.75" customHeight="1" x14ac:dyDescent="0.15">
      <c r="B10" s="810"/>
      <c r="C10" s="778"/>
      <c r="D10" s="778"/>
      <c r="E10" s="778"/>
      <c r="F10" s="811"/>
      <c r="G10" s="151" t="s">
        <v>0</v>
      </c>
      <c r="H10" s="8" t="s">
        <v>528</v>
      </c>
      <c r="I10" s="154"/>
      <c r="J10" s="154"/>
      <c r="K10" s="154"/>
      <c r="L10" s="154"/>
      <c r="M10" s="154"/>
      <c r="N10" s="154"/>
      <c r="O10" s="154"/>
      <c r="P10" s="154"/>
      <c r="Q10" s="154"/>
      <c r="R10" s="154"/>
      <c r="S10" s="154"/>
      <c r="T10" s="154"/>
      <c r="U10" s="154"/>
      <c r="V10" s="154"/>
      <c r="W10" s="154"/>
      <c r="X10" s="154"/>
      <c r="Y10" s="196"/>
    </row>
    <row r="11" spans="2:28" ht="17.25" customHeight="1" x14ac:dyDescent="0.15">
      <c r="B11" s="786"/>
      <c r="C11" s="787"/>
      <c r="D11" s="787"/>
      <c r="E11" s="787"/>
      <c r="F11" s="788"/>
      <c r="G11" s="163" t="s">
        <v>0</v>
      </c>
      <c r="H11" s="172" t="s">
        <v>527</v>
      </c>
      <c r="I11" s="145"/>
      <c r="J11" s="145"/>
      <c r="K11" s="145"/>
      <c r="L11" s="145"/>
      <c r="M11" s="145"/>
      <c r="N11" s="145"/>
      <c r="O11" s="145"/>
      <c r="P11" s="145"/>
      <c r="Q11" s="145"/>
      <c r="R11" s="145"/>
      <c r="S11" s="145"/>
      <c r="T11" s="145"/>
      <c r="U11" s="145"/>
      <c r="V11" s="145"/>
      <c r="W11" s="145"/>
      <c r="X11" s="145"/>
      <c r="Y11" s="257"/>
      <c r="Z11"/>
      <c r="AA11"/>
      <c r="AB11"/>
    </row>
    <row r="12" spans="2:28" ht="20.25" customHeight="1" x14ac:dyDescent="0.15"/>
    <row r="13" spans="2:28" ht="3.75" customHeight="1" x14ac:dyDescent="0.15">
      <c r="B13" s="158"/>
      <c r="C13" s="157"/>
      <c r="D13" s="157"/>
      <c r="E13" s="157"/>
      <c r="F13" s="157"/>
      <c r="G13" s="157"/>
      <c r="H13" s="157"/>
      <c r="I13" s="157"/>
      <c r="J13" s="157"/>
      <c r="K13" s="157"/>
      <c r="L13" s="157"/>
      <c r="M13" s="157"/>
      <c r="N13" s="157"/>
      <c r="O13" s="157"/>
      <c r="P13" s="157"/>
      <c r="Q13" s="157"/>
      <c r="R13" s="157"/>
      <c r="S13" s="157"/>
      <c r="T13" s="156"/>
      <c r="U13" s="157"/>
      <c r="V13" s="157"/>
      <c r="W13" s="157"/>
      <c r="X13" s="157"/>
      <c r="Y13" s="156"/>
    </row>
    <row r="14" spans="2:28" ht="15" customHeight="1" x14ac:dyDescent="0.15">
      <c r="B14" s="9" t="s">
        <v>526</v>
      </c>
      <c r="T14" s="149"/>
      <c r="V14" s="152" t="s">
        <v>227</v>
      </c>
      <c r="W14" s="152" t="s">
        <v>217</v>
      </c>
      <c r="X14" s="152" t="s">
        <v>226</v>
      </c>
      <c r="Y14" s="149"/>
    </row>
    <row r="15" spans="2:28" ht="9" customHeight="1" x14ac:dyDescent="0.15">
      <c r="B15" s="9"/>
      <c r="T15" s="149"/>
      <c r="Y15" s="149"/>
    </row>
    <row r="16" spans="2:28" ht="72.75" customHeight="1" x14ac:dyDescent="0.15">
      <c r="B16" s="9"/>
      <c r="C16" s="923" t="s">
        <v>525</v>
      </c>
      <c r="D16" s="924"/>
      <c r="E16" s="925"/>
      <c r="F16" s="188" t="s">
        <v>279</v>
      </c>
      <c r="G16" s="806" t="s">
        <v>524</v>
      </c>
      <c r="H16" s="804"/>
      <c r="I16" s="804"/>
      <c r="J16" s="804"/>
      <c r="K16" s="804"/>
      <c r="L16" s="804"/>
      <c r="M16" s="804"/>
      <c r="N16" s="804"/>
      <c r="O16" s="804"/>
      <c r="P16" s="804"/>
      <c r="Q16" s="804"/>
      <c r="R16" s="804"/>
      <c r="S16" s="804"/>
      <c r="T16" s="150"/>
      <c r="V16" s="18" t="s">
        <v>0</v>
      </c>
      <c r="W16" s="18" t="s">
        <v>217</v>
      </c>
      <c r="X16" s="18" t="s">
        <v>0</v>
      </c>
      <c r="Y16" s="150"/>
    </row>
    <row r="17" spans="2:28" ht="45" customHeight="1" x14ac:dyDescent="0.15">
      <c r="B17" s="9"/>
      <c r="C17" s="926"/>
      <c r="D17" s="807"/>
      <c r="E17" s="927"/>
      <c r="F17" s="188" t="s">
        <v>277</v>
      </c>
      <c r="G17" s="806" t="s">
        <v>523</v>
      </c>
      <c r="H17" s="806"/>
      <c r="I17" s="806"/>
      <c r="J17" s="806"/>
      <c r="K17" s="806"/>
      <c r="L17" s="806"/>
      <c r="M17" s="806"/>
      <c r="N17" s="806"/>
      <c r="O17" s="806"/>
      <c r="P17" s="806"/>
      <c r="Q17" s="806"/>
      <c r="R17" s="806"/>
      <c r="S17" s="806"/>
      <c r="T17" s="238"/>
      <c r="V17" s="18" t="s">
        <v>0</v>
      </c>
      <c r="W17" s="18" t="s">
        <v>217</v>
      </c>
      <c r="X17" s="18" t="s">
        <v>0</v>
      </c>
      <c r="Y17" s="150"/>
    </row>
    <row r="18" spans="2:28" ht="24.75" customHeight="1" x14ac:dyDescent="0.15">
      <c r="B18" s="9"/>
      <c r="C18" s="926"/>
      <c r="D18" s="807"/>
      <c r="E18" s="927"/>
      <c r="F18" s="188" t="s">
        <v>293</v>
      </c>
      <c r="G18" s="806" t="s">
        <v>522</v>
      </c>
      <c r="H18" s="806"/>
      <c r="I18" s="806"/>
      <c r="J18" s="806"/>
      <c r="K18" s="806"/>
      <c r="L18" s="806"/>
      <c r="M18" s="806"/>
      <c r="N18" s="806"/>
      <c r="O18" s="806"/>
      <c r="P18" s="806"/>
      <c r="Q18" s="806"/>
      <c r="R18" s="806"/>
      <c r="S18" s="806"/>
      <c r="T18" s="238"/>
      <c r="V18" s="18" t="s">
        <v>0</v>
      </c>
      <c r="W18" s="18" t="s">
        <v>217</v>
      </c>
      <c r="X18" s="18" t="s">
        <v>0</v>
      </c>
      <c r="Y18" s="150"/>
    </row>
    <row r="19" spans="2:28" ht="41.25" customHeight="1" x14ac:dyDescent="0.15">
      <c r="B19" s="9"/>
      <c r="C19" s="928"/>
      <c r="D19" s="929"/>
      <c r="E19" s="930"/>
      <c r="F19" s="188" t="s">
        <v>513</v>
      </c>
      <c r="G19" s="806" t="s">
        <v>508</v>
      </c>
      <c r="H19" s="806"/>
      <c r="I19" s="806"/>
      <c r="J19" s="806"/>
      <c r="K19" s="806"/>
      <c r="L19" s="806"/>
      <c r="M19" s="806"/>
      <c r="N19" s="806"/>
      <c r="O19" s="806"/>
      <c r="P19" s="806"/>
      <c r="Q19" s="806"/>
      <c r="R19" s="806"/>
      <c r="S19" s="806"/>
      <c r="T19" s="238"/>
      <c r="V19" s="18" t="s">
        <v>0</v>
      </c>
      <c r="W19" s="18" t="s">
        <v>217</v>
      </c>
      <c r="X19" s="18" t="s">
        <v>0</v>
      </c>
      <c r="Y19" s="150"/>
    </row>
    <row r="20" spans="2:28" ht="18.75" customHeight="1" x14ac:dyDescent="0.15">
      <c r="B20" s="9"/>
      <c r="T20" s="149"/>
      <c r="Y20" s="149"/>
    </row>
    <row r="21" spans="2:28" ht="34.5" customHeight="1" x14ac:dyDescent="0.15">
      <c r="B21" s="9"/>
      <c r="C21" s="923" t="s">
        <v>521</v>
      </c>
      <c r="D21" s="924"/>
      <c r="E21" s="925"/>
      <c r="F21" s="188" t="s">
        <v>279</v>
      </c>
      <c r="G21" s="806" t="s">
        <v>520</v>
      </c>
      <c r="H21" s="806"/>
      <c r="I21" s="806"/>
      <c r="J21" s="806"/>
      <c r="K21" s="806"/>
      <c r="L21" s="806"/>
      <c r="M21" s="806"/>
      <c r="N21" s="806"/>
      <c r="O21" s="806"/>
      <c r="P21" s="806"/>
      <c r="Q21" s="806"/>
      <c r="R21" s="806"/>
      <c r="S21" s="806"/>
      <c r="T21" s="150"/>
      <c r="V21" s="18" t="s">
        <v>0</v>
      </c>
      <c r="W21" s="18" t="s">
        <v>217</v>
      </c>
      <c r="X21" s="18" t="s">
        <v>0</v>
      </c>
      <c r="Y21" s="150"/>
    </row>
    <row r="22" spans="2:28" ht="78" customHeight="1" x14ac:dyDescent="0.15">
      <c r="B22" s="9"/>
      <c r="C22" s="926"/>
      <c r="D22" s="807"/>
      <c r="E22" s="927"/>
      <c r="F22" s="188" t="s">
        <v>277</v>
      </c>
      <c r="G22" s="806" t="s">
        <v>519</v>
      </c>
      <c r="H22" s="806"/>
      <c r="I22" s="806"/>
      <c r="J22" s="806"/>
      <c r="K22" s="806"/>
      <c r="L22" s="806"/>
      <c r="M22" s="806"/>
      <c r="N22" s="806"/>
      <c r="O22" s="806"/>
      <c r="P22" s="806"/>
      <c r="Q22" s="806"/>
      <c r="R22" s="806"/>
      <c r="S22" s="806"/>
      <c r="T22" s="150"/>
      <c r="V22" s="18" t="s">
        <v>0</v>
      </c>
      <c r="W22" s="18" t="s">
        <v>217</v>
      </c>
      <c r="X22" s="18" t="s">
        <v>0</v>
      </c>
      <c r="Y22" s="150"/>
    </row>
    <row r="23" spans="2:28" ht="45.75" customHeight="1" x14ac:dyDescent="0.15">
      <c r="B23" s="9"/>
      <c r="C23" s="926"/>
      <c r="D23" s="807"/>
      <c r="E23" s="927"/>
      <c r="F23" s="188" t="s">
        <v>293</v>
      </c>
      <c r="G23" s="806" t="s">
        <v>514</v>
      </c>
      <c r="H23" s="806"/>
      <c r="I23" s="806"/>
      <c r="J23" s="806"/>
      <c r="K23" s="806"/>
      <c r="L23" s="806"/>
      <c r="M23" s="806"/>
      <c r="N23" s="806"/>
      <c r="O23" s="806"/>
      <c r="P23" s="806"/>
      <c r="Q23" s="806"/>
      <c r="R23" s="806"/>
      <c r="S23" s="806"/>
      <c r="T23" s="238"/>
      <c r="V23" s="18" t="s">
        <v>0</v>
      </c>
      <c r="W23" s="18" t="s">
        <v>217</v>
      </c>
      <c r="X23" s="18" t="s">
        <v>0</v>
      </c>
      <c r="Y23" s="150"/>
    </row>
    <row r="24" spans="2:28" ht="42.75" customHeight="1" x14ac:dyDescent="0.15">
      <c r="B24" s="9"/>
      <c r="C24" s="926"/>
      <c r="D24" s="807"/>
      <c r="E24" s="927"/>
      <c r="F24" s="188" t="s">
        <v>513</v>
      </c>
      <c r="G24" s="806" t="s">
        <v>512</v>
      </c>
      <c r="H24" s="806"/>
      <c r="I24" s="806"/>
      <c r="J24" s="806"/>
      <c r="K24" s="806"/>
      <c r="L24" s="806"/>
      <c r="M24" s="806"/>
      <c r="N24" s="806"/>
      <c r="O24" s="806"/>
      <c r="P24" s="806"/>
      <c r="Q24" s="806"/>
      <c r="R24" s="806"/>
      <c r="S24" s="806"/>
      <c r="T24" s="238"/>
      <c r="V24" s="18" t="s">
        <v>0</v>
      </c>
      <c r="W24" s="18" t="s">
        <v>217</v>
      </c>
      <c r="X24" s="18" t="s">
        <v>0</v>
      </c>
      <c r="Y24" s="150"/>
    </row>
    <row r="25" spans="2:28" ht="42" customHeight="1" x14ac:dyDescent="0.15">
      <c r="B25" s="9"/>
      <c r="C25" s="926"/>
      <c r="D25" s="807"/>
      <c r="E25" s="927"/>
      <c r="F25" s="188" t="s">
        <v>511</v>
      </c>
      <c r="G25" s="806" t="s">
        <v>518</v>
      </c>
      <c r="H25" s="806"/>
      <c r="I25" s="806"/>
      <c r="J25" s="806"/>
      <c r="K25" s="806"/>
      <c r="L25" s="806"/>
      <c r="M25" s="806"/>
      <c r="N25" s="806"/>
      <c r="O25" s="806"/>
      <c r="P25" s="806"/>
      <c r="Q25" s="806"/>
      <c r="R25" s="806"/>
      <c r="S25" s="806"/>
      <c r="T25" s="238"/>
      <c r="V25" s="18" t="s">
        <v>0</v>
      </c>
      <c r="W25" s="18" t="s">
        <v>217</v>
      </c>
      <c r="X25" s="18" t="s">
        <v>0</v>
      </c>
      <c r="Y25" s="150"/>
      <c r="Z25"/>
      <c r="AA25"/>
      <c r="AB25"/>
    </row>
    <row r="26" spans="2:28" ht="51" customHeight="1" x14ac:dyDescent="0.15">
      <c r="B26" s="9"/>
      <c r="C26" s="928"/>
      <c r="D26" s="929"/>
      <c r="E26" s="930"/>
      <c r="F26" s="188" t="s">
        <v>509</v>
      </c>
      <c r="G26" s="806" t="s">
        <v>508</v>
      </c>
      <c r="H26" s="806"/>
      <c r="I26" s="806"/>
      <c r="J26" s="806"/>
      <c r="K26" s="806"/>
      <c r="L26" s="806"/>
      <c r="M26" s="806"/>
      <c r="N26" s="806"/>
      <c r="O26" s="806"/>
      <c r="P26" s="806"/>
      <c r="Q26" s="806"/>
      <c r="R26" s="806"/>
      <c r="S26" s="806"/>
      <c r="T26" s="238"/>
      <c r="V26" s="18" t="s">
        <v>0</v>
      </c>
      <c r="W26" s="18" t="s">
        <v>217</v>
      </c>
      <c r="X26" s="18" t="s">
        <v>0</v>
      </c>
      <c r="Y26" s="150"/>
      <c r="Z26"/>
      <c r="AA26"/>
      <c r="AB26"/>
    </row>
    <row r="27" spans="2:28" ht="16.5" customHeight="1" x14ac:dyDescent="0.15">
      <c r="B27" s="9"/>
      <c r="T27" s="149"/>
      <c r="Y27" s="149"/>
    </row>
    <row r="28" spans="2:28" ht="27" customHeight="1" x14ac:dyDescent="0.15">
      <c r="B28" s="9"/>
      <c r="C28" s="923" t="s">
        <v>517</v>
      </c>
      <c r="D28" s="924"/>
      <c r="E28" s="925"/>
      <c r="F28" s="188" t="s">
        <v>279</v>
      </c>
      <c r="G28" s="804" t="s">
        <v>516</v>
      </c>
      <c r="H28" s="804"/>
      <c r="I28" s="804"/>
      <c r="J28" s="804"/>
      <c r="K28" s="804"/>
      <c r="L28" s="804"/>
      <c r="M28" s="804"/>
      <c r="N28" s="804"/>
      <c r="O28" s="804"/>
      <c r="P28" s="804"/>
      <c r="Q28" s="804"/>
      <c r="R28" s="804"/>
      <c r="S28" s="804"/>
      <c r="T28" s="150"/>
      <c r="V28" s="18" t="s">
        <v>0</v>
      </c>
      <c r="W28" s="18" t="s">
        <v>217</v>
      </c>
      <c r="X28" s="18" t="s">
        <v>0</v>
      </c>
      <c r="Y28" s="150"/>
    </row>
    <row r="29" spans="2:28" ht="24.75" customHeight="1" x14ac:dyDescent="0.15">
      <c r="B29" s="9"/>
      <c r="C29" s="926"/>
      <c r="D29" s="807"/>
      <c r="E29" s="927"/>
      <c r="F29" s="188" t="s">
        <v>277</v>
      </c>
      <c r="G29" s="804" t="s">
        <v>515</v>
      </c>
      <c r="H29" s="804"/>
      <c r="I29" s="804"/>
      <c r="J29" s="804"/>
      <c r="K29" s="804"/>
      <c r="L29" s="804"/>
      <c r="M29" s="804"/>
      <c r="N29" s="804"/>
      <c r="O29" s="804"/>
      <c r="P29" s="804"/>
      <c r="Q29" s="804"/>
      <c r="R29" s="804"/>
      <c r="S29" s="804"/>
      <c r="T29" s="150"/>
      <c r="V29" s="18" t="s">
        <v>0</v>
      </c>
      <c r="W29" s="18" t="s">
        <v>217</v>
      </c>
      <c r="X29" s="18" t="s">
        <v>0</v>
      </c>
      <c r="Y29" s="150"/>
    </row>
    <row r="30" spans="2:28" ht="45" customHeight="1" x14ac:dyDescent="0.15">
      <c r="B30" s="9"/>
      <c r="C30" s="926"/>
      <c r="D30" s="807"/>
      <c r="E30" s="927"/>
      <c r="F30" s="188" t="s">
        <v>293</v>
      </c>
      <c r="G30" s="806" t="s">
        <v>514</v>
      </c>
      <c r="H30" s="806"/>
      <c r="I30" s="806"/>
      <c r="J30" s="806"/>
      <c r="K30" s="806"/>
      <c r="L30" s="806"/>
      <c r="M30" s="806"/>
      <c r="N30" s="806"/>
      <c r="O30" s="806"/>
      <c r="P30" s="806"/>
      <c r="Q30" s="806"/>
      <c r="R30" s="806"/>
      <c r="S30" s="806"/>
      <c r="T30" s="238"/>
      <c r="V30" s="18" t="s">
        <v>0</v>
      </c>
      <c r="W30" s="18" t="s">
        <v>217</v>
      </c>
      <c r="X30" s="18" t="s">
        <v>0</v>
      </c>
      <c r="Y30" s="150"/>
    </row>
    <row r="31" spans="2:28" ht="40.5" customHeight="1" x14ac:dyDescent="0.15">
      <c r="B31" s="9"/>
      <c r="C31" s="926"/>
      <c r="D31" s="807"/>
      <c r="E31" s="927"/>
      <c r="F31" s="188" t="s">
        <v>513</v>
      </c>
      <c r="G31" s="806" t="s">
        <v>512</v>
      </c>
      <c r="H31" s="806"/>
      <c r="I31" s="806"/>
      <c r="J31" s="806"/>
      <c r="K31" s="806"/>
      <c r="L31" s="806"/>
      <c r="M31" s="806"/>
      <c r="N31" s="806"/>
      <c r="O31" s="806"/>
      <c r="P31" s="806"/>
      <c r="Q31" s="806"/>
      <c r="R31" s="806"/>
      <c r="S31" s="806"/>
      <c r="T31" s="238"/>
      <c r="V31" s="18" t="s">
        <v>0</v>
      </c>
      <c r="W31" s="18" t="s">
        <v>217</v>
      </c>
      <c r="X31" s="18" t="s">
        <v>0</v>
      </c>
      <c r="Y31" s="150"/>
    </row>
    <row r="32" spans="2:28" ht="41.25" customHeight="1" x14ac:dyDescent="0.15">
      <c r="B32" s="9"/>
      <c r="C32" s="926"/>
      <c r="D32" s="807"/>
      <c r="E32" s="927"/>
      <c r="F32" s="188" t="s">
        <v>511</v>
      </c>
      <c r="G32" s="806" t="s">
        <v>510</v>
      </c>
      <c r="H32" s="806"/>
      <c r="I32" s="806"/>
      <c r="J32" s="806"/>
      <c r="K32" s="806"/>
      <c r="L32" s="806"/>
      <c r="M32" s="806"/>
      <c r="N32" s="806"/>
      <c r="O32" s="806"/>
      <c r="P32" s="806"/>
      <c r="Q32" s="806"/>
      <c r="R32" s="806"/>
      <c r="S32" s="806"/>
      <c r="T32" s="238"/>
      <c r="V32" s="18" t="s">
        <v>0</v>
      </c>
      <c r="W32" s="18" t="s">
        <v>217</v>
      </c>
      <c r="X32" s="18" t="s">
        <v>0</v>
      </c>
      <c r="Y32" s="150"/>
      <c r="Z32"/>
      <c r="AA32"/>
      <c r="AB32"/>
    </row>
    <row r="33" spans="2:28" ht="45" customHeight="1" x14ac:dyDescent="0.15">
      <c r="B33" s="9"/>
      <c r="C33" s="928"/>
      <c r="D33" s="929"/>
      <c r="E33" s="930"/>
      <c r="F33" s="188" t="s">
        <v>509</v>
      </c>
      <c r="G33" s="806" t="s">
        <v>508</v>
      </c>
      <c r="H33" s="806"/>
      <c r="I33" s="806"/>
      <c r="J33" s="806"/>
      <c r="K33" s="806"/>
      <c r="L33" s="806"/>
      <c r="M33" s="806"/>
      <c r="N33" s="806"/>
      <c r="O33" s="806"/>
      <c r="P33" s="806"/>
      <c r="Q33" s="806"/>
      <c r="R33" s="806"/>
      <c r="S33" s="806"/>
      <c r="T33" s="238"/>
      <c r="V33" s="18" t="s">
        <v>0</v>
      </c>
      <c r="W33" s="18" t="s">
        <v>217</v>
      </c>
      <c r="X33" s="18" t="s">
        <v>0</v>
      </c>
      <c r="Y33" s="150"/>
      <c r="Z33"/>
      <c r="AA33"/>
      <c r="AB33"/>
    </row>
    <row r="34" spans="2:28" ht="17.25" customHeight="1" x14ac:dyDescent="0.15">
      <c r="B34" s="173"/>
      <c r="C34" s="172"/>
      <c r="D34" s="172"/>
      <c r="E34" s="172"/>
      <c r="F34" s="172"/>
      <c r="G34" s="172"/>
      <c r="H34" s="172"/>
      <c r="I34" s="172"/>
      <c r="J34" s="172"/>
      <c r="K34" s="172"/>
      <c r="L34" s="172"/>
      <c r="M34" s="172"/>
      <c r="N34" s="172"/>
      <c r="O34" s="172"/>
      <c r="P34" s="172"/>
      <c r="Q34" s="172"/>
      <c r="R34" s="172"/>
      <c r="S34" s="172"/>
      <c r="T34" s="171"/>
      <c r="U34" s="172"/>
      <c r="V34" s="172"/>
      <c r="W34" s="172"/>
      <c r="X34" s="172"/>
      <c r="Y34" s="171"/>
    </row>
    <row r="36" spans="2:28" x14ac:dyDescent="0.15">
      <c r="B36" s="8" t="s">
        <v>507</v>
      </c>
    </row>
    <row r="37" spans="2:28" x14ac:dyDescent="0.15">
      <c r="B37" s="8" t="s">
        <v>506</v>
      </c>
      <c r="K37"/>
      <c r="L37"/>
      <c r="M37"/>
      <c r="N37"/>
      <c r="O37"/>
      <c r="P37"/>
      <c r="Q37"/>
      <c r="R37"/>
      <c r="S37"/>
      <c r="T37"/>
      <c r="U37"/>
      <c r="V37"/>
      <c r="W37"/>
      <c r="X37"/>
      <c r="Y37"/>
    </row>
    <row r="122" spans="3:7" x14ac:dyDescent="0.15">
      <c r="C122" s="172"/>
      <c r="D122" s="172"/>
      <c r="E122" s="172"/>
      <c r="F122" s="172"/>
      <c r="G122" s="172"/>
    </row>
    <row r="123" spans="3:7" x14ac:dyDescent="0.15">
      <c r="C123" s="157"/>
    </row>
  </sheetData>
  <mergeCells count="25">
    <mergeCell ref="B9:F11"/>
    <mergeCell ref="B4:Y4"/>
    <mergeCell ref="B5:Y5"/>
    <mergeCell ref="B7:F7"/>
    <mergeCell ref="G7:Y7"/>
    <mergeCell ref="B8:F8"/>
    <mergeCell ref="C16:E19"/>
    <mergeCell ref="G16:S16"/>
    <mergeCell ref="G17:S17"/>
    <mergeCell ref="G18:S18"/>
    <mergeCell ref="G19:S19"/>
    <mergeCell ref="G25:S25"/>
    <mergeCell ref="G26:S26"/>
    <mergeCell ref="C28:E33"/>
    <mergeCell ref="G28:S28"/>
    <mergeCell ref="G29:S29"/>
    <mergeCell ref="G30:S30"/>
    <mergeCell ref="G31:S31"/>
    <mergeCell ref="G32:S32"/>
    <mergeCell ref="G33:S33"/>
    <mergeCell ref="C21:E26"/>
    <mergeCell ref="G21:S21"/>
    <mergeCell ref="G22:S22"/>
    <mergeCell ref="G23:S23"/>
    <mergeCell ref="G24:S24"/>
  </mergeCells>
  <phoneticPr fontId="2"/>
  <dataValidations count="1">
    <dataValidation type="list" allowBlank="1" showInputMessage="1" showErrorMessage="1" sqref="X28:X33 V16:V19 G8:G11 Q8 L8 X21:X26 X16:X19 V28:V33 V21:V26">
      <formula1>"□,■"</formula1>
    </dataValidation>
  </dataValidations>
  <pageMargins left="0.70866141732283472" right="0.70866141732283472" top="0.74803149606299213" bottom="0.74803149606299213" header="0.31496062992125984" footer="0.31496062992125984"/>
  <pageSetup paperSize="9" scale="77" orientation="portrait" r:id="rId1"/>
  <rowBreaks count="1" manualBreakCount="1">
    <brk id="38" max="24" man="1"/>
  </rowBreaks>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AE123"/>
  <sheetViews>
    <sheetView zoomScaleNormal="100" zoomScaleSheetLayoutView="70" workbookViewId="0">
      <selection activeCell="C87" sqref="C87"/>
    </sheetView>
  </sheetViews>
  <sheetFormatPr defaultColWidth="3.5" defaultRowHeight="13.5" x14ac:dyDescent="0.15"/>
  <cols>
    <col min="1" max="1" width="1.25" style="3" customWidth="1"/>
    <col min="2" max="2" width="3.125" style="140" customWidth="1"/>
    <col min="3" max="26" width="3.125" style="3" customWidth="1"/>
    <col min="27" max="29" width="3.25" style="3" customWidth="1"/>
    <col min="30" max="30" width="3.125" style="3" customWidth="1"/>
    <col min="31" max="31" width="1.25" style="3" customWidth="1"/>
    <col min="32" max="16384" width="3.5" style="3"/>
  </cols>
  <sheetData>
    <row r="1" spans="2:30" s="8" customFormat="1" x14ac:dyDescent="0.15"/>
    <row r="2" spans="2:30" s="8" customFormat="1" x14ac:dyDescent="0.15">
      <c r="B2" s="8" t="s">
        <v>579</v>
      </c>
    </row>
    <row r="3" spans="2:30" s="8" customFormat="1" x14ac:dyDescent="0.15">
      <c r="U3" s="17" t="s">
        <v>12</v>
      </c>
      <c r="V3" s="778"/>
      <c r="W3" s="778"/>
      <c r="X3" s="17" t="s">
        <v>11</v>
      </c>
      <c r="Y3" s="778"/>
      <c r="Z3" s="778"/>
      <c r="AA3" s="17" t="s">
        <v>10</v>
      </c>
      <c r="AB3" s="778"/>
      <c r="AC3" s="778"/>
      <c r="AD3" s="17" t="s">
        <v>20</v>
      </c>
    </row>
    <row r="4" spans="2:30" s="8" customFormat="1" x14ac:dyDescent="0.15">
      <c r="AD4" s="17"/>
    </row>
    <row r="5" spans="2:30" s="8" customFormat="1" x14ac:dyDescent="0.15">
      <c r="B5" s="778" t="s">
        <v>578</v>
      </c>
      <c r="C5" s="778"/>
      <c r="D5" s="778"/>
      <c r="E5" s="778"/>
      <c r="F5" s="778"/>
      <c r="G5" s="778"/>
      <c r="H5" s="778"/>
      <c r="I5" s="778"/>
      <c r="J5" s="778"/>
      <c r="K5" s="778"/>
      <c r="L5" s="778"/>
      <c r="M5" s="778"/>
      <c r="N5" s="778"/>
      <c r="O5" s="778"/>
      <c r="P5" s="778"/>
      <c r="Q5" s="778"/>
      <c r="R5" s="778"/>
      <c r="S5" s="778"/>
      <c r="T5" s="778"/>
      <c r="U5" s="778"/>
      <c r="V5" s="778"/>
      <c r="W5" s="778"/>
      <c r="X5" s="778"/>
      <c r="Y5" s="778"/>
      <c r="Z5" s="778"/>
      <c r="AA5" s="778"/>
      <c r="AB5" s="778"/>
      <c r="AC5" s="778"/>
      <c r="AD5" s="778"/>
    </row>
    <row r="6" spans="2:30" s="8" customFormat="1" x14ac:dyDescent="0.15">
      <c r="B6" s="778" t="s">
        <v>577</v>
      </c>
      <c r="C6" s="778"/>
      <c r="D6" s="778"/>
      <c r="E6" s="778"/>
      <c r="F6" s="778"/>
      <c r="G6" s="778"/>
      <c r="H6" s="778"/>
      <c r="I6" s="778"/>
      <c r="J6" s="778"/>
      <c r="K6" s="778"/>
      <c r="L6" s="778"/>
      <c r="M6" s="778"/>
      <c r="N6" s="778"/>
      <c r="O6" s="778"/>
      <c r="P6" s="778"/>
      <c r="Q6" s="778"/>
      <c r="R6" s="778"/>
      <c r="S6" s="778"/>
      <c r="T6" s="778"/>
      <c r="U6" s="778"/>
      <c r="V6" s="778"/>
      <c r="W6" s="778"/>
      <c r="X6" s="778"/>
      <c r="Y6" s="778"/>
      <c r="Z6" s="778"/>
      <c r="AA6" s="778"/>
      <c r="AB6" s="778"/>
      <c r="AC6" s="778"/>
      <c r="AD6" s="778"/>
    </row>
    <row r="7" spans="2:30" s="8" customFormat="1" x14ac:dyDescent="0.15"/>
    <row r="8" spans="2:30" s="8" customFormat="1" ht="21" customHeight="1" x14ac:dyDescent="0.15">
      <c r="B8" s="804" t="s">
        <v>576</v>
      </c>
      <c r="C8" s="804"/>
      <c r="D8" s="804"/>
      <c r="E8" s="804"/>
      <c r="F8" s="791"/>
      <c r="G8" s="954"/>
      <c r="H8" s="955"/>
      <c r="I8" s="955"/>
      <c r="J8" s="955"/>
      <c r="K8" s="955"/>
      <c r="L8" s="955"/>
      <c r="M8" s="955"/>
      <c r="N8" s="955"/>
      <c r="O8" s="955"/>
      <c r="P8" s="955"/>
      <c r="Q8" s="955"/>
      <c r="R8" s="955"/>
      <c r="S8" s="955"/>
      <c r="T8" s="955"/>
      <c r="U8" s="955"/>
      <c r="V8" s="955"/>
      <c r="W8" s="955"/>
      <c r="X8" s="955"/>
      <c r="Y8" s="955"/>
      <c r="Z8" s="955"/>
      <c r="AA8" s="955"/>
      <c r="AB8" s="955"/>
      <c r="AC8" s="955"/>
      <c r="AD8" s="956"/>
    </row>
    <row r="9" spans="2:30" ht="21" customHeight="1" x14ac:dyDescent="0.15">
      <c r="B9" s="791" t="s">
        <v>575</v>
      </c>
      <c r="C9" s="792"/>
      <c r="D9" s="792"/>
      <c r="E9" s="792"/>
      <c r="F9" s="793"/>
      <c r="G9" s="180" t="s">
        <v>0</v>
      </c>
      <c r="H9" s="168" t="s">
        <v>242</v>
      </c>
      <c r="I9" s="168"/>
      <c r="J9" s="168"/>
      <c r="K9" s="168"/>
      <c r="L9" s="179" t="s">
        <v>0</v>
      </c>
      <c r="M9" s="168" t="s">
        <v>241</v>
      </c>
      <c r="N9" s="168"/>
      <c r="O9" s="168"/>
      <c r="P9" s="168"/>
      <c r="Q9" s="179" t="s">
        <v>0</v>
      </c>
      <c r="R9" s="168" t="s">
        <v>240</v>
      </c>
      <c r="S9" s="287"/>
      <c r="T9" s="287"/>
      <c r="U9" s="287"/>
      <c r="V9" s="287"/>
      <c r="W9" s="287"/>
      <c r="X9" s="287"/>
      <c r="Y9" s="287"/>
      <c r="Z9" s="287"/>
      <c r="AA9" s="287"/>
      <c r="AB9" s="287"/>
      <c r="AC9" s="287"/>
      <c r="AD9" s="286"/>
    </row>
    <row r="10" spans="2:30" ht="21" customHeight="1" x14ac:dyDescent="0.15">
      <c r="B10" s="906" t="s">
        <v>574</v>
      </c>
      <c r="C10" s="907"/>
      <c r="D10" s="907"/>
      <c r="E10" s="907"/>
      <c r="F10" s="908"/>
      <c r="G10" s="285" t="s">
        <v>0</v>
      </c>
      <c r="H10" s="157" t="s">
        <v>573</v>
      </c>
      <c r="I10" s="166"/>
      <c r="J10" s="166"/>
      <c r="K10" s="166"/>
      <c r="L10" s="166"/>
      <c r="M10" s="166"/>
      <c r="N10" s="166"/>
      <c r="O10" s="166"/>
      <c r="P10" s="166"/>
      <c r="Q10" s="166"/>
      <c r="R10" s="284" t="s">
        <v>0</v>
      </c>
      <c r="S10" s="157" t="s">
        <v>572</v>
      </c>
      <c r="T10" s="283"/>
      <c r="U10" s="283"/>
      <c r="V10" s="283"/>
      <c r="W10" s="283"/>
      <c r="X10" s="283"/>
      <c r="Y10" s="283"/>
      <c r="Z10" s="283"/>
      <c r="AA10" s="283"/>
      <c r="AB10" s="283"/>
      <c r="AC10" s="283"/>
      <c r="AD10" s="282"/>
    </row>
    <row r="11" spans="2:30" ht="21" customHeight="1" x14ac:dyDescent="0.15">
      <c r="B11" s="909"/>
      <c r="C11" s="910"/>
      <c r="D11" s="910"/>
      <c r="E11" s="910"/>
      <c r="F11" s="911"/>
      <c r="G11" s="192" t="s">
        <v>0</v>
      </c>
      <c r="H11" s="172" t="s">
        <v>571</v>
      </c>
      <c r="I11" s="162"/>
      <c r="J11" s="162"/>
      <c r="K11" s="162"/>
      <c r="L11" s="162"/>
      <c r="M11" s="162"/>
      <c r="N11" s="162"/>
      <c r="O11" s="162"/>
      <c r="P11" s="162"/>
      <c r="Q11" s="162"/>
      <c r="R11" s="162"/>
      <c r="S11" s="281"/>
      <c r="T11" s="281"/>
      <c r="U11" s="281"/>
      <c r="V11" s="281"/>
      <c r="W11" s="281"/>
      <c r="X11" s="281"/>
      <c r="Y11" s="281"/>
      <c r="Z11" s="281"/>
      <c r="AA11" s="281"/>
      <c r="AB11" s="281"/>
      <c r="AC11" s="281"/>
      <c r="AD11" s="280"/>
    </row>
    <row r="12" spans="2:30" ht="21" customHeight="1" x14ac:dyDescent="0.15">
      <c r="B12" s="906" t="s">
        <v>570</v>
      </c>
      <c r="C12" s="907"/>
      <c r="D12" s="907"/>
      <c r="E12" s="907"/>
      <c r="F12" s="908"/>
      <c r="G12" s="285" t="s">
        <v>0</v>
      </c>
      <c r="H12" s="157" t="s">
        <v>569</v>
      </c>
      <c r="I12" s="166"/>
      <c r="J12" s="166"/>
      <c r="K12" s="166"/>
      <c r="L12" s="166"/>
      <c r="M12" s="166"/>
      <c r="N12" s="166"/>
      <c r="O12" s="166"/>
      <c r="P12" s="166"/>
      <c r="Q12" s="166"/>
      <c r="R12" s="166"/>
      <c r="S12" s="284" t="s">
        <v>0</v>
      </c>
      <c r="T12" s="157" t="s">
        <v>568</v>
      </c>
      <c r="U12" s="283"/>
      <c r="V12" s="283"/>
      <c r="W12" s="283"/>
      <c r="X12" s="283"/>
      <c r="Y12" s="283"/>
      <c r="Z12" s="283"/>
      <c r="AA12" s="283"/>
      <c r="AB12" s="283"/>
      <c r="AC12" s="283"/>
      <c r="AD12" s="282"/>
    </row>
    <row r="13" spans="2:30" ht="21" customHeight="1" x14ac:dyDescent="0.15">
      <c r="B13" s="909"/>
      <c r="C13" s="910"/>
      <c r="D13" s="910"/>
      <c r="E13" s="910"/>
      <c r="F13" s="911"/>
      <c r="G13" s="192" t="s">
        <v>0</v>
      </c>
      <c r="H13" s="172" t="s">
        <v>567</v>
      </c>
      <c r="I13" s="162"/>
      <c r="J13" s="162"/>
      <c r="K13" s="162"/>
      <c r="L13" s="162"/>
      <c r="M13" s="162"/>
      <c r="N13" s="162"/>
      <c r="O13" s="162"/>
      <c r="P13" s="162"/>
      <c r="Q13" s="162"/>
      <c r="R13" s="162"/>
      <c r="S13" s="281"/>
      <c r="T13" s="281"/>
      <c r="U13" s="281"/>
      <c r="V13" s="281"/>
      <c r="W13" s="281"/>
      <c r="X13" s="281"/>
      <c r="Y13" s="281"/>
      <c r="Z13" s="281"/>
      <c r="AA13" s="281"/>
      <c r="AB13" s="281"/>
      <c r="AC13" s="281"/>
      <c r="AD13" s="280"/>
    </row>
    <row r="14" spans="2:30" s="8" customFormat="1" ht="6" customHeight="1" x14ac:dyDescent="0.15"/>
    <row r="15" spans="2:30" s="8" customFormat="1" x14ac:dyDescent="0.15">
      <c r="B15" s="937" t="s">
        <v>566</v>
      </c>
      <c r="C15" s="938"/>
      <c r="D15" s="938"/>
      <c r="E15" s="938"/>
      <c r="F15" s="939"/>
      <c r="G15" s="942"/>
      <c r="H15" s="943"/>
      <c r="I15" s="943"/>
      <c r="J15" s="943"/>
      <c r="K15" s="943"/>
      <c r="L15" s="943"/>
      <c r="M15" s="943"/>
      <c r="N15" s="943"/>
      <c r="O15" s="943"/>
      <c r="P15" s="943"/>
      <c r="Q15" s="943"/>
      <c r="R15" s="943"/>
      <c r="S15" s="943"/>
      <c r="T15" s="943"/>
      <c r="U15" s="943"/>
      <c r="V15" s="943"/>
      <c r="W15" s="943"/>
      <c r="X15" s="943"/>
      <c r="Y15" s="944"/>
      <c r="Z15" s="279"/>
      <c r="AA15" s="278" t="s">
        <v>227</v>
      </c>
      <c r="AB15" s="278" t="s">
        <v>217</v>
      </c>
      <c r="AC15" s="278" t="s">
        <v>226</v>
      </c>
      <c r="AD15" s="251"/>
    </row>
    <row r="16" spans="2:30" s="8" customFormat="1" ht="27" customHeight="1" x14ac:dyDescent="0.15">
      <c r="B16" s="822"/>
      <c r="C16" s="789"/>
      <c r="D16" s="789"/>
      <c r="E16" s="789"/>
      <c r="F16" s="805"/>
      <c r="G16" s="945" t="s">
        <v>565</v>
      </c>
      <c r="H16" s="946"/>
      <c r="I16" s="946"/>
      <c r="J16" s="946"/>
      <c r="K16" s="946"/>
      <c r="L16" s="946"/>
      <c r="M16" s="946"/>
      <c r="N16" s="946"/>
      <c r="O16" s="946"/>
      <c r="P16" s="946"/>
      <c r="Q16" s="946"/>
      <c r="R16" s="946"/>
      <c r="S16" s="946"/>
      <c r="T16" s="946"/>
      <c r="U16" s="946"/>
      <c r="V16" s="946"/>
      <c r="W16" s="946"/>
      <c r="X16" s="946"/>
      <c r="Y16" s="947"/>
      <c r="Z16" s="20"/>
      <c r="AA16" s="178" t="s">
        <v>0</v>
      </c>
      <c r="AB16" s="178" t="s">
        <v>217</v>
      </c>
      <c r="AC16" s="178" t="s">
        <v>0</v>
      </c>
      <c r="AD16" s="150"/>
    </row>
    <row r="17" spans="2:30" s="8" customFormat="1" ht="27" customHeight="1" x14ac:dyDescent="0.15">
      <c r="B17" s="822"/>
      <c r="C17" s="789"/>
      <c r="D17" s="789"/>
      <c r="E17" s="789"/>
      <c r="F17" s="805"/>
      <c r="G17" s="948" t="s">
        <v>564</v>
      </c>
      <c r="H17" s="949"/>
      <c r="I17" s="949"/>
      <c r="J17" s="949"/>
      <c r="K17" s="949"/>
      <c r="L17" s="949"/>
      <c r="M17" s="949"/>
      <c r="N17" s="949"/>
      <c r="O17" s="949"/>
      <c r="P17" s="949"/>
      <c r="Q17" s="949"/>
      <c r="R17" s="949"/>
      <c r="S17" s="949"/>
      <c r="T17" s="949"/>
      <c r="U17" s="949"/>
      <c r="V17" s="949"/>
      <c r="W17" s="949"/>
      <c r="X17" s="949"/>
      <c r="Y17" s="950"/>
      <c r="Z17" s="20"/>
      <c r="AA17" s="178" t="s">
        <v>0</v>
      </c>
      <c r="AB17" s="178" t="s">
        <v>217</v>
      </c>
      <c r="AC17" s="178" t="s">
        <v>0</v>
      </c>
      <c r="AD17" s="150"/>
    </row>
    <row r="18" spans="2:30" s="8" customFormat="1" ht="27" customHeight="1" x14ac:dyDescent="0.15">
      <c r="B18" s="940"/>
      <c r="C18" s="779"/>
      <c r="D18" s="779"/>
      <c r="E18" s="779"/>
      <c r="F18" s="941"/>
      <c r="G18" s="951" t="s">
        <v>563</v>
      </c>
      <c r="H18" s="952"/>
      <c r="I18" s="952"/>
      <c r="J18" s="952"/>
      <c r="K18" s="952"/>
      <c r="L18" s="952"/>
      <c r="M18" s="952"/>
      <c r="N18" s="952"/>
      <c r="O18" s="952"/>
      <c r="P18" s="952"/>
      <c r="Q18" s="952"/>
      <c r="R18" s="952"/>
      <c r="S18" s="952"/>
      <c r="T18" s="952"/>
      <c r="U18" s="952"/>
      <c r="V18" s="952"/>
      <c r="W18" s="952"/>
      <c r="X18" s="952"/>
      <c r="Y18" s="953"/>
      <c r="Z18" s="277"/>
      <c r="AA18" s="191" t="s">
        <v>0</v>
      </c>
      <c r="AB18" s="191" t="s">
        <v>217</v>
      </c>
      <c r="AC18" s="191" t="s">
        <v>0</v>
      </c>
      <c r="AD18" s="276"/>
    </row>
    <row r="19" spans="2:30" s="8" customFormat="1" ht="6" customHeight="1" x14ac:dyDescent="0.15">
      <c r="B19" s="154"/>
      <c r="C19" s="154"/>
      <c r="D19" s="154"/>
      <c r="E19" s="154"/>
      <c r="F19" s="154"/>
      <c r="G19" s="235"/>
      <c r="H19" s="235"/>
      <c r="I19" s="235"/>
      <c r="J19" s="235"/>
      <c r="K19" s="235"/>
      <c r="L19" s="235"/>
      <c r="M19" s="235"/>
      <c r="N19" s="235"/>
      <c r="O19" s="235"/>
      <c r="P19" s="235"/>
      <c r="Q19" s="235"/>
      <c r="R19" s="235"/>
      <c r="S19" s="235"/>
      <c r="T19" s="235"/>
      <c r="U19" s="235"/>
      <c r="V19" s="235"/>
      <c r="W19" s="235"/>
      <c r="X19" s="235"/>
      <c r="Y19" s="235"/>
      <c r="Z19" s="183"/>
      <c r="AA19" s="183"/>
      <c r="AB19" s="183"/>
      <c r="AC19" s="183"/>
      <c r="AD19" s="183"/>
    </row>
    <row r="20" spans="2:30" s="8" customFormat="1" x14ac:dyDescent="0.15">
      <c r="B20" s="8" t="s">
        <v>562</v>
      </c>
      <c r="C20" s="154"/>
      <c r="D20" s="154"/>
      <c r="E20" s="154"/>
      <c r="F20" s="154"/>
      <c r="G20" s="235"/>
      <c r="H20" s="235"/>
      <c r="I20" s="235"/>
      <c r="J20" s="235"/>
      <c r="K20" s="235"/>
      <c r="L20" s="235"/>
      <c r="M20" s="235"/>
      <c r="N20" s="235"/>
      <c r="O20" s="235"/>
      <c r="P20" s="235"/>
      <c r="Q20" s="235"/>
      <c r="R20" s="235"/>
      <c r="S20" s="235"/>
      <c r="T20" s="235"/>
      <c r="U20" s="235"/>
      <c r="V20" s="235"/>
      <c r="W20" s="235"/>
      <c r="X20" s="235"/>
      <c r="Y20" s="235"/>
      <c r="Z20" s="183"/>
      <c r="AA20" s="183"/>
      <c r="AB20" s="183"/>
      <c r="AC20" s="183"/>
      <c r="AD20" s="183"/>
    </row>
    <row r="21" spans="2:30" s="8" customFormat="1" x14ac:dyDescent="0.15">
      <c r="B21" s="8" t="s">
        <v>561</v>
      </c>
      <c r="AC21" s="16"/>
      <c r="AD21" s="16"/>
    </row>
    <row r="22" spans="2:30" s="8" customFormat="1" ht="3.75" customHeight="1" x14ac:dyDescent="0.15"/>
    <row r="23" spans="2:30" s="8" customFormat="1" ht="2.25" customHeight="1" x14ac:dyDescent="0.15">
      <c r="B23" s="923" t="s">
        <v>553</v>
      </c>
      <c r="C23" s="924"/>
      <c r="D23" s="924"/>
      <c r="E23" s="924"/>
      <c r="F23" s="925"/>
      <c r="G23" s="158"/>
      <c r="H23" s="157"/>
      <c r="I23" s="157"/>
      <c r="J23" s="157"/>
      <c r="K23" s="157"/>
      <c r="L23" s="157"/>
      <c r="M23" s="157"/>
      <c r="N23" s="157"/>
      <c r="O23" s="157"/>
      <c r="P23" s="157"/>
      <c r="Q23" s="157"/>
      <c r="R23" s="157"/>
      <c r="S23" s="157"/>
      <c r="T23" s="157"/>
      <c r="U23" s="157"/>
      <c r="V23" s="157"/>
      <c r="W23" s="157"/>
      <c r="X23" s="157"/>
      <c r="Y23" s="157"/>
      <c r="Z23" s="158"/>
      <c r="AA23" s="157"/>
      <c r="AB23" s="157"/>
      <c r="AC23" s="166"/>
      <c r="AD23" s="251"/>
    </row>
    <row r="24" spans="2:30" s="8" customFormat="1" ht="13.5" customHeight="1" x14ac:dyDescent="0.15">
      <c r="B24" s="926"/>
      <c r="C24" s="807"/>
      <c r="D24" s="807"/>
      <c r="E24" s="807"/>
      <c r="F24" s="927"/>
      <c r="G24" s="9"/>
      <c r="H24" s="8" t="s">
        <v>546</v>
      </c>
      <c r="Z24" s="9"/>
      <c r="AA24" s="152" t="s">
        <v>227</v>
      </c>
      <c r="AB24" s="152" t="s">
        <v>217</v>
      </c>
      <c r="AC24" s="152" t="s">
        <v>226</v>
      </c>
      <c r="AD24" s="270"/>
    </row>
    <row r="25" spans="2:30" s="8" customFormat="1" ht="15.75" customHeight="1" x14ac:dyDescent="0.15">
      <c r="B25" s="926"/>
      <c r="C25" s="807"/>
      <c r="D25" s="807"/>
      <c r="E25" s="807"/>
      <c r="F25" s="927"/>
      <c r="G25" s="9"/>
      <c r="I25" s="188" t="s">
        <v>279</v>
      </c>
      <c r="J25" s="275" t="s">
        <v>552</v>
      </c>
      <c r="K25" s="181"/>
      <c r="L25" s="181"/>
      <c r="M25" s="181"/>
      <c r="N25" s="181"/>
      <c r="O25" s="181"/>
      <c r="P25" s="181"/>
      <c r="Q25" s="181"/>
      <c r="R25" s="181"/>
      <c r="S25" s="181"/>
      <c r="T25" s="181"/>
      <c r="U25" s="780"/>
      <c r="V25" s="781"/>
      <c r="W25" s="197" t="s">
        <v>175</v>
      </c>
      <c r="Z25" s="273"/>
      <c r="AC25" s="16"/>
      <c r="AD25" s="150"/>
    </row>
    <row r="26" spans="2:30" s="8" customFormat="1" ht="15.75" customHeight="1" x14ac:dyDescent="0.15">
      <c r="B26" s="926"/>
      <c r="C26" s="807"/>
      <c r="D26" s="807"/>
      <c r="E26" s="807"/>
      <c r="F26" s="927"/>
      <c r="G26" s="9"/>
      <c r="I26" s="269" t="s">
        <v>277</v>
      </c>
      <c r="J26" s="275" t="s">
        <v>551</v>
      </c>
      <c r="K26" s="181"/>
      <c r="L26" s="181"/>
      <c r="M26" s="181"/>
      <c r="N26" s="181"/>
      <c r="O26" s="181"/>
      <c r="P26" s="181"/>
      <c r="Q26" s="181"/>
      <c r="R26" s="181"/>
      <c r="S26" s="181"/>
      <c r="T26" s="181"/>
      <c r="U26" s="780"/>
      <c r="V26" s="781"/>
      <c r="W26" s="197" t="s">
        <v>175</v>
      </c>
      <c r="Y26" s="268"/>
      <c r="Z26" s="20"/>
      <c r="AA26" s="178" t="s">
        <v>0</v>
      </c>
      <c r="AB26" s="178" t="s">
        <v>217</v>
      </c>
      <c r="AC26" s="178" t="s">
        <v>0</v>
      </c>
      <c r="AD26" s="150"/>
    </row>
    <row r="27" spans="2:30" s="8" customFormat="1" x14ac:dyDescent="0.15">
      <c r="B27" s="926"/>
      <c r="C27" s="807"/>
      <c r="D27" s="807"/>
      <c r="E27" s="807"/>
      <c r="F27" s="927"/>
      <c r="G27" s="9"/>
      <c r="H27" s="8" t="s">
        <v>550</v>
      </c>
      <c r="U27" s="18"/>
      <c r="V27" s="18"/>
      <c r="Z27" s="9"/>
      <c r="AC27" s="16"/>
      <c r="AD27" s="150"/>
    </row>
    <row r="28" spans="2:30" s="8" customFormat="1" x14ac:dyDescent="0.15">
      <c r="B28" s="926"/>
      <c r="C28" s="807"/>
      <c r="D28" s="807"/>
      <c r="E28" s="807"/>
      <c r="F28" s="927"/>
      <c r="G28" s="9"/>
      <c r="H28" s="8" t="s">
        <v>560</v>
      </c>
      <c r="T28" s="264"/>
      <c r="U28" s="268"/>
      <c r="V28" s="18"/>
      <c r="Z28" s="9"/>
      <c r="AC28" s="16"/>
      <c r="AD28" s="150"/>
    </row>
    <row r="29" spans="2:30" s="8" customFormat="1" ht="29.25" customHeight="1" x14ac:dyDescent="0.15">
      <c r="B29" s="926"/>
      <c r="C29" s="807"/>
      <c r="D29" s="807"/>
      <c r="E29" s="807"/>
      <c r="F29" s="927"/>
      <c r="G29" s="9"/>
      <c r="I29" s="188" t="s">
        <v>293</v>
      </c>
      <c r="J29" s="936" t="s">
        <v>559</v>
      </c>
      <c r="K29" s="936"/>
      <c r="L29" s="936"/>
      <c r="M29" s="936"/>
      <c r="N29" s="936"/>
      <c r="O29" s="936"/>
      <c r="P29" s="936"/>
      <c r="Q29" s="936"/>
      <c r="R29" s="936"/>
      <c r="S29" s="936"/>
      <c r="T29" s="936"/>
      <c r="U29" s="780"/>
      <c r="V29" s="781"/>
      <c r="W29" s="197" t="s">
        <v>175</v>
      </c>
      <c r="Y29" s="268"/>
      <c r="Z29" s="20"/>
      <c r="AA29" s="178" t="s">
        <v>0</v>
      </c>
      <c r="AB29" s="178" t="s">
        <v>217</v>
      </c>
      <c r="AC29" s="178" t="s">
        <v>0</v>
      </c>
      <c r="AD29" s="150"/>
    </row>
    <row r="30" spans="2:30" s="8" customFormat="1" ht="2.25" customHeight="1" x14ac:dyDescent="0.15">
      <c r="B30" s="928"/>
      <c r="C30" s="929"/>
      <c r="D30" s="929"/>
      <c r="E30" s="929"/>
      <c r="F30" s="930"/>
      <c r="G30" s="173"/>
      <c r="H30" s="172"/>
      <c r="I30" s="172"/>
      <c r="J30" s="172"/>
      <c r="K30" s="172"/>
      <c r="L30" s="172"/>
      <c r="M30" s="172"/>
      <c r="N30" s="172"/>
      <c r="O30" s="172"/>
      <c r="P30" s="172"/>
      <c r="Q30" s="172"/>
      <c r="R30" s="172"/>
      <c r="S30" s="172"/>
      <c r="T30" s="267"/>
      <c r="U30" s="271"/>
      <c r="V30" s="143"/>
      <c r="W30" s="172"/>
      <c r="X30" s="172"/>
      <c r="Y30" s="172"/>
      <c r="Z30" s="173"/>
      <c r="AA30" s="172"/>
      <c r="AB30" s="172"/>
      <c r="AC30" s="162"/>
      <c r="AD30" s="266"/>
    </row>
    <row r="31" spans="2:30" s="8" customFormat="1" ht="6" customHeight="1" x14ac:dyDescent="0.15">
      <c r="B31" s="265"/>
      <c r="C31" s="265"/>
      <c r="D31" s="265"/>
      <c r="E31" s="265"/>
      <c r="F31" s="265"/>
      <c r="T31" s="264"/>
      <c r="U31" s="268"/>
      <c r="V31" s="18"/>
    </row>
    <row r="32" spans="2:30" s="8" customFormat="1" x14ac:dyDescent="0.15">
      <c r="B32" s="8" t="s">
        <v>558</v>
      </c>
      <c r="C32" s="265"/>
      <c r="D32" s="265"/>
      <c r="E32" s="265"/>
      <c r="F32" s="265"/>
      <c r="T32" s="264"/>
      <c r="U32" s="268"/>
      <c r="V32" s="18"/>
    </row>
    <row r="33" spans="2:31" s="8" customFormat="1" ht="4.5" customHeight="1" x14ac:dyDescent="0.15">
      <c r="B33" s="265"/>
      <c r="C33" s="265"/>
      <c r="D33" s="265"/>
      <c r="E33" s="265"/>
      <c r="F33" s="265"/>
      <c r="T33" s="264"/>
      <c r="U33" s="268"/>
      <c r="V33" s="18"/>
    </row>
    <row r="34" spans="2:31" s="8" customFormat="1" ht="2.25" customHeight="1" x14ac:dyDescent="0.15">
      <c r="B34" s="923" t="s">
        <v>553</v>
      </c>
      <c r="C34" s="924"/>
      <c r="D34" s="924"/>
      <c r="E34" s="924"/>
      <c r="F34" s="925"/>
      <c r="G34" s="158"/>
      <c r="H34" s="157"/>
      <c r="I34" s="157"/>
      <c r="J34" s="157"/>
      <c r="K34" s="157"/>
      <c r="L34" s="157"/>
      <c r="M34" s="157"/>
      <c r="N34" s="157"/>
      <c r="O34" s="157"/>
      <c r="P34" s="157"/>
      <c r="Q34" s="157"/>
      <c r="R34" s="157"/>
      <c r="S34" s="157"/>
      <c r="T34" s="157"/>
      <c r="U34" s="194"/>
      <c r="V34" s="194"/>
      <c r="W34" s="157"/>
      <c r="X34" s="157"/>
      <c r="Y34" s="157"/>
      <c r="Z34" s="158"/>
      <c r="AA34" s="157"/>
      <c r="AB34" s="157"/>
      <c r="AC34" s="166"/>
      <c r="AD34" s="251"/>
    </row>
    <row r="35" spans="2:31" s="8" customFormat="1" ht="13.5" customHeight="1" x14ac:dyDescent="0.15">
      <c r="B35" s="926"/>
      <c r="C35" s="807"/>
      <c r="D35" s="807"/>
      <c r="E35" s="807"/>
      <c r="F35" s="927"/>
      <c r="G35" s="9"/>
      <c r="H35" s="8" t="s">
        <v>557</v>
      </c>
      <c r="U35" s="18"/>
      <c r="V35" s="18"/>
      <c r="Z35" s="9"/>
      <c r="AA35" s="152" t="s">
        <v>227</v>
      </c>
      <c r="AB35" s="152" t="s">
        <v>217</v>
      </c>
      <c r="AC35" s="152" t="s">
        <v>226</v>
      </c>
      <c r="AD35" s="270"/>
    </row>
    <row r="36" spans="2:31" s="8" customFormat="1" ht="15.75" customHeight="1" x14ac:dyDescent="0.15">
      <c r="B36" s="926"/>
      <c r="C36" s="807"/>
      <c r="D36" s="807"/>
      <c r="E36" s="807"/>
      <c r="F36" s="927"/>
      <c r="G36" s="9"/>
      <c r="I36" s="188" t="s">
        <v>279</v>
      </c>
      <c r="J36" s="274" t="s">
        <v>552</v>
      </c>
      <c r="K36" s="181"/>
      <c r="L36" s="181"/>
      <c r="M36" s="181"/>
      <c r="N36" s="181"/>
      <c r="O36" s="181"/>
      <c r="P36" s="181"/>
      <c r="Q36" s="181"/>
      <c r="R36" s="181"/>
      <c r="S36" s="181"/>
      <c r="T36" s="181"/>
      <c r="U36" s="780"/>
      <c r="V36" s="781"/>
      <c r="W36" s="197" t="s">
        <v>175</v>
      </c>
      <c r="Z36" s="273"/>
      <c r="AC36" s="16"/>
      <c r="AD36" s="150"/>
    </row>
    <row r="37" spans="2:31" s="8" customFormat="1" ht="15.75" customHeight="1" x14ac:dyDescent="0.15">
      <c r="B37" s="926"/>
      <c r="C37" s="807"/>
      <c r="D37" s="807"/>
      <c r="E37" s="807"/>
      <c r="F37" s="927"/>
      <c r="G37" s="9"/>
      <c r="I37" s="269" t="s">
        <v>277</v>
      </c>
      <c r="J37" s="272" t="s">
        <v>551</v>
      </c>
      <c r="K37" s="172"/>
      <c r="L37" s="172"/>
      <c r="M37" s="172"/>
      <c r="N37" s="172"/>
      <c r="O37" s="172"/>
      <c r="P37" s="172"/>
      <c r="Q37" s="172"/>
      <c r="R37" s="172"/>
      <c r="S37" s="172"/>
      <c r="T37" s="172"/>
      <c r="U37" s="780"/>
      <c r="V37" s="781"/>
      <c r="W37" s="197" t="s">
        <v>175</v>
      </c>
      <c r="Y37" s="268"/>
      <c r="Z37" s="20"/>
      <c r="AA37" s="178" t="s">
        <v>0</v>
      </c>
      <c r="AB37" s="178" t="s">
        <v>217</v>
      </c>
      <c r="AC37" s="178" t="s">
        <v>0</v>
      </c>
      <c r="AD37" s="150"/>
    </row>
    <row r="38" spans="2:31" s="8" customFormat="1" ht="13.5" customHeight="1" x14ac:dyDescent="0.15">
      <c r="B38" s="928"/>
      <c r="C38" s="929"/>
      <c r="D38" s="929"/>
      <c r="E38" s="929"/>
      <c r="F38" s="930"/>
      <c r="G38" s="9"/>
      <c r="H38" s="8" t="s">
        <v>550</v>
      </c>
      <c r="U38" s="18"/>
      <c r="V38" s="18"/>
      <c r="Z38" s="9"/>
      <c r="AC38" s="16"/>
      <c r="AD38" s="150"/>
    </row>
    <row r="39" spans="2:31" s="8" customFormat="1" ht="13.5" customHeight="1" x14ac:dyDescent="0.15">
      <c r="B39" s="926"/>
      <c r="C39" s="924"/>
      <c r="D39" s="807"/>
      <c r="E39" s="807"/>
      <c r="F39" s="927"/>
      <c r="G39" s="9"/>
      <c r="H39" s="8" t="s">
        <v>556</v>
      </c>
      <c r="T39" s="264"/>
      <c r="U39" s="268"/>
      <c r="V39" s="18"/>
      <c r="Z39" s="9"/>
      <c r="AC39" s="16"/>
      <c r="AD39" s="150"/>
      <c r="AE39" s="9"/>
    </row>
    <row r="40" spans="2:31" s="8" customFormat="1" ht="30" customHeight="1" x14ac:dyDescent="0.15">
      <c r="B40" s="926"/>
      <c r="C40" s="807"/>
      <c r="D40" s="807"/>
      <c r="E40" s="807"/>
      <c r="F40" s="927"/>
      <c r="G40" s="9"/>
      <c r="I40" s="188" t="s">
        <v>293</v>
      </c>
      <c r="J40" s="936" t="s">
        <v>548</v>
      </c>
      <c r="K40" s="936"/>
      <c r="L40" s="936"/>
      <c r="M40" s="936"/>
      <c r="N40" s="936"/>
      <c r="O40" s="936"/>
      <c r="P40" s="936"/>
      <c r="Q40" s="936"/>
      <c r="R40" s="936"/>
      <c r="S40" s="936"/>
      <c r="T40" s="936"/>
      <c r="U40" s="780"/>
      <c r="V40" s="781"/>
      <c r="W40" s="197" t="s">
        <v>175</v>
      </c>
      <c r="Y40" s="268"/>
      <c r="Z40" s="20"/>
      <c r="AA40" s="178" t="s">
        <v>0</v>
      </c>
      <c r="AB40" s="178" t="s">
        <v>217</v>
      </c>
      <c r="AC40" s="178" t="s">
        <v>0</v>
      </c>
      <c r="AD40" s="150"/>
    </row>
    <row r="41" spans="2:31" s="8" customFormat="1" ht="2.25" customHeight="1" x14ac:dyDescent="0.15">
      <c r="B41" s="928"/>
      <c r="C41" s="929"/>
      <c r="D41" s="929"/>
      <c r="E41" s="929"/>
      <c r="F41" s="930"/>
      <c r="G41" s="173"/>
      <c r="H41" s="172"/>
      <c r="I41" s="172"/>
      <c r="J41" s="172"/>
      <c r="K41" s="172"/>
      <c r="L41" s="172"/>
      <c r="M41" s="172"/>
      <c r="N41" s="172"/>
      <c r="O41" s="172"/>
      <c r="P41" s="172"/>
      <c r="Q41" s="172"/>
      <c r="R41" s="172"/>
      <c r="S41" s="172"/>
      <c r="T41" s="267"/>
      <c r="U41" s="271"/>
      <c r="V41" s="143"/>
      <c r="W41" s="172"/>
      <c r="X41" s="172"/>
      <c r="Y41" s="172"/>
      <c r="Z41" s="173"/>
      <c r="AA41" s="172"/>
      <c r="AB41" s="172"/>
      <c r="AC41" s="162"/>
      <c r="AD41" s="266"/>
    </row>
    <row r="42" spans="2:31" s="8" customFormat="1" ht="6" customHeight="1" x14ac:dyDescent="0.15">
      <c r="B42" s="265"/>
      <c r="C42" s="265"/>
      <c r="D42" s="265"/>
      <c r="E42" s="265"/>
      <c r="F42" s="265"/>
      <c r="T42" s="264"/>
      <c r="U42" s="268"/>
      <c r="V42" s="18"/>
    </row>
    <row r="43" spans="2:31" s="8" customFormat="1" ht="13.5" customHeight="1" x14ac:dyDescent="0.15">
      <c r="B43" s="8" t="s">
        <v>555</v>
      </c>
      <c r="C43" s="265"/>
      <c r="D43" s="265"/>
      <c r="E43" s="265"/>
      <c r="F43" s="265"/>
      <c r="T43" s="264"/>
      <c r="U43" s="268"/>
      <c r="V43" s="18"/>
    </row>
    <row r="44" spans="2:31" s="8" customFormat="1" ht="13.5" customHeight="1" x14ac:dyDescent="0.15">
      <c r="B44" s="248" t="s">
        <v>554</v>
      </c>
      <c r="D44" s="265"/>
      <c r="E44" s="265"/>
      <c r="F44" s="265"/>
      <c r="T44" s="264"/>
      <c r="U44" s="268"/>
      <c r="V44" s="18"/>
    </row>
    <row r="45" spans="2:31" s="8" customFormat="1" ht="3" customHeight="1" x14ac:dyDescent="0.15">
      <c r="C45" s="265"/>
      <c r="D45" s="265"/>
      <c r="E45" s="265"/>
      <c r="F45" s="265"/>
      <c r="T45" s="264"/>
      <c r="U45" s="268"/>
      <c r="V45" s="18"/>
    </row>
    <row r="46" spans="2:31" s="8" customFormat="1" ht="3" customHeight="1" x14ac:dyDescent="0.15">
      <c r="B46" s="923" t="s">
        <v>553</v>
      </c>
      <c r="C46" s="924"/>
      <c r="D46" s="924"/>
      <c r="E46" s="924"/>
      <c r="F46" s="925"/>
      <c r="G46" s="158"/>
      <c r="H46" s="157"/>
      <c r="I46" s="157"/>
      <c r="J46" s="157"/>
      <c r="K46" s="157"/>
      <c r="L46" s="157"/>
      <c r="M46" s="157"/>
      <c r="N46" s="157"/>
      <c r="O46" s="157"/>
      <c r="P46" s="157"/>
      <c r="Q46" s="157"/>
      <c r="R46" s="157"/>
      <c r="S46" s="157"/>
      <c r="T46" s="157"/>
      <c r="U46" s="194"/>
      <c r="V46" s="194"/>
      <c r="W46" s="157"/>
      <c r="X46" s="157"/>
      <c r="Y46" s="157"/>
      <c r="Z46" s="158"/>
      <c r="AA46" s="157"/>
      <c r="AB46" s="157"/>
      <c r="AC46" s="166"/>
      <c r="AD46" s="251"/>
    </row>
    <row r="47" spans="2:31" s="8" customFormat="1" ht="13.5" customHeight="1" x14ac:dyDescent="0.15">
      <c r="B47" s="926"/>
      <c r="C47" s="807"/>
      <c r="D47" s="807"/>
      <c r="E47" s="807"/>
      <c r="F47" s="927"/>
      <c r="G47" s="9"/>
      <c r="H47" s="8" t="s">
        <v>543</v>
      </c>
      <c r="U47" s="18"/>
      <c r="V47" s="18"/>
      <c r="Z47" s="9"/>
      <c r="AA47" s="152" t="s">
        <v>227</v>
      </c>
      <c r="AB47" s="152" t="s">
        <v>217</v>
      </c>
      <c r="AC47" s="152" t="s">
        <v>226</v>
      </c>
      <c r="AD47" s="270"/>
    </row>
    <row r="48" spans="2:31" s="8" customFormat="1" ht="15.75" customHeight="1" x14ac:dyDescent="0.15">
      <c r="B48" s="926"/>
      <c r="C48" s="807"/>
      <c r="D48" s="807"/>
      <c r="E48" s="807"/>
      <c r="F48" s="927"/>
      <c r="G48" s="9"/>
      <c r="I48" s="188" t="s">
        <v>279</v>
      </c>
      <c r="J48" s="274" t="s">
        <v>552</v>
      </c>
      <c r="K48" s="181"/>
      <c r="L48" s="181"/>
      <c r="M48" s="181"/>
      <c r="N48" s="181"/>
      <c r="O48" s="181"/>
      <c r="P48" s="181"/>
      <c r="Q48" s="181"/>
      <c r="R48" s="181"/>
      <c r="S48" s="181"/>
      <c r="T48" s="181"/>
      <c r="U48" s="780"/>
      <c r="V48" s="781"/>
      <c r="W48" s="197" t="s">
        <v>175</v>
      </c>
      <c r="Z48" s="273"/>
      <c r="AC48" s="16"/>
      <c r="AD48" s="150"/>
    </row>
    <row r="49" spans="2:30" s="8" customFormat="1" ht="15.75" customHeight="1" x14ac:dyDescent="0.15">
      <c r="B49" s="926"/>
      <c r="C49" s="807"/>
      <c r="D49" s="807"/>
      <c r="E49" s="807"/>
      <c r="F49" s="927"/>
      <c r="G49" s="9"/>
      <c r="I49" s="269" t="s">
        <v>277</v>
      </c>
      <c r="J49" s="272" t="s">
        <v>551</v>
      </c>
      <c r="K49" s="172"/>
      <c r="L49" s="172"/>
      <c r="M49" s="172"/>
      <c r="N49" s="172"/>
      <c r="O49" s="172"/>
      <c r="P49" s="172"/>
      <c r="Q49" s="172"/>
      <c r="R49" s="172"/>
      <c r="S49" s="172"/>
      <c r="T49" s="172"/>
      <c r="U49" s="780"/>
      <c r="V49" s="781"/>
      <c r="W49" s="197" t="s">
        <v>175</v>
      </c>
      <c r="Y49" s="268"/>
      <c r="Z49" s="20"/>
      <c r="AA49" s="178" t="s">
        <v>0</v>
      </c>
      <c r="AB49" s="178" t="s">
        <v>217</v>
      </c>
      <c r="AC49" s="178" t="s">
        <v>0</v>
      </c>
      <c r="AD49" s="150"/>
    </row>
    <row r="50" spans="2:30" s="8" customFormat="1" ht="13.5" customHeight="1" x14ac:dyDescent="0.15">
      <c r="B50" s="926"/>
      <c r="C50" s="807"/>
      <c r="D50" s="807"/>
      <c r="E50" s="807"/>
      <c r="F50" s="927"/>
      <c r="G50" s="9"/>
      <c r="H50" s="8" t="s">
        <v>550</v>
      </c>
      <c r="U50" s="18"/>
      <c r="V50" s="18"/>
      <c r="Z50" s="9"/>
      <c r="AC50" s="16"/>
      <c r="AD50" s="150"/>
    </row>
    <row r="51" spans="2:30" s="8" customFormat="1" ht="13.5" customHeight="1" x14ac:dyDescent="0.15">
      <c r="B51" s="926"/>
      <c r="C51" s="807"/>
      <c r="D51" s="807"/>
      <c r="E51" s="807"/>
      <c r="F51" s="927"/>
      <c r="G51" s="9"/>
      <c r="H51" s="8" t="s">
        <v>549</v>
      </c>
      <c r="T51" s="264"/>
      <c r="U51" s="268"/>
      <c r="V51" s="18"/>
      <c r="Z51" s="9"/>
      <c r="AC51" s="16"/>
      <c r="AD51" s="150"/>
    </row>
    <row r="52" spans="2:30" s="8" customFormat="1" ht="30" customHeight="1" x14ac:dyDescent="0.15">
      <c r="B52" s="926"/>
      <c r="C52" s="807"/>
      <c r="D52" s="807"/>
      <c r="E52" s="807"/>
      <c r="F52" s="927"/>
      <c r="G52" s="9"/>
      <c r="I52" s="188" t="s">
        <v>293</v>
      </c>
      <c r="J52" s="936" t="s">
        <v>548</v>
      </c>
      <c r="K52" s="936"/>
      <c r="L52" s="936"/>
      <c r="M52" s="936"/>
      <c r="N52" s="936"/>
      <c r="O52" s="936"/>
      <c r="P52" s="936"/>
      <c r="Q52" s="936"/>
      <c r="R52" s="936"/>
      <c r="S52" s="936"/>
      <c r="T52" s="936"/>
      <c r="U52" s="780"/>
      <c r="V52" s="781"/>
      <c r="W52" s="197" t="s">
        <v>175</v>
      </c>
      <c r="Y52" s="268"/>
      <c r="Z52" s="20"/>
      <c r="AA52" s="178" t="s">
        <v>0</v>
      </c>
      <c r="AB52" s="178" t="s">
        <v>217</v>
      </c>
      <c r="AC52" s="178" t="s">
        <v>0</v>
      </c>
      <c r="AD52" s="150"/>
    </row>
    <row r="53" spans="2:30" s="8" customFormat="1" ht="3" customHeight="1" x14ac:dyDescent="0.15">
      <c r="B53" s="928"/>
      <c r="C53" s="929"/>
      <c r="D53" s="929"/>
      <c r="E53" s="929"/>
      <c r="F53" s="930"/>
      <c r="G53" s="173"/>
      <c r="H53" s="172"/>
      <c r="I53" s="172"/>
      <c r="J53" s="172"/>
      <c r="K53" s="172"/>
      <c r="L53" s="172"/>
      <c r="M53" s="172"/>
      <c r="N53" s="172"/>
      <c r="O53" s="172"/>
      <c r="P53" s="172"/>
      <c r="Q53" s="172"/>
      <c r="R53" s="172"/>
      <c r="S53" s="172"/>
      <c r="T53" s="267"/>
      <c r="U53" s="271"/>
      <c r="V53" s="143"/>
      <c r="W53" s="172"/>
      <c r="X53" s="172"/>
      <c r="Y53" s="172"/>
      <c r="Z53" s="173"/>
      <c r="AA53" s="172"/>
      <c r="AB53" s="172"/>
      <c r="AC53" s="162"/>
      <c r="AD53" s="266"/>
    </row>
    <row r="54" spans="2:30" s="8" customFormat="1" ht="3" customHeight="1" x14ac:dyDescent="0.15">
      <c r="B54" s="923" t="s">
        <v>547</v>
      </c>
      <c r="C54" s="924"/>
      <c r="D54" s="924"/>
      <c r="E54" s="924"/>
      <c r="F54" s="925"/>
      <c r="G54" s="158"/>
      <c r="H54" s="157"/>
      <c r="I54" s="157"/>
      <c r="J54" s="157"/>
      <c r="K54" s="157"/>
      <c r="L54" s="157"/>
      <c r="M54" s="157"/>
      <c r="N54" s="157"/>
      <c r="O54" s="157"/>
      <c r="P54" s="157"/>
      <c r="Q54" s="157"/>
      <c r="R54" s="157"/>
      <c r="S54" s="157"/>
      <c r="T54" s="157"/>
      <c r="U54" s="194"/>
      <c r="V54" s="194"/>
      <c r="W54" s="157"/>
      <c r="X54" s="157"/>
      <c r="Y54" s="157"/>
      <c r="Z54" s="158"/>
      <c r="AA54" s="157"/>
      <c r="AB54" s="157"/>
      <c r="AC54" s="166"/>
      <c r="AD54" s="251"/>
    </row>
    <row r="55" spans="2:30" s="8" customFormat="1" x14ac:dyDescent="0.15">
      <c r="B55" s="926"/>
      <c r="C55" s="807"/>
      <c r="D55" s="807"/>
      <c r="E55" s="807"/>
      <c r="F55" s="927"/>
      <c r="G55" s="9"/>
      <c r="H55" s="8" t="s">
        <v>546</v>
      </c>
      <c r="U55" s="18"/>
      <c r="V55" s="18"/>
      <c r="Z55" s="9"/>
      <c r="AA55" s="152" t="s">
        <v>227</v>
      </c>
      <c r="AB55" s="152" t="s">
        <v>217</v>
      </c>
      <c r="AC55" s="152" t="s">
        <v>226</v>
      </c>
      <c r="AD55" s="270"/>
    </row>
    <row r="56" spans="2:30" s="8" customFormat="1" ht="15.75" customHeight="1" x14ac:dyDescent="0.15">
      <c r="B56" s="926"/>
      <c r="C56" s="807"/>
      <c r="D56" s="807"/>
      <c r="E56" s="807"/>
      <c r="F56" s="927"/>
      <c r="G56" s="9"/>
      <c r="I56" s="188" t="s">
        <v>279</v>
      </c>
      <c r="J56" s="933" t="s">
        <v>542</v>
      </c>
      <c r="K56" s="934"/>
      <c r="L56" s="934"/>
      <c r="M56" s="934"/>
      <c r="N56" s="934"/>
      <c r="O56" s="934"/>
      <c r="P56" s="934"/>
      <c r="Q56" s="934"/>
      <c r="R56" s="934"/>
      <c r="S56" s="934"/>
      <c r="T56" s="934"/>
      <c r="U56" s="780"/>
      <c r="V56" s="781"/>
      <c r="W56" s="197" t="s">
        <v>175</v>
      </c>
      <c r="Z56" s="9"/>
      <c r="AC56" s="16"/>
      <c r="AD56" s="150"/>
    </row>
    <row r="57" spans="2:30" s="8" customFormat="1" ht="15.75" customHeight="1" x14ac:dyDescent="0.15">
      <c r="B57" s="926"/>
      <c r="C57" s="807"/>
      <c r="D57" s="807"/>
      <c r="E57" s="807"/>
      <c r="F57" s="927"/>
      <c r="G57" s="9"/>
      <c r="I57" s="269" t="s">
        <v>277</v>
      </c>
      <c r="J57" s="935" t="s">
        <v>545</v>
      </c>
      <c r="K57" s="936"/>
      <c r="L57" s="936"/>
      <c r="M57" s="936"/>
      <c r="N57" s="936"/>
      <c r="O57" s="936"/>
      <c r="P57" s="936"/>
      <c r="Q57" s="936"/>
      <c r="R57" s="936"/>
      <c r="S57" s="936"/>
      <c r="T57" s="936"/>
      <c r="U57" s="786"/>
      <c r="V57" s="787"/>
      <c r="W57" s="171" t="s">
        <v>175</v>
      </c>
      <c r="Y57" s="268"/>
      <c r="Z57" s="20"/>
      <c r="AA57" s="178" t="s">
        <v>0</v>
      </c>
      <c r="AB57" s="178" t="s">
        <v>217</v>
      </c>
      <c r="AC57" s="178" t="s">
        <v>0</v>
      </c>
      <c r="AD57" s="150"/>
    </row>
    <row r="58" spans="2:30" s="8" customFormat="1" ht="3" customHeight="1" x14ac:dyDescent="0.15">
      <c r="B58" s="928"/>
      <c r="C58" s="929"/>
      <c r="D58" s="929"/>
      <c r="E58" s="929"/>
      <c r="F58" s="930"/>
      <c r="G58" s="173"/>
      <c r="H58" s="172"/>
      <c r="I58" s="172"/>
      <c r="J58" s="172"/>
      <c r="K58" s="172"/>
      <c r="L58" s="172"/>
      <c r="M58" s="172"/>
      <c r="N58" s="172"/>
      <c r="O58" s="172"/>
      <c r="P58" s="172"/>
      <c r="Q58" s="172"/>
      <c r="R58" s="172"/>
      <c r="S58" s="172"/>
      <c r="T58" s="267"/>
      <c r="U58" s="271"/>
      <c r="V58" s="143"/>
      <c r="W58" s="172"/>
      <c r="X58" s="172"/>
      <c r="Y58" s="172"/>
      <c r="Z58" s="173"/>
      <c r="AA58" s="172"/>
      <c r="AB58" s="172"/>
      <c r="AC58" s="162"/>
      <c r="AD58" s="266"/>
    </row>
    <row r="59" spans="2:30" s="8" customFormat="1" ht="3" customHeight="1" x14ac:dyDescent="0.15">
      <c r="B59" s="923" t="s">
        <v>544</v>
      </c>
      <c r="C59" s="924"/>
      <c r="D59" s="924"/>
      <c r="E59" s="924"/>
      <c r="F59" s="925"/>
      <c r="G59" s="158"/>
      <c r="H59" s="157"/>
      <c r="I59" s="157"/>
      <c r="J59" s="157"/>
      <c r="K59" s="157"/>
      <c r="L59" s="157"/>
      <c r="M59" s="157"/>
      <c r="N59" s="157"/>
      <c r="O59" s="157"/>
      <c r="P59" s="157"/>
      <c r="Q59" s="157"/>
      <c r="R59" s="157"/>
      <c r="S59" s="157"/>
      <c r="T59" s="157"/>
      <c r="U59" s="194"/>
      <c r="V59" s="194"/>
      <c r="W59" s="157"/>
      <c r="X59" s="157"/>
      <c r="Y59" s="157"/>
      <c r="Z59" s="158"/>
      <c r="AA59" s="157"/>
      <c r="AB59" s="157"/>
      <c r="AC59" s="166"/>
      <c r="AD59" s="251"/>
    </row>
    <row r="60" spans="2:30" s="8" customFormat="1" ht="13.5" customHeight="1" x14ac:dyDescent="0.15">
      <c r="B60" s="926"/>
      <c r="C60" s="807"/>
      <c r="D60" s="807"/>
      <c r="E60" s="807"/>
      <c r="F60" s="927"/>
      <c r="G60" s="9"/>
      <c r="H60" s="8" t="s">
        <v>543</v>
      </c>
      <c r="U60" s="18"/>
      <c r="V60" s="18"/>
      <c r="Z60" s="9"/>
      <c r="AA60" s="152" t="s">
        <v>227</v>
      </c>
      <c r="AB60" s="152" t="s">
        <v>217</v>
      </c>
      <c r="AC60" s="152" t="s">
        <v>226</v>
      </c>
      <c r="AD60" s="270"/>
    </row>
    <row r="61" spans="2:30" s="8" customFormat="1" ht="15.75" customHeight="1" x14ac:dyDescent="0.15">
      <c r="B61" s="926"/>
      <c r="C61" s="807"/>
      <c r="D61" s="807"/>
      <c r="E61" s="807"/>
      <c r="F61" s="927"/>
      <c r="G61" s="9"/>
      <c r="I61" s="188" t="s">
        <v>279</v>
      </c>
      <c r="J61" s="933" t="s">
        <v>542</v>
      </c>
      <c r="K61" s="934"/>
      <c r="L61" s="934"/>
      <c r="M61" s="934"/>
      <c r="N61" s="934"/>
      <c r="O61" s="934"/>
      <c r="P61" s="934"/>
      <c r="Q61" s="934"/>
      <c r="R61" s="934"/>
      <c r="S61" s="934"/>
      <c r="T61" s="934"/>
      <c r="U61" s="780"/>
      <c r="V61" s="781"/>
      <c r="W61" s="197" t="s">
        <v>175</v>
      </c>
      <c r="Z61" s="9"/>
      <c r="AC61" s="16"/>
      <c r="AD61" s="150"/>
    </row>
    <row r="62" spans="2:30" s="8" customFormat="1" ht="30" customHeight="1" x14ac:dyDescent="0.15">
      <c r="B62" s="926"/>
      <c r="C62" s="807"/>
      <c r="D62" s="807"/>
      <c r="E62" s="807"/>
      <c r="F62" s="927"/>
      <c r="G62" s="9"/>
      <c r="I62" s="269" t="s">
        <v>277</v>
      </c>
      <c r="J62" s="935" t="s">
        <v>541</v>
      </c>
      <c r="K62" s="936"/>
      <c r="L62" s="936"/>
      <c r="M62" s="936"/>
      <c r="N62" s="936"/>
      <c r="O62" s="936"/>
      <c r="P62" s="936"/>
      <c r="Q62" s="936"/>
      <c r="R62" s="936"/>
      <c r="S62" s="936"/>
      <c r="T62" s="936"/>
      <c r="U62" s="780"/>
      <c r="V62" s="781"/>
      <c r="W62" s="171" t="s">
        <v>175</v>
      </c>
      <c r="Y62" s="268" t="str">
        <f>IFERROR(U62/U61,"")</f>
        <v/>
      </c>
      <c r="Z62" s="20"/>
      <c r="AA62" s="178" t="s">
        <v>0</v>
      </c>
      <c r="AB62" s="178" t="s">
        <v>217</v>
      </c>
      <c r="AC62" s="178" t="s">
        <v>0</v>
      </c>
      <c r="AD62" s="150"/>
    </row>
    <row r="63" spans="2:30" s="8" customFormat="1" ht="3" customHeight="1" x14ac:dyDescent="0.15">
      <c r="B63" s="928"/>
      <c r="C63" s="929"/>
      <c r="D63" s="929"/>
      <c r="E63" s="929"/>
      <c r="F63" s="930"/>
      <c r="G63" s="173"/>
      <c r="H63" s="172"/>
      <c r="I63" s="172"/>
      <c r="J63" s="172"/>
      <c r="K63" s="172"/>
      <c r="L63" s="172"/>
      <c r="M63" s="172"/>
      <c r="N63" s="172"/>
      <c r="O63" s="172"/>
      <c r="P63" s="172"/>
      <c r="Q63" s="172"/>
      <c r="R63" s="172"/>
      <c r="S63" s="172"/>
      <c r="T63" s="267"/>
      <c r="U63" s="267"/>
      <c r="V63" s="172"/>
      <c r="W63" s="172"/>
      <c r="X63" s="172"/>
      <c r="Y63" s="172"/>
      <c r="Z63" s="173"/>
      <c r="AA63" s="172"/>
      <c r="AB63" s="172"/>
      <c r="AC63" s="162"/>
      <c r="AD63" s="266"/>
    </row>
    <row r="64" spans="2:30" s="8" customFormat="1" ht="6" customHeight="1" x14ac:dyDescent="0.15">
      <c r="B64" s="265"/>
      <c r="C64" s="265"/>
      <c r="D64" s="265"/>
      <c r="E64" s="265"/>
      <c r="F64" s="265"/>
      <c r="T64" s="264"/>
      <c r="U64" s="264"/>
    </row>
    <row r="65" spans="2:30" s="8" customFormat="1" x14ac:dyDescent="0.15">
      <c r="B65" s="931" t="s">
        <v>540</v>
      </c>
      <c r="C65" s="931"/>
      <c r="D65" s="263" t="s">
        <v>539</v>
      </c>
      <c r="E65" s="262"/>
      <c r="F65" s="262"/>
      <c r="G65" s="262"/>
      <c r="H65" s="262"/>
      <c r="I65" s="262"/>
      <c r="J65" s="262"/>
      <c r="K65" s="262"/>
      <c r="L65" s="262"/>
      <c r="M65" s="262"/>
      <c r="N65" s="262"/>
      <c r="O65" s="262"/>
      <c r="P65" s="262"/>
      <c r="Q65" s="262"/>
      <c r="R65" s="262"/>
      <c r="S65" s="262"/>
      <c r="T65" s="262"/>
      <c r="U65" s="262"/>
      <c r="V65" s="262"/>
      <c r="W65" s="262"/>
      <c r="X65" s="262"/>
      <c r="Y65" s="262"/>
      <c r="Z65" s="262"/>
      <c r="AA65" s="262"/>
      <c r="AB65" s="262"/>
      <c r="AC65" s="262"/>
      <c r="AD65" s="262"/>
    </row>
    <row r="66" spans="2:30" s="8" customFormat="1" ht="13.5" customHeight="1" x14ac:dyDescent="0.15">
      <c r="B66" s="931" t="s">
        <v>538</v>
      </c>
      <c r="C66" s="931"/>
      <c r="D66" s="261" t="s">
        <v>537</v>
      </c>
      <c r="E66" s="260"/>
      <c r="F66" s="260"/>
      <c r="G66" s="260"/>
      <c r="H66" s="260"/>
      <c r="I66" s="260"/>
      <c r="J66" s="260"/>
      <c r="K66" s="260"/>
      <c r="L66" s="260"/>
      <c r="M66" s="260"/>
      <c r="N66" s="260"/>
      <c r="O66" s="260"/>
      <c r="P66" s="260"/>
      <c r="Q66" s="260"/>
      <c r="R66" s="260"/>
      <c r="S66" s="260"/>
      <c r="T66" s="260"/>
      <c r="U66" s="260"/>
      <c r="V66" s="260"/>
      <c r="W66" s="260"/>
      <c r="X66" s="260"/>
      <c r="Y66" s="260"/>
      <c r="Z66" s="260"/>
      <c r="AA66" s="260"/>
      <c r="AB66" s="260"/>
      <c r="AC66" s="260"/>
      <c r="AD66" s="260"/>
    </row>
    <row r="67" spans="2:30" s="8" customFormat="1" ht="27" customHeight="1" x14ac:dyDescent="0.15">
      <c r="B67" s="931" t="s">
        <v>536</v>
      </c>
      <c r="C67" s="931"/>
      <c r="D67" s="932" t="s">
        <v>535</v>
      </c>
      <c r="E67" s="932"/>
      <c r="F67" s="932"/>
      <c r="G67" s="932"/>
      <c r="H67" s="932"/>
      <c r="I67" s="932"/>
      <c r="J67" s="932"/>
      <c r="K67" s="932"/>
      <c r="L67" s="932"/>
      <c r="M67" s="932"/>
      <c r="N67" s="932"/>
      <c r="O67" s="932"/>
      <c r="P67" s="932"/>
      <c r="Q67" s="932"/>
      <c r="R67" s="932"/>
      <c r="S67" s="932"/>
      <c r="T67" s="932"/>
      <c r="U67" s="932"/>
      <c r="V67" s="932"/>
      <c r="W67" s="932"/>
      <c r="X67" s="932"/>
      <c r="Y67" s="932"/>
      <c r="Z67" s="932"/>
      <c r="AA67" s="932"/>
      <c r="AB67" s="932"/>
      <c r="AC67" s="932"/>
      <c r="AD67" s="932"/>
    </row>
    <row r="68" spans="2:30" s="8" customFormat="1" x14ac:dyDescent="0.15">
      <c r="B68" s="6"/>
      <c r="C68" s="6"/>
      <c r="D68" s="6"/>
      <c r="E68" s="6"/>
      <c r="F68" s="6"/>
      <c r="G68" s="6"/>
      <c r="H68" s="6"/>
      <c r="I68" s="6"/>
      <c r="J68" s="6"/>
      <c r="K68" s="6"/>
      <c r="L68" s="6"/>
      <c r="M68" s="6"/>
      <c r="N68" s="6"/>
      <c r="O68" s="6"/>
      <c r="P68" s="6"/>
      <c r="Q68" s="6"/>
      <c r="R68" s="6"/>
      <c r="S68" s="6"/>
      <c r="T68" s="6"/>
      <c r="U68" s="6"/>
      <c r="V68" s="6"/>
      <c r="W68" s="6"/>
      <c r="X68" s="6"/>
      <c r="Y68" s="6"/>
      <c r="Z68" s="6"/>
      <c r="AA68" s="6"/>
      <c r="AB68" s="6"/>
      <c r="AC68" s="6"/>
      <c r="AD68" s="6"/>
    </row>
    <row r="69" spans="2:30" s="6" customFormat="1" x14ac:dyDescent="0.15"/>
    <row r="70" spans="2:30" x14ac:dyDescent="0.15">
      <c r="B70" s="6"/>
      <c r="C70" s="6"/>
      <c r="D70" s="6"/>
      <c r="E70" s="6"/>
      <c r="F70" s="6"/>
      <c r="G70" s="6"/>
      <c r="H70" s="6"/>
      <c r="I70" s="6"/>
      <c r="J70" s="6"/>
      <c r="K70" s="6"/>
      <c r="L70" s="6"/>
      <c r="M70" s="6"/>
      <c r="N70" s="6"/>
      <c r="O70" s="6"/>
      <c r="P70" s="6"/>
      <c r="Q70" s="6"/>
      <c r="R70" s="6"/>
      <c r="S70" s="6"/>
      <c r="T70" s="6"/>
      <c r="U70" s="6"/>
      <c r="V70" s="6"/>
      <c r="W70" s="6"/>
      <c r="X70" s="6"/>
      <c r="Y70" s="6"/>
      <c r="Z70" s="6"/>
      <c r="AA70" s="6"/>
      <c r="AB70" s="6"/>
      <c r="AC70" s="6"/>
      <c r="AD70" s="6"/>
    </row>
    <row r="71" spans="2:30" x14ac:dyDescent="0.15">
      <c r="B71" s="6"/>
      <c r="C71" s="6"/>
      <c r="D71" s="6"/>
      <c r="E71" s="6"/>
      <c r="F71" s="6"/>
      <c r="G71" s="6"/>
      <c r="H71" s="6"/>
      <c r="I71" s="6"/>
      <c r="J71" s="6"/>
      <c r="K71" s="6"/>
      <c r="L71" s="6"/>
      <c r="M71" s="6"/>
      <c r="N71" s="6"/>
      <c r="O71" s="6"/>
      <c r="P71" s="6"/>
      <c r="Q71" s="6"/>
      <c r="R71" s="6"/>
      <c r="S71" s="6"/>
      <c r="T71" s="6"/>
      <c r="U71" s="6"/>
      <c r="V71" s="6"/>
      <c r="W71" s="6"/>
      <c r="X71" s="6"/>
      <c r="Y71" s="6"/>
      <c r="Z71" s="6"/>
      <c r="AA71" s="6"/>
      <c r="AB71" s="6"/>
      <c r="AC71" s="6"/>
      <c r="AD71" s="6"/>
    </row>
    <row r="72" spans="2:30" s="6" customFormat="1" x14ac:dyDescent="0.15">
      <c r="B72" s="140"/>
      <c r="C72" s="3"/>
      <c r="D72" s="3"/>
      <c r="E72" s="3"/>
      <c r="F72" s="3"/>
      <c r="G72" s="3"/>
      <c r="H72" s="3"/>
      <c r="I72" s="3"/>
      <c r="J72" s="3"/>
      <c r="K72" s="3"/>
      <c r="L72" s="3"/>
      <c r="M72" s="3"/>
      <c r="N72" s="3"/>
      <c r="O72" s="3"/>
      <c r="P72" s="3"/>
      <c r="Q72" s="3"/>
      <c r="R72" s="3"/>
      <c r="S72" s="3"/>
      <c r="T72" s="3"/>
      <c r="U72" s="3"/>
      <c r="V72" s="3"/>
      <c r="W72" s="3"/>
      <c r="X72" s="3"/>
      <c r="Y72" s="3"/>
      <c r="Z72" s="3"/>
      <c r="AA72" s="3"/>
      <c r="AB72" s="3"/>
      <c r="AC72" s="3"/>
      <c r="AD72" s="3"/>
    </row>
    <row r="73" spans="2:30" s="6" customFormat="1" ht="13.5" customHeight="1" x14ac:dyDescent="0.15">
      <c r="B73" s="140"/>
      <c r="C73" s="3"/>
      <c r="D73" s="3"/>
      <c r="E73" s="3"/>
      <c r="F73" s="3"/>
      <c r="G73" s="3"/>
      <c r="H73" s="3"/>
      <c r="I73" s="3"/>
      <c r="J73" s="3"/>
      <c r="K73" s="3"/>
      <c r="L73" s="3"/>
      <c r="M73" s="3"/>
      <c r="N73" s="3"/>
      <c r="O73" s="3"/>
      <c r="P73" s="3"/>
      <c r="Q73" s="3"/>
      <c r="R73" s="3"/>
      <c r="S73" s="3"/>
      <c r="T73" s="3"/>
      <c r="U73" s="3"/>
      <c r="V73" s="3"/>
      <c r="W73" s="3"/>
      <c r="X73" s="3"/>
      <c r="Y73" s="3"/>
      <c r="Z73" s="3"/>
      <c r="AA73" s="3"/>
      <c r="AB73" s="3"/>
      <c r="AC73" s="3"/>
      <c r="AD73" s="3"/>
    </row>
    <row r="74" spans="2:30" s="6" customFormat="1" ht="13.5" customHeight="1" x14ac:dyDescent="0.15">
      <c r="B74" s="140"/>
      <c r="C74" s="3"/>
      <c r="D74" s="3"/>
      <c r="E74" s="3"/>
      <c r="F74" s="3"/>
      <c r="G74" s="3"/>
      <c r="H74" s="3"/>
      <c r="I74" s="3"/>
      <c r="J74" s="3"/>
      <c r="K74" s="3"/>
      <c r="L74" s="3"/>
      <c r="M74" s="3"/>
      <c r="N74" s="3"/>
      <c r="O74" s="3"/>
      <c r="P74" s="3"/>
      <c r="Q74" s="3"/>
      <c r="R74" s="3"/>
      <c r="S74" s="3"/>
      <c r="T74" s="3"/>
      <c r="U74" s="3"/>
      <c r="V74" s="3"/>
      <c r="W74" s="3"/>
      <c r="X74" s="3"/>
      <c r="Y74" s="3"/>
      <c r="Z74" s="3"/>
      <c r="AA74" s="3"/>
      <c r="AB74" s="3"/>
      <c r="AC74" s="3"/>
      <c r="AD74" s="3"/>
    </row>
    <row r="75" spans="2:30" s="6" customFormat="1" x14ac:dyDescent="0.15">
      <c r="B75" s="140"/>
      <c r="C75" s="3"/>
      <c r="D75" s="3"/>
      <c r="E75" s="3"/>
      <c r="F75" s="3"/>
      <c r="G75" s="3"/>
      <c r="H75" s="3"/>
      <c r="I75" s="3"/>
      <c r="J75" s="3"/>
      <c r="K75" s="3"/>
      <c r="L75" s="3"/>
      <c r="M75" s="3"/>
      <c r="N75" s="3"/>
      <c r="O75" s="3"/>
      <c r="P75" s="3"/>
      <c r="Q75" s="3"/>
      <c r="R75" s="3"/>
      <c r="S75" s="3"/>
      <c r="T75" s="3"/>
      <c r="U75" s="3"/>
      <c r="V75" s="3"/>
      <c r="W75" s="3"/>
      <c r="X75" s="3"/>
      <c r="Y75" s="3"/>
      <c r="Z75" s="3"/>
      <c r="AA75" s="3"/>
      <c r="AB75" s="3"/>
      <c r="AC75" s="3"/>
      <c r="AD75" s="3"/>
    </row>
    <row r="76" spans="2:30" s="6" customFormat="1" x14ac:dyDescent="0.15">
      <c r="B76" s="140"/>
      <c r="C76" s="3"/>
      <c r="D76" s="3"/>
      <c r="E76" s="3"/>
      <c r="F76" s="3"/>
      <c r="G76" s="3"/>
      <c r="H76" s="3"/>
      <c r="I76" s="3"/>
      <c r="J76" s="3"/>
      <c r="K76" s="3"/>
      <c r="L76" s="3"/>
      <c r="M76" s="3"/>
      <c r="N76" s="3"/>
      <c r="O76" s="3"/>
      <c r="P76" s="3"/>
      <c r="Q76" s="3"/>
      <c r="R76" s="3"/>
      <c r="S76" s="3"/>
      <c r="T76" s="3"/>
      <c r="U76" s="3"/>
      <c r="V76" s="3"/>
      <c r="W76" s="3"/>
      <c r="X76" s="3"/>
      <c r="Y76" s="3"/>
      <c r="Z76" s="3"/>
      <c r="AA76" s="3"/>
      <c r="AB76" s="3"/>
      <c r="AC76" s="3"/>
      <c r="AD76" s="3"/>
    </row>
    <row r="77" spans="2:30" s="6" customFormat="1" x14ac:dyDescent="0.15">
      <c r="B77" s="140"/>
      <c r="C77" s="3"/>
      <c r="D77" s="3"/>
      <c r="E77" s="3"/>
      <c r="F77" s="3"/>
      <c r="G77" s="3"/>
      <c r="H77" s="3"/>
      <c r="I77" s="3"/>
      <c r="J77" s="3"/>
      <c r="K77" s="3"/>
      <c r="L77" s="3"/>
      <c r="M77" s="3"/>
      <c r="N77" s="3"/>
      <c r="O77" s="3"/>
      <c r="P77" s="3"/>
      <c r="Q77" s="3"/>
      <c r="R77" s="3"/>
      <c r="S77" s="3"/>
      <c r="T77" s="3"/>
      <c r="U77" s="3"/>
      <c r="V77" s="3"/>
      <c r="W77" s="3"/>
      <c r="X77" s="3"/>
      <c r="Y77" s="3"/>
      <c r="Z77" s="3"/>
      <c r="AA77" s="3"/>
      <c r="AB77" s="3"/>
      <c r="AC77" s="3"/>
      <c r="AD77" s="3"/>
    </row>
    <row r="122" spans="3:7" x14ac:dyDescent="0.15">
      <c r="C122" s="5"/>
      <c r="D122" s="5"/>
      <c r="E122" s="5"/>
      <c r="F122" s="5"/>
      <c r="G122" s="5"/>
    </row>
    <row r="123" spans="3:7" x14ac:dyDescent="0.15">
      <c r="C123" s="4"/>
    </row>
  </sheetData>
  <mergeCells count="44">
    <mergeCell ref="B8:F8"/>
    <mergeCell ref="G8:AD8"/>
    <mergeCell ref="V3:W3"/>
    <mergeCell ref="Y3:Z3"/>
    <mergeCell ref="AB3:AC3"/>
    <mergeCell ref="B5:AD5"/>
    <mergeCell ref="B6:AD6"/>
    <mergeCell ref="B9:F9"/>
    <mergeCell ref="B10:F11"/>
    <mergeCell ref="B12:F13"/>
    <mergeCell ref="B15:F18"/>
    <mergeCell ref="G15:Y15"/>
    <mergeCell ref="G16:Y16"/>
    <mergeCell ref="G17:Y17"/>
    <mergeCell ref="G18:Y18"/>
    <mergeCell ref="B23:F30"/>
    <mergeCell ref="U25:V25"/>
    <mergeCell ref="U26:V26"/>
    <mergeCell ref="J29:T29"/>
    <mergeCell ref="U29:V29"/>
    <mergeCell ref="B34:F41"/>
    <mergeCell ref="U36:V36"/>
    <mergeCell ref="U37:V37"/>
    <mergeCell ref="J40:T40"/>
    <mergeCell ref="U40:V40"/>
    <mergeCell ref="B46:F53"/>
    <mergeCell ref="U48:V48"/>
    <mergeCell ref="U49:V49"/>
    <mergeCell ref="J52:T52"/>
    <mergeCell ref="U52:V52"/>
    <mergeCell ref="B54:F58"/>
    <mergeCell ref="J56:T56"/>
    <mergeCell ref="U56:V56"/>
    <mergeCell ref="J57:T57"/>
    <mergeCell ref="U57:V57"/>
    <mergeCell ref="B66:C66"/>
    <mergeCell ref="B67:C67"/>
    <mergeCell ref="D67:AD67"/>
    <mergeCell ref="B59:F63"/>
    <mergeCell ref="J61:T61"/>
    <mergeCell ref="U61:V61"/>
    <mergeCell ref="J62:T62"/>
    <mergeCell ref="U62:V62"/>
    <mergeCell ref="B65:C65"/>
  </mergeCells>
  <phoneticPr fontId="2"/>
  <dataValidations count="1">
    <dataValidation type="list" allowBlank="1" showInputMessage="1" showErrorMessage="1" sqref="G9:G13 L9 Q9 S12 R10 AA16:AA18 AC16:AC18 AA26 AC26 AA29 AC29 AA37 AC37 AA40 AC40 AA49 AC49 AA52 AC52 AA57 AC57 AA62 AC62">
      <formula1>"□,■"</formula1>
    </dataValidation>
  </dataValidations>
  <pageMargins left="0.7" right="0.7" top="0.75" bottom="0.75" header="0.3" footer="0.3"/>
  <pageSetup paperSize="9" scale="87" orientation="portrait" r:id="rId1"/>
  <rowBreaks count="1" manualBreakCount="1">
    <brk id="68" max="16383" man="1"/>
  </rowBreaks>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AD123"/>
  <sheetViews>
    <sheetView zoomScaleNormal="100" zoomScaleSheetLayoutView="85" workbookViewId="0">
      <selection activeCell="C87" sqref="C87"/>
    </sheetView>
  </sheetViews>
  <sheetFormatPr defaultColWidth="3.5" defaultRowHeight="13.5" x14ac:dyDescent="0.15"/>
  <cols>
    <col min="1" max="1" width="1.25" style="3" customWidth="1"/>
    <col min="2" max="2" width="3.125" style="140" customWidth="1"/>
    <col min="3" max="5" width="3.125" style="3" customWidth="1"/>
    <col min="6" max="6" width="3.375" style="3" customWidth="1"/>
    <col min="7" max="25" width="3.125" style="3" customWidth="1"/>
    <col min="26" max="30" width="3.25" style="3" customWidth="1"/>
    <col min="31" max="31" width="1.25" style="3" customWidth="1"/>
    <col min="32" max="16384" width="3.5" style="3"/>
  </cols>
  <sheetData>
    <row r="1" spans="2:30" s="8" customFormat="1" ht="6.75" customHeight="1" x14ac:dyDescent="0.15"/>
    <row r="2" spans="2:30" s="8" customFormat="1" x14ac:dyDescent="0.15">
      <c r="B2" s="8" t="s">
        <v>601</v>
      </c>
    </row>
    <row r="3" spans="2:30" s="8" customFormat="1" x14ac:dyDescent="0.15">
      <c r="U3" s="17" t="s">
        <v>12</v>
      </c>
      <c r="V3" s="778"/>
      <c r="W3" s="778"/>
      <c r="X3" s="17" t="s">
        <v>11</v>
      </c>
      <c r="Y3" s="778"/>
      <c r="Z3" s="778"/>
      <c r="AA3" s="17" t="s">
        <v>10</v>
      </c>
      <c r="AB3" s="778"/>
      <c r="AC3" s="778"/>
      <c r="AD3" s="17" t="s">
        <v>20</v>
      </c>
    </row>
    <row r="4" spans="2:30" s="8" customFormat="1" ht="5.25" customHeight="1" x14ac:dyDescent="0.15">
      <c r="AD4" s="17"/>
    </row>
    <row r="5" spans="2:30" s="8" customFormat="1" x14ac:dyDescent="0.15">
      <c r="B5" s="778" t="s">
        <v>578</v>
      </c>
      <c r="C5" s="778"/>
      <c r="D5" s="778"/>
      <c r="E5" s="778"/>
      <c r="F5" s="778"/>
      <c r="G5" s="778"/>
      <c r="H5" s="778"/>
      <c r="I5" s="778"/>
      <c r="J5" s="778"/>
      <c r="K5" s="778"/>
      <c r="L5" s="778"/>
      <c r="M5" s="778"/>
      <c r="N5" s="778"/>
      <c r="O5" s="778"/>
      <c r="P5" s="778"/>
      <c r="Q5" s="778"/>
      <c r="R5" s="778"/>
      <c r="S5" s="778"/>
      <c r="T5" s="778"/>
      <c r="U5" s="778"/>
      <c r="V5" s="778"/>
      <c r="W5" s="778"/>
      <c r="X5" s="778"/>
      <c r="Y5" s="778"/>
      <c r="Z5" s="778"/>
      <c r="AA5" s="778"/>
      <c r="AB5" s="778"/>
      <c r="AC5" s="778"/>
      <c r="AD5" s="778"/>
    </row>
    <row r="6" spans="2:30" s="8" customFormat="1" x14ac:dyDescent="0.15">
      <c r="B6" s="778" t="s">
        <v>600</v>
      </c>
      <c r="C6" s="778"/>
      <c r="D6" s="778"/>
      <c r="E6" s="778"/>
      <c r="F6" s="778"/>
      <c r="G6" s="778"/>
      <c r="H6" s="778"/>
      <c r="I6" s="778"/>
      <c r="J6" s="778"/>
      <c r="K6" s="778"/>
      <c r="L6" s="778"/>
      <c r="M6" s="778"/>
      <c r="N6" s="778"/>
      <c r="O6" s="778"/>
      <c r="P6" s="778"/>
      <c r="Q6" s="778"/>
      <c r="R6" s="778"/>
      <c r="S6" s="778"/>
      <c r="T6" s="778"/>
      <c r="U6" s="778"/>
      <c r="V6" s="778"/>
      <c r="W6" s="778"/>
      <c r="X6" s="778"/>
      <c r="Y6" s="778"/>
      <c r="Z6" s="778"/>
      <c r="AA6" s="778"/>
      <c r="AB6" s="778"/>
      <c r="AC6" s="778"/>
      <c r="AD6" s="778"/>
    </row>
    <row r="7" spans="2:30" s="8" customFormat="1" ht="6" customHeight="1" x14ac:dyDescent="0.15"/>
    <row r="8" spans="2:30" s="8" customFormat="1" ht="21.75" customHeight="1" x14ac:dyDescent="0.15">
      <c r="B8" s="804" t="s">
        <v>576</v>
      </c>
      <c r="C8" s="804"/>
      <c r="D8" s="804"/>
      <c r="E8" s="804"/>
      <c r="F8" s="791"/>
      <c r="G8" s="954"/>
      <c r="H8" s="955"/>
      <c r="I8" s="955"/>
      <c r="J8" s="955"/>
      <c r="K8" s="955"/>
      <c r="L8" s="955"/>
      <c r="M8" s="955"/>
      <c r="N8" s="955"/>
      <c r="O8" s="955"/>
      <c r="P8" s="955"/>
      <c r="Q8" s="955"/>
      <c r="R8" s="955"/>
      <c r="S8" s="955"/>
      <c r="T8" s="955"/>
      <c r="U8" s="955"/>
      <c r="V8" s="955"/>
      <c r="W8" s="955"/>
      <c r="X8" s="955"/>
      <c r="Y8" s="955"/>
      <c r="Z8" s="955"/>
      <c r="AA8" s="955"/>
      <c r="AB8" s="955"/>
      <c r="AC8" s="955"/>
      <c r="AD8" s="956"/>
    </row>
    <row r="9" spans="2:30" ht="21.75" customHeight="1" x14ac:dyDescent="0.15">
      <c r="B9" s="791" t="s">
        <v>575</v>
      </c>
      <c r="C9" s="792"/>
      <c r="D9" s="792"/>
      <c r="E9" s="792"/>
      <c r="F9" s="792"/>
      <c r="G9" s="180" t="s">
        <v>0</v>
      </c>
      <c r="H9" s="168" t="s">
        <v>242</v>
      </c>
      <c r="I9" s="168"/>
      <c r="J9" s="168"/>
      <c r="K9" s="168"/>
      <c r="L9" s="179" t="s">
        <v>0</v>
      </c>
      <c r="M9" s="168" t="s">
        <v>241</v>
      </c>
      <c r="N9" s="168"/>
      <c r="O9" s="168"/>
      <c r="P9" s="168"/>
      <c r="Q9" s="179" t="s">
        <v>0</v>
      </c>
      <c r="R9" s="168" t="s">
        <v>240</v>
      </c>
      <c r="S9" s="287"/>
      <c r="T9" s="287"/>
      <c r="U9" s="287"/>
      <c r="V9" s="287"/>
      <c r="W9" s="287"/>
      <c r="X9" s="287"/>
      <c r="Y9" s="287"/>
      <c r="Z9" s="287"/>
      <c r="AA9" s="287"/>
      <c r="AB9" s="287"/>
      <c r="AC9" s="287"/>
      <c r="AD9" s="286"/>
    </row>
    <row r="10" spans="2:30" ht="21.75" customHeight="1" x14ac:dyDescent="0.15">
      <c r="B10" s="906" t="s">
        <v>574</v>
      </c>
      <c r="C10" s="907"/>
      <c r="D10" s="907"/>
      <c r="E10" s="907"/>
      <c r="F10" s="908"/>
      <c r="G10" s="178" t="s">
        <v>0</v>
      </c>
      <c r="H10" s="8" t="s">
        <v>599</v>
      </c>
      <c r="I10" s="16"/>
      <c r="J10" s="16"/>
      <c r="K10" s="16"/>
      <c r="L10" s="16"/>
      <c r="M10" s="16"/>
      <c r="N10" s="16"/>
      <c r="O10" s="16"/>
      <c r="P10" s="16"/>
      <c r="Q10" s="16"/>
      <c r="R10" s="178" t="s">
        <v>0</v>
      </c>
      <c r="S10" s="8" t="s">
        <v>598</v>
      </c>
      <c r="T10" s="290"/>
      <c r="U10" s="290"/>
      <c r="V10" s="290"/>
      <c r="W10" s="290"/>
      <c r="X10" s="290"/>
      <c r="Y10" s="290"/>
      <c r="Z10" s="290"/>
      <c r="AA10" s="290"/>
      <c r="AB10" s="290"/>
      <c r="AC10" s="290"/>
      <c r="AD10" s="289"/>
    </row>
    <row r="11" spans="2:30" ht="21.75" customHeight="1" x14ac:dyDescent="0.15">
      <c r="B11" s="909"/>
      <c r="C11" s="910"/>
      <c r="D11" s="910"/>
      <c r="E11" s="910"/>
      <c r="F11" s="911"/>
      <c r="G11" s="178" t="s">
        <v>0</v>
      </c>
      <c r="H11" s="172" t="s">
        <v>597</v>
      </c>
      <c r="I11" s="162"/>
      <c r="J11" s="162"/>
      <c r="K11" s="162"/>
      <c r="L11" s="162"/>
      <c r="M11" s="162"/>
      <c r="N11" s="162"/>
      <c r="O11" s="162"/>
      <c r="P11" s="162"/>
      <c r="Q11" s="162"/>
      <c r="R11" s="162"/>
      <c r="S11" s="281"/>
      <c r="T11" s="281"/>
      <c r="U11" s="281"/>
      <c r="V11" s="281"/>
      <c r="W11" s="281"/>
      <c r="X11" s="281"/>
      <c r="Y11" s="281"/>
      <c r="Z11" s="281"/>
      <c r="AA11" s="281"/>
      <c r="AB11" s="281"/>
      <c r="AC11" s="281"/>
      <c r="AD11" s="280"/>
    </row>
    <row r="12" spans="2:30" x14ac:dyDescent="0.15">
      <c r="B12" s="906" t="s">
        <v>570</v>
      </c>
      <c r="C12" s="907"/>
      <c r="D12" s="907"/>
      <c r="E12" s="907"/>
      <c r="F12" s="908"/>
      <c r="G12" s="294" t="s">
        <v>596</v>
      </c>
      <c r="H12" s="293"/>
      <c r="I12" s="293"/>
      <c r="J12" s="293"/>
      <c r="K12" s="293"/>
      <c r="L12" s="293"/>
      <c r="M12" s="293"/>
      <c r="N12" s="293"/>
      <c r="O12" s="293"/>
      <c r="P12" s="293"/>
      <c r="Q12" s="293"/>
      <c r="R12" s="293"/>
      <c r="S12" s="293"/>
      <c r="T12" s="293"/>
      <c r="U12" s="293"/>
      <c r="V12" s="293"/>
      <c r="W12" s="293"/>
      <c r="X12" s="293"/>
      <c r="Y12" s="293"/>
      <c r="Z12" s="293"/>
      <c r="AA12" s="293"/>
      <c r="AB12" s="293"/>
      <c r="AC12" s="293"/>
      <c r="AD12" s="292"/>
    </row>
    <row r="13" spans="2:30" ht="31.5" customHeight="1" x14ac:dyDescent="0.15">
      <c r="B13" s="823"/>
      <c r="C13" s="809"/>
      <c r="D13" s="809"/>
      <c r="E13" s="809"/>
      <c r="F13" s="821"/>
      <c r="G13" s="291" t="s">
        <v>0</v>
      </c>
      <c r="H13" s="8" t="s">
        <v>569</v>
      </c>
      <c r="I13" s="16"/>
      <c r="J13" s="16"/>
      <c r="K13" s="16"/>
      <c r="L13" s="16"/>
      <c r="M13" s="16"/>
      <c r="N13" s="16"/>
      <c r="O13" s="16"/>
      <c r="P13" s="16"/>
      <c r="Q13" s="16"/>
      <c r="R13" s="178" t="s">
        <v>0</v>
      </c>
      <c r="S13" s="8" t="s">
        <v>568</v>
      </c>
      <c r="T13" s="290"/>
      <c r="U13" s="290"/>
      <c r="V13" s="290"/>
      <c r="W13" s="290"/>
      <c r="X13" s="290"/>
      <c r="Y13" s="290"/>
      <c r="Z13" s="290"/>
      <c r="AA13" s="290"/>
      <c r="AB13" s="290"/>
      <c r="AC13" s="290"/>
      <c r="AD13" s="289"/>
    </row>
    <row r="14" spans="2:30" x14ac:dyDescent="0.15">
      <c r="B14" s="823"/>
      <c r="C14" s="809"/>
      <c r="D14" s="809"/>
      <c r="E14" s="809"/>
      <c r="F14" s="821"/>
      <c r="G14" s="20" t="s">
        <v>595</v>
      </c>
      <c r="H14" s="8"/>
      <c r="I14" s="16"/>
      <c r="J14" s="16"/>
      <c r="K14" s="16"/>
      <c r="L14" s="16"/>
      <c r="M14" s="16"/>
      <c r="N14" s="16"/>
      <c r="O14" s="16"/>
      <c r="P14" s="16"/>
      <c r="Q14" s="16"/>
      <c r="R14" s="16"/>
      <c r="S14" s="8"/>
      <c r="T14" s="290"/>
      <c r="U14" s="290"/>
      <c r="V14" s="290"/>
      <c r="W14" s="290"/>
      <c r="X14" s="290"/>
      <c r="Y14" s="290"/>
      <c r="Z14" s="290"/>
      <c r="AA14" s="290"/>
      <c r="AB14" s="290"/>
      <c r="AC14" s="290"/>
      <c r="AD14" s="289"/>
    </row>
    <row r="15" spans="2:30" ht="31.5" customHeight="1" x14ac:dyDescent="0.15">
      <c r="B15" s="909"/>
      <c r="C15" s="910"/>
      <c r="D15" s="910"/>
      <c r="E15" s="910"/>
      <c r="F15" s="911"/>
      <c r="G15" s="192" t="s">
        <v>0</v>
      </c>
      <c r="H15" s="172" t="s">
        <v>567</v>
      </c>
      <c r="I15" s="162"/>
      <c r="J15" s="162"/>
      <c r="K15" s="162"/>
      <c r="L15" s="162"/>
      <c r="M15" s="162"/>
      <c r="N15" s="162"/>
      <c r="O15" s="162"/>
      <c r="P15" s="162"/>
      <c r="Q15" s="162"/>
      <c r="R15" s="191" t="s">
        <v>0</v>
      </c>
      <c r="S15" s="172" t="s">
        <v>594</v>
      </c>
      <c r="T15" s="281"/>
      <c r="U15" s="281"/>
      <c r="V15" s="281"/>
      <c r="W15" s="281"/>
      <c r="X15" s="281"/>
      <c r="Y15" s="281"/>
      <c r="Z15" s="281"/>
      <c r="AA15" s="281"/>
      <c r="AB15" s="281"/>
      <c r="AC15" s="281"/>
      <c r="AD15" s="280"/>
    </row>
    <row r="16" spans="2:30" s="8" customFormat="1" ht="7.5" customHeight="1" x14ac:dyDescent="0.15"/>
    <row r="17" spans="2:30" s="8" customFormat="1" x14ac:dyDescent="0.15">
      <c r="B17" s="937" t="s">
        <v>593</v>
      </c>
      <c r="C17" s="938"/>
      <c r="D17" s="938"/>
      <c r="E17" s="938"/>
      <c r="F17" s="939"/>
      <c r="G17" s="942"/>
      <c r="H17" s="943"/>
      <c r="I17" s="943"/>
      <c r="J17" s="943"/>
      <c r="K17" s="943"/>
      <c r="L17" s="943"/>
      <c r="M17" s="943"/>
      <c r="N17" s="943"/>
      <c r="O17" s="943"/>
      <c r="P17" s="943"/>
      <c r="Q17" s="943"/>
      <c r="R17" s="943"/>
      <c r="S17" s="943"/>
      <c r="T17" s="943"/>
      <c r="U17" s="943"/>
      <c r="V17" s="943"/>
      <c r="W17" s="943"/>
      <c r="X17" s="943"/>
      <c r="Y17" s="944"/>
      <c r="Z17" s="279"/>
      <c r="AA17" s="278" t="s">
        <v>227</v>
      </c>
      <c r="AB17" s="278" t="s">
        <v>217</v>
      </c>
      <c r="AC17" s="278" t="s">
        <v>226</v>
      </c>
      <c r="AD17" s="251"/>
    </row>
    <row r="18" spans="2:30" s="8" customFormat="1" ht="27" customHeight="1" x14ac:dyDescent="0.15">
      <c r="B18" s="822"/>
      <c r="C18" s="789"/>
      <c r="D18" s="789"/>
      <c r="E18" s="789"/>
      <c r="F18" s="805"/>
      <c r="G18" s="945" t="s">
        <v>565</v>
      </c>
      <c r="H18" s="946"/>
      <c r="I18" s="946"/>
      <c r="J18" s="946"/>
      <c r="K18" s="946"/>
      <c r="L18" s="946"/>
      <c r="M18" s="946"/>
      <c r="N18" s="946"/>
      <c r="O18" s="946"/>
      <c r="P18" s="946"/>
      <c r="Q18" s="946"/>
      <c r="R18" s="946"/>
      <c r="S18" s="946"/>
      <c r="T18" s="946"/>
      <c r="U18" s="946"/>
      <c r="V18" s="946"/>
      <c r="W18" s="946"/>
      <c r="X18" s="946"/>
      <c r="Y18" s="947"/>
      <c r="Z18" s="151"/>
      <c r="AA18" s="178" t="s">
        <v>0</v>
      </c>
      <c r="AB18" s="178" t="s">
        <v>217</v>
      </c>
      <c r="AC18" s="178" t="s">
        <v>0</v>
      </c>
      <c r="AD18" s="174"/>
    </row>
    <row r="19" spans="2:30" s="8" customFormat="1" ht="27" customHeight="1" x14ac:dyDescent="0.15">
      <c r="B19" s="822"/>
      <c r="C19" s="789"/>
      <c r="D19" s="789"/>
      <c r="E19" s="789"/>
      <c r="F19" s="805"/>
      <c r="G19" s="948" t="s">
        <v>564</v>
      </c>
      <c r="H19" s="949"/>
      <c r="I19" s="949"/>
      <c r="J19" s="949"/>
      <c r="K19" s="949"/>
      <c r="L19" s="949"/>
      <c r="M19" s="949"/>
      <c r="N19" s="949"/>
      <c r="O19" s="949"/>
      <c r="P19" s="949"/>
      <c r="Q19" s="949"/>
      <c r="R19" s="949"/>
      <c r="S19" s="949"/>
      <c r="T19" s="949"/>
      <c r="U19" s="949"/>
      <c r="V19" s="949"/>
      <c r="W19" s="949"/>
      <c r="X19" s="949"/>
      <c r="Y19" s="950"/>
      <c r="Z19" s="20"/>
      <c r="AA19" s="178" t="s">
        <v>0</v>
      </c>
      <c r="AB19" s="178" t="s">
        <v>217</v>
      </c>
      <c r="AC19" s="178" t="s">
        <v>0</v>
      </c>
      <c r="AD19" s="150"/>
    </row>
    <row r="20" spans="2:30" s="8" customFormat="1" ht="27" customHeight="1" x14ac:dyDescent="0.15">
      <c r="B20" s="940"/>
      <c r="C20" s="779"/>
      <c r="D20" s="779"/>
      <c r="E20" s="779"/>
      <c r="F20" s="941"/>
      <c r="G20" s="951" t="s">
        <v>563</v>
      </c>
      <c r="H20" s="952"/>
      <c r="I20" s="952"/>
      <c r="J20" s="952"/>
      <c r="K20" s="952"/>
      <c r="L20" s="952"/>
      <c r="M20" s="952"/>
      <c r="N20" s="952"/>
      <c r="O20" s="952"/>
      <c r="P20" s="952"/>
      <c r="Q20" s="952"/>
      <c r="R20" s="952"/>
      <c r="S20" s="952"/>
      <c r="T20" s="952"/>
      <c r="U20" s="952"/>
      <c r="V20" s="952"/>
      <c r="W20" s="952"/>
      <c r="X20" s="952"/>
      <c r="Y20" s="953"/>
      <c r="Z20" s="288"/>
      <c r="AA20" s="191" t="s">
        <v>0</v>
      </c>
      <c r="AB20" s="191" t="s">
        <v>217</v>
      </c>
      <c r="AC20" s="191" t="s">
        <v>0</v>
      </c>
      <c r="AD20" s="266"/>
    </row>
    <row r="21" spans="2:30" s="8" customFormat="1" ht="6" customHeight="1" x14ac:dyDescent="0.15"/>
    <row r="22" spans="2:30" s="8" customFormat="1" x14ac:dyDescent="0.15">
      <c r="B22" s="8" t="s">
        <v>592</v>
      </c>
    </row>
    <row r="23" spans="2:30" s="8" customFormat="1" x14ac:dyDescent="0.15">
      <c r="B23" s="8" t="s">
        <v>561</v>
      </c>
      <c r="AC23" s="16"/>
      <c r="AD23" s="16"/>
    </row>
    <row r="24" spans="2:30" s="8" customFormat="1" ht="6" customHeight="1" x14ac:dyDescent="0.15"/>
    <row r="25" spans="2:30" s="8" customFormat="1" ht="4.5" customHeight="1" x14ac:dyDescent="0.15">
      <c r="B25" s="968" t="s">
        <v>544</v>
      </c>
      <c r="C25" s="969"/>
      <c r="D25" s="958" t="s">
        <v>589</v>
      </c>
      <c r="E25" s="959"/>
      <c r="F25" s="960"/>
      <c r="G25" s="158"/>
      <c r="H25" s="157"/>
      <c r="I25" s="157"/>
      <c r="J25" s="157"/>
      <c r="K25" s="157"/>
      <c r="L25" s="157"/>
      <c r="M25" s="157"/>
      <c r="N25" s="157"/>
      <c r="O25" s="157"/>
      <c r="P25" s="157"/>
      <c r="Q25" s="157"/>
      <c r="R25" s="157"/>
      <c r="S25" s="157"/>
      <c r="T25" s="157"/>
      <c r="U25" s="157"/>
      <c r="V25" s="157"/>
      <c r="W25" s="157"/>
      <c r="X25" s="157"/>
      <c r="Y25" s="157"/>
      <c r="Z25" s="158"/>
      <c r="AA25" s="157"/>
      <c r="AB25" s="157"/>
      <c r="AC25" s="166"/>
      <c r="AD25" s="251"/>
    </row>
    <row r="26" spans="2:30" s="8" customFormat="1" ht="15.75" customHeight="1" x14ac:dyDescent="0.15">
      <c r="B26" s="970"/>
      <c r="C26" s="971"/>
      <c r="D26" s="961"/>
      <c r="E26" s="962"/>
      <c r="F26" s="963"/>
      <c r="G26" s="9"/>
      <c r="H26" s="8" t="s">
        <v>543</v>
      </c>
      <c r="Z26" s="9"/>
      <c r="AA26" s="152" t="s">
        <v>227</v>
      </c>
      <c r="AB26" s="152" t="s">
        <v>217</v>
      </c>
      <c r="AC26" s="152" t="s">
        <v>226</v>
      </c>
      <c r="AD26" s="270"/>
    </row>
    <row r="27" spans="2:30" s="8" customFormat="1" ht="18" customHeight="1" x14ac:dyDescent="0.15">
      <c r="B27" s="970"/>
      <c r="C27" s="971"/>
      <c r="D27" s="961"/>
      <c r="E27" s="962"/>
      <c r="F27" s="963"/>
      <c r="G27" s="9"/>
      <c r="I27" s="188" t="s">
        <v>279</v>
      </c>
      <c r="J27" s="933" t="s">
        <v>588</v>
      </c>
      <c r="K27" s="967"/>
      <c r="L27" s="967"/>
      <c r="M27" s="967"/>
      <c r="N27" s="967"/>
      <c r="O27" s="967"/>
      <c r="P27" s="967"/>
      <c r="Q27" s="967"/>
      <c r="R27" s="967"/>
      <c r="S27" s="967"/>
      <c r="T27" s="967"/>
      <c r="U27" s="790"/>
      <c r="V27" s="780"/>
      <c r="W27" s="197" t="s">
        <v>175</v>
      </c>
      <c r="Z27" s="9"/>
      <c r="AC27" s="16"/>
      <c r="AD27" s="150"/>
    </row>
    <row r="28" spans="2:30" s="8" customFormat="1" ht="30" customHeight="1" x14ac:dyDescent="0.15">
      <c r="B28" s="970"/>
      <c r="C28" s="971"/>
      <c r="D28" s="961"/>
      <c r="E28" s="962"/>
      <c r="F28" s="963"/>
      <c r="G28" s="9"/>
      <c r="I28" s="269" t="s">
        <v>277</v>
      </c>
      <c r="J28" s="935" t="s">
        <v>590</v>
      </c>
      <c r="K28" s="936"/>
      <c r="L28" s="936"/>
      <c r="M28" s="936"/>
      <c r="N28" s="936"/>
      <c r="O28" s="936"/>
      <c r="P28" s="936"/>
      <c r="Q28" s="936"/>
      <c r="R28" s="936"/>
      <c r="S28" s="936"/>
      <c r="T28" s="936"/>
      <c r="U28" s="790"/>
      <c r="V28" s="780"/>
      <c r="W28" s="171" t="s">
        <v>175</v>
      </c>
      <c r="Y28" s="264"/>
      <c r="Z28" s="20"/>
      <c r="AA28" s="178" t="s">
        <v>0</v>
      </c>
      <c r="AB28" s="178" t="s">
        <v>217</v>
      </c>
      <c r="AC28" s="178" t="s">
        <v>0</v>
      </c>
      <c r="AD28" s="150"/>
    </row>
    <row r="29" spans="2:30" s="8" customFormat="1" ht="6" customHeight="1" x14ac:dyDescent="0.15">
      <c r="B29" s="970"/>
      <c r="C29" s="971"/>
      <c r="D29" s="961"/>
      <c r="E29" s="962"/>
      <c r="F29" s="963"/>
      <c r="G29" s="173"/>
      <c r="H29" s="172"/>
      <c r="I29" s="172"/>
      <c r="J29" s="172"/>
      <c r="K29" s="172"/>
      <c r="L29" s="172"/>
      <c r="M29" s="172"/>
      <c r="N29" s="172"/>
      <c r="O29" s="172"/>
      <c r="P29" s="172"/>
      <c r="Q29" s="172"/>
      <c r="R29" s="172"/>
      <c r="S29" s="172"/>
      <c r="T29" s="267"/>
      <c r="U29" s="271"/>
      <c r="V29" s="143"/>
      <c r="W29" s="172"/>
      <c r="X29" s="172"/>
      <c r="Y29" s="172"/>
      <c r="Z29" s="173"/>
      <c r="AA29" s="172"/>
      <c r="AB29" s="172"/>
      <c r="AC29" s="162"/>
      <c r="AD29" s="266"/>
    </row>
    <row r="30" spans="2:30" s="8" customFormat="1" ht="4.5" customHeight="1" x14ac:dyDescent="0.15">
      <c r="B30" s="970"/>
      <c r="C30" s="971"/>
      <c r="D30" s="958" t="s">
        <v>587</v>
      </c>
      <c r="E30" s="959"/>
      <c r="F30" s="960"/>
      <c r="G30" s="158"/>
      <c r="H30" s="157"/>
      <c r="I30" s="157"/>
      <c r="J30" s="157"/>
      <c r="K30" s="157"/>
      <c r="L30" s="157"/>
      <c r="M30" s="157"/>
      <c r="N30" s="157"/>
      <c r="O30" s="157"/>
      <c r="P30" s="157"/>
      <c r="Q30" s="157"/>
      <c r="R30" s="157"/>
      <c r="S30" s="157"/>
      <c r="T30" s="157"/>
      <c r="U30" s="194"/>
      <c r="V30" s="194"/>
      <c r="W30" s="157"/>
      <c r="X30" s="157"/>
      <c r="Y30" s="157"/>
      <c r="Z30" s="158"/>
      <c r="AA30" s="157"/>
      <c r="AB30" s="157"/>
      <c r="AC30" s="166"/>
      <c r="AD30" s="251"/>
    </row>
    <row r="31" spans="2:30" s="8" customFormat="1" ht="15.75" customHeight="1" x14ac:dyDescent="0.15">
      <c r="B31" s="970"/>
      <c r="C31" s="971"/>
      <c r="D31" s="961"/>
      <c r="E31" s="962"/>
      <c r="F31" s="963"/>
      <c r="G31" s="9"/>
      <c r="H31" s="8" t="s">
        <v>586</v>
      </c>
      <c r="U31" s="18"/>
      <c r="V31" s="18"/>
      <c r="Z31" s="9"/>
      <c r="AA31" s="152" t="s">
        <v>227</v>
      </c>
      <c r="AB31" s="152" t="s">
        <v>217</v>
      </c>
      <c r="AC31" s="152" t="s">
        <v>226</v>
      </c>
      <c r="AD31" s="270"/>
    </row>
    <row r="32" spans="2:30" s="8" customFormat="1" ht="30" customHeight="1" x14ac:dyDescent="0.15">
      <c r="B32" s="970"/>
      <c r="C32" s="971"/>
      <c r="D32" s="961"/>
      <c r="E32" s="962"/>
      <c r="F32" s="963"/>
      <c r="G32" s="9"/>
      <c r="I32" s="188" t="s">
        <v>279</v>
      </c>
      <c r="J32" s="933" t="s">
        <v>585</v>
      </c>
      <c r="K32" s="967"/>
      <c r="L32" s="967"/>
      <c r="M32" s="967"/>
      <c r="N32" s="967"/>
      <c r="O32" s="967"/>
      <c r="P32" s="967"/>
      <c r="Q32" s="967"/>
      <c r="R32" s="967"/>
      <c r="S32" s="967"/>
      <c r="T32" s="967"/>
      <c r="U32" s="790"/>
      <c r="V32" s="780"/>
      <c r="W32" s="197" t="s">
        <v>175</v>
      </c>
      <c r="Z32" s="9"/>
      <c r="AC32" s="16"/>
      <c r="AD32" s="150"/>
    </row>
    <row r="33" spans="2:30" s="8" customFormat="1" ht="18" customHeight="1" x14ac:dyDescent="0.15">
      <c r="B33" s="970"/>
      <c r="C33" s="971"/>
      <c r="D33" s="961"/>
      <c r="E33" s="962"/>
      <c r="F33" s="963"/>
      <c r="G33" s="9"/>
      <c r="I33" s="269" t="s">
        <v>277</v>
      </c>
      <c r="J33" s="935" t="s">
        <v>591</v>
      </c>
      <c r="K33" s="936"/>
      <c r="L33" s="936"/>
      <c r="M33" s="936"/>
      <c r="N33" s="936"/>
      <c r="O33" s="936"/>
      <c r="P33" s="936"/>
      <c r="Q33" s="936"/>
      <c r="R33" s="936"/>
      <c r="S33" s="936"/>
      <c r="T33" s="936"/>
      <c r="U33" s="790"/>
      <c r="V33" s="780"/>
      <c r="W33" s="171" t="s">
        <v>175</v>
      </c>
      <c r="Y33" s="264"/>
      <c r="Z33" s="20"/>
      <c r="AA33" s="178" t="s">
        <v>0</v>
      </c>
      <c r="AB33" s="178" t="s">
        <v>217</v>
      </c>
      <c r="AC33" s="178" t="s">
        <v>0</v>
      </c>
      <c r="AD33" s="150"/>
    </row>
    <row r="34" spans="2:30" s="8" customFormat="1" ht="6" customHeight="1" x14ac:dyDescent="0.15">
      <c r="B34" s="970"/>
      <c r="C34" s="971"/>
      <c r="D34" s="964"/>
      <c r="E34" s="965"/>
      <c r="F34" s="966"/>
      <c r="G34" s="173"/>
      <c r="H34" s="172"/>
      <c r="I34" s="172"/>
      <c r="J34" s="172"/>
      <c r="K34" s="172"/>
      <c r="L34" s="172"/>
      <c r="M34" s="172"/>
      <c r="N34" s="172"/>
      <c r="O34" s="172"/>
      <c r="P34" s="172"/>
      <c r="Q34" s="172"/>
      <c r="R34" s="172"/>
      <c r="S34" s="172"/>
      <c r="T34" s="267"/>
      <c r="U34" s="271"/>
      <c r="V34" s="143"/>
      <c r="W34" s="172"/>
      <c r="X34" s="172"/>
      <c r="Y34" s="172"/>
      <c r="Z34" s="173"/>
      <c r="AA34" s="172"/>
      <c r="AB34" s="172"/>
      <c r="AC34" s="162"/>
      <c r="AD34" s="266"/>
    </row>
    <row r="35" spans="2:30" s="8" customFormat="1" ht="4.5" customHeight="1" x14ac:dyDescent="0.15">
      <c r="B35" s="970"/>
      <c r="C35" s="971"/>
      <c r="D35" s="958" t="s">
        <v>583</v>
      </c>
      <c r="E35" s="959"/>
      <c r="F35" s="960"/>
      <c r="G35" s="158"/>
      <c r="H35" s="157"/>
      <c r="I35" s="157"/>
      <c r="J35" s="157"/>
      <c r="K35" s="157"/>
      <c r="L35" s="157"/>
      <c r="M35" s="157"/>
      <c r="N35" s="157"/>
      <c r="O35" s="157"/>
      <c r="P35" s="157"/>
      <c r="Q35" s="157"/>
      <c r="R35" s="157"/>
      <c r="S35" s="157"/>
      <c r="T35" s="157"/>
      <c r="U35" s="194"/>
      <c r="V35" s="194"/>
      <c r="W35" s="157"/>
      <c r="X35" s="157"/>
      <c r="Y35" s="157"/>
      <c r="Z35" s="158"/>
      <c r="AA35" s="157"/>
      <c r="AB35" s="157"/>
      <c r="AC35" s="166"/>
      <c r="AD35" s="251"/>
    </row>
    <row r="36" spans="2:30" s="8" customFormat="1" ht="15.75" customHeight="1" x14ac:dyDescent="0.15">
      <c r="B36" s="970"/>
      <c r="C36" s="971"/>
      <c r="D36" s="961"/>
      <c r="E36" s="962"/>
      <c r="F36" s="963"/>
      <c r="G36" s="9"/>
      <c r="H36" s="8" t="s">
        <v>543</v>
      </c>
      <c r="U36" s="18"/>
      <c r="V36" s="18"/>
      <c r="Z36" s="9"/>
      <c r="AA36" s="152" t="s">
        <v>227</v>
      </c>
      <c r="AB36" s="152" t="s">
        <v>217</v>
      </c>
      <c r="AC36" s="152" t="s">
        <v>226</v>
      </c>
      <c r="AD36" s="270"/>
    </row>
    <row r="37" spans="2:30" s="8" customFormat="1" ht="27" customHeight="1" x14ac:dyDescent="0.15">
      <c r="B37" s="970"/>
      <c r="C37" s="971"/>
      <c r="D37" s="961"/>
      <c r="E37" s="962"/>
      <c r="F37" s="963"/>
      <c r="G37" s="9"/>
      <c r="I37" s="188" t="s">
        <v>279</v>
      </c>
      <c r="J37" s="933" t="s">
        <v>582</v>
      </c>
      <c r="K37" s="967"/>
      <c r="L37" s="967"/>
      <c r="M37" s="967"/>
      <c r="N37" s="967"/>
      <c r="O37" s="967"/>
      <c r="P37" s="967"/>
      <c r="Q37" s="967"/>
      <c r="R37" s="967"/>
      <c r="S37" s="967"/>
      <c r="T37" s="967"/>
      <c r="U37" s="790"/>
      <c r="V37" s="780"/>
      <c r="W37" s="197" t="s">
        <v>175</v>
      </c>
      <c r="Z37" s="9"/>
      <c r="AC37" s="16"/>
      <c r="AD37" s="150"/>
    </row>
    <row r="38" spans="2:30" s="8" customFormat="1" ht="27" customHeight="1" x14ac:dyDescent="0.15">
      <c r="B38" s="972"/>
      <c r="C38" s="973"/>
      <c r="D38" s="964"/>
      <c r="E38" s="965"/>
      <c r="F38" s="965"/>
      <c r="G38" s="9"/>
      <c r="I38" s="188" t="s">
        <v>277</v>
      </c>
      <c r="J38" s="935" t="s">
        <v>590</v>
      </c>
      <c r="K38" s="936"/>
      <c r="L38" s="936"/>
      <c r="M38" s="936"/>
      <c r="N38" s="936"/>
      <c r="O38" s="936"/>
      <c r="P38" s="936"/>
      <c r="Q38" s="936"/>
      <c r="R38" s="936"/>
      <c r="S38" s="936"/>
      <c r="T38" s="936"/>
      <c r="U38" s="790"/>
      <c r="V38" s="780"/>
      <c r="W38" s="172" t="s">
        <v>175</v>
      </c>
      <c r="X38" s="9"/>
      <c r="Y38" s="264"/>
      <c r="Z38" s="20"/>
      <c r="AA38" s="178" t="s">
        <v>0</v>
      </c>
      <c r="AB38" s="178" t="s">
        <v>217</v>
      </c>
      <c r="AC38" s="178" t="s">
        <v>0</v>
      </c>
      <c r="AD38" s="150"/>
    </row>
    <row r="39" spans="2:30" s="8" customFormat="1" ht="6" customHeight="1" x14ac:dyDescent="0.15">
      <c r="B39" s="972"/>
      <c r="C39" s="976"/>
      <c r="D39" s="964"/>
      <c r="E39" s="965"/>
      <c r="F39" s="966"/>
      <c r="G39" s="173"/>
      <c r="H39" s="172"/>
      <c r="I39" s="172"/>
      <c r="J39" s="172"/>
      <c r="K39" s="172"/>
      <c r="L39" s="172"/>
      <c r="M39" s="172"/>
      <c r="N39" s="172"/>
      <c r="O39" s="172"/>
      <c r="P39" s="172"/>
      <c r="Q39" s="172"/>
      <c r="R39" s="172"/>
      <c r="S39" s="172"/>
      <c r="T39" s="267"/>
      <c r="U39" s="271"/>
      <c r="V39" s="143"/>
      <c r="W39" s="172"/>
      <c r="X39" s="172"/>
      <c r="Y39" s="172"/>
      <c r="Z39" s="173"/>
      <c r="AA39" s="172"/>
      <c r="AB39" s="172"/>
      <c r="AC39" s="162"/>
      <c r="AD39" s="266"/>
    </row>
    <row r="40" spans="2:30" s="8" customFormat="1" ht="9" customHeight="1" x14ac:dyDescent="0.15">
      <c r="B40" s="265"/>
      <c r="C40" s="265"/>
      <c r="D40" s="265"/>
      <c r="E40" s="265"/>
      <c r="F40" s="265"/>
      <c r="T40" s="264"/>
      <c r="U40" s="268"/>
      <c r="V40" s="18"/>
      <c r="AC40" s="16"/>
      <c r="AD40" s="16"/>
    </row>
    <row r="41" spans="2:30" s="8" customFormat="1" x14ac:dyDescent="0.15">
      <c r="B41" s="8" t="s">
        <v>558</v>
      </c>
      <c r="U41" s="18"/>
      <c r="V41" s="18"/>
      <c r="AC41" s="16"/>
      <c r="AD41" s="16"/>
    </row>
    <row r="42" spans="2:30" s="8" customFormat="1" ht="6" customHeight="1" x14ac:dyDescent="0.15">
      <c r="U42" s="18"/>
      <c r="V42" s="18"/>
    </row>
    <row r="43" spans="2:30" s="8" customFormat="1" ht="4.5" customHeight="1" x14ac:dyDescent="0.15">
      <c r="B43" s="968" t="s">
        <v>544</v>
      </c>
      <c r="C43" s="969"/>
      <c r="D43" s="958" t="s">
        <v>589</v>
      </c>
      <c r="E43" s="959"/>
      <c r="F43" s="960"/>
      <c r="G43" s="158"/>
      <c r="H43" s="157"/>
      <c r="I43" s="157"/>
      <c r="J43" s="157"/>
      <c r="K43" s="157"/>
      <c r="L43" s="157"/>
      <c r="M43" s="157"/>
      <c r="N43" s="157"/>
      <c r="O43" s="157"/>
      <c r="P43" s="157"/>
      <c r="Q43" s="157"/>
      <c r="R43" s="157"/>
      <c r="S43" s="157"/>
      <c r="T43" s="157"/>
      <c r="U43" s="194"/>
      <c r="V43" s="194"/>
      <c r="W43" s="157"/>
      <c r="X43" s="157"/>
      <c r="Y43" s="157"/>
      <c r="Z43" s="158"/>
      <c r="AA43" s="157"/>
      <c r="AB43" s="157"/>
      <c r="AC43" s="166"/>
      <c r="AD43" s="251"/>
    </row>
    <row r="44" spans="2:30" s="8" customFormat="1" ht="15.75" customHeight="1" x14ac:dyDescent="0.15">
      <c r="B44" s="970"/>
      <c r="C44" s="971"/>
      <c r="D44" s="961"/>
      <c r="E44" s="962"/>
      <c r="F44" s="963"/>
      <c r="G44" s="9"/>
      <c r="H44" s="8" t="s">
        <v>543</v>
      </c>
      <c r="U44" s="18"/>
      <c r="V44" s="18"/>
      <c r="Z44" s="9"/>
      <c r="AA44" s="152" t="s">
        <v>227</v>
      </c>
      <c r="AB44" s="152" t="s">
        <v>217</v>
      </c>
      <c r="AC44" s="152" t="s">
        <v>226</v>
      </c>
      <c r="AD44" s="270"/>
    </row>
    <row r="45" spans="2:30" s="8" customFormat="1" ht="18" customHeight="1" x14ac:dyDescent="0.15">
      <c r="B45" s="970"/>
      <c r="C45" s="971"/>
      <c r="D45" s="961"/>
      <c r="E45" s="962"/>
      <c r="F45" s="963"/>
      <c r="G45" s="9"/>
      <c r="I45" s="188" t="s">
        <v>279</v>
      </c>
      <c r="J45" s="933" t="s">
        <v>588</v>
      </c>
      <c r="K45" s="967"/>
      <c r="L45" s="967"/>
      <c r="M45" s="967"/>
      <c r="N45" s="967"/>
      <c r="O45" s="967"/>
      <c r="P45" s="967"/>
      <c r="Q45" s="967"/>
      <c r="R45" s="967"/>
      <c r="S45" s="967"/>
      <c r="T45" s="967"/>
      <c r="U45" s="790"/>
      <c r="V45" s="780"/>
      <c r="W45" s="197" t="s">
        <v>175</v>
      </c>
      <c r="Z45" s="9"/>
      <c r="AC45" s="16"/>
      <c r="AD45" s="150"/>
    </row>
    <row r="46" spans="2:30" s="8" customFormat="1" ht="30" customHeight="1" x14ac:dyDescent="0.15">
      <c r="B46" s="970"/>
      <c r="C46" s="971"/>
      <c r="D46" s="961"/>
      <c r="E46" s="962"/>
      <c r="F46" s="963"/>
      <c r="G46" s="9"/>
      <c r="I46" s="269" t="s">
        <v>277</v>
      </c>
      <c r="J46" s="935" t="s">
        <v>581</v>
      </c>
      <c r="K46" s="936"/>
      <c r="L46" s="936"/>
      <c r="M46" s="936"/>
      <c r="N46" s="936"/>
      <c r="O46" s="936"/>
      <c r="P46" s="936"/>
      <c r="Q46" s="936"/>
      <c r="R46" s="936"/>
      <c r="S46" s="936"/>
      <c r="T46" s="936"/>
      <c r="U46" s="790"/>
      <c r="V46" s="780"/>
      <c r="W46" s="171" t="s">
        <v>175</v>
      </c>
      <c r="Y46" s="264"/>
      <c r="Z46" s="20"/>
      <c r="AA46" s="178" t="s">
        <v>0</v>
      </c>
      <c r="AB46" s="178" t="s">
        <v>217</v>
      </c>
      <c r="AC46" s="178" t="s">
        <v>0</v>
      </c>
      <c r="AD46" s="150"/>
    </row>
    <row r="47" spans="2:30" s="8" customFormat="1" ht="6" customHeight="1" x14ac:dyDescent="0.15">
      <c r="B47" s="970"/>
      <c r="C47" s="971"/>
      <c r="D47" s="961"/>
      <c r="E47" s="962"/>
      <c r="F47" s="963"/>
      <c r="G47" s="173"/>
      <c r="H47" s="172"/>
      <c r="I47" s="172"/>
      <c r="J47" s="172"/>
      <c r="K47" s="172"/>
      <c r="L47" s="172"/>
      <c r="M47" s="172"/>
      <c r="N47" s="172"/>
      <c r="O47" s="172"/>
      <c r="P47" s="172"/>
      <c r="Q47" s="172"/>
      <c r="R47" s="172"/>
      <c r="S47" s="172"/>
      <c r="T47" s="267"/>
      <c r="U47" s="271"/>
      <c r="V47" s="143"/>
      <c r="W47" s="172"/>
      <c r="X47" s="172"/>
      <c r="Y47" s="172"/>
      <c r="Z47" s="173"/>
      <c r="AA47" s="172"/>
      <c r="AB47" s="172"/>
      <c r="AC47" s="162"/>
      <c r="AD47" s="266"/>
    </row>
    <row r="48" spans="2:30" s="8" customFormat="1" ht="4.5" customHeight="1" x14ac:dyDescent="0.15">
      <c r="B48" s="970"/>
      <c r="C48" s="971"/>
      <c r="D48" s="958" t="s">
        <v>587</v>
      </c>
      <c r="E48" s="959"/>
      <c r="F48" s="960"/>
      <c r="G48" s="9"/>
      <c r="T48" s="264"/>
      <c r="U48" s="268"/>
      <c r="V48" s="18"/>
      <c r="Z48" s="9"/>
      <c r="AC48" s="16"/>
      <c r="AD48" s="150"/>
    </row>
    <row r="49" spans="2:30" s="8" customFormat="1" ht="15.75" customHeight="1" x14ac:dyDescent="0.15">
      <c r="B49" s="970"/>
      <c r="C49" s="971"/>
      <c r="D49" s="961"/>
      <c r="E49" s="962"/>
      <c r="F49" s="963"/>
      <c r="G49" s="9"/>
      <c r="H49" s="8" t="s">
        <v>586</v>
      </c>
      <c r="U49" s="18"/>
      <c r="V49" s="18"/>
      <c r="Z49" s="9"/>
      <c r="AA49" s="152" t="s">
        <v>227</v>
      </c>
      <c r="AB49" s="152" t="s">
        <v>217</v>
      </c>
      <c r="AC49" s="152" t="s">
        <v>226</v>
      </c>
      <c r="AD49" s="270"/>
    </row>
    <row r="50" spans="2:30" s="8" customFormat="1" ht="27" customHeight="1" x14ac:dyDescent="0.15">
      <c r="B50" s="970"/>
      <c r="C50" s="971"/>
      <c r="D50" s="961"/>
      <c r="E50" s="962"/>
      <c r="F50" s="963"/>
      <c r="G50" s="9"/>
      <c r="I50" s="188" t="s">
        <v>279</v>
      </c>
      <c r="J50" s="933" t="s">
        <v>585</v>
      </c>
      <c r="K50" s="934"/>
      <c r="L50" s="934"/>
      <c r="M50" s="934"/>
      <c r="N50" s="934"/>
      <c r="O50" s="934"/>
      <c r="P50" s="934"/>
      <c r="Q50" s="934"/>
      <c r="R50" s="934"/>
      <c r="S50" s="934"/>
      <c r="T50" s="974"/>
      <c r="U50" s="790"/>
      <c r="V50" s="780"/>
      <c r="W50" s="197" t="s">
        <v>175</v>
      </c>
      <c r="Z50" s="9"/>
      <c r="AC50" s="16"/>
      <c r="AD50" s="150"/>
    </row>
    <row r="51" spans="2:30" s="8" customFormat="1" ht="18" customHeight="1" x14ac:dyDescent="0.15">
      <c r="B51" s="970"/>
      <c r="C51" s="971"/>
      <c r="D51" s="961"/>
      <c r="E51" s="962"/>
      <c r="F51" s="963"/>
      <c r="G51" s="9"/>
      <c r="I51" s="269" t="s">
        <v>277</v>
      </c>
      <c r="J51" s="935" t="s">
        <v>584</v>
      </c>
      <c r="K51" s="936"/>
      <c r="L51" s="936"/>
      <c r="M51" s="936"/>
      <c r="N51" s="936"/>
      <c r="O51" s="936"/>
      <c r="P51" s="936"/>
      <c r="Q51" s="936"/>
      <c r="R51" s="936"/>
      <c r="S51" s="936"/>
      <c r="T51" s="936"/>
      <c r="U51" s="790"/>
      <c r="V51" s="780"/>
      <c r="W51" s="171" t="s">
        <v>175</v>
      </c>
      <c r="Y51" s="264"/>
      <c r="Z51" s="20"/>
      <c r="AA51" s="178" t="s">
        <v>0</v>
      </c>
      <c r="AB51" s="178" t="s">
        <v>217</v>
      </c>
      <c r="AC51" s="178" t="s">
        <v>0</v>
      </c>
      <c r="AD51" s="150"/>
    </row>
    <row r="52" spans="2:30" s="8" customFormat="1" ht="6" customHeight="1" x14ac:dyDescent="0.15">
      <c r="B52" s="970"/>
      <c r="C52" s="971"/>
      <c r="D52" s="964"/>
      <c r="E52" s="965"/>
      <c r="F52" s="966"/>
      <c r="G52" s="9"/>
      <c r="T52" s="264"/>
      <c r="U52" s="268"/>
      <c r="V52" s="18"/>
      <c r="Z52" s="9"/>
      <c r="AC52" s="16"/>
      <c r="AD52" s="150"/>
    </row>
    <row r="53" spans="2:30" s="8" customFormat="1" ht="4.5" customHeight="1" x14ac:dyDescent="0.15">
      <c r="B53" s="970"/>
      <c r="C53" s="971"/>
      <c r="D53" s="958" t="s">
        <v>583</v>
      </c>
      <c r="E53" s="959"/>
      <c r="F53" s="960"/>
      <c r="G53" s="158"/>
      <c r="H53" s="157"/>
      <c r="I53" s="157"/>
      <c r="J53" s="157"/>
      <c r="K53" s="157"/>
      <c r="L53" s="157"/>
      <c r="M53" s="157"/>
      <c r="N53" s="157"/>
      <c r="O53" s="157"/>
      <c r="P53" s="157"/>
      <c r="Q53" s="157"/>
      <c r="R53" s="157"/>
      <c r="S53" s="157"/>
      <c r="T53" s="157"/>
      <c r="U53" s="194"/>
      <c r="V53" s="194"/>
      <c r="W53" s="157"/>
      <c r="X53" s="157"/>
      <c r="Y53" s="157"/>
      <c r="Z53" s="158"/>
      <c r="AA53" s="157"/>
      <c r="AB53" s="157"/>
      <c r="AC53" s="166"/>
      <c r="AD53" s="251"/>
    </row>
    <row r="54" spans="2:30" s="8" customFormat="1" ht="15.75" customHeight="1" x14ac:dyDescent="0.15">
      <c r="B54" s="970"/>
      <c r="C54" s="971"/>
      <c r="D54" s="961"/>
      <c r="E54" s="962"/>
      <c r="F54" s="963"/>
      <c r="G54" s="9"/>
      <c r="H54" s="8" t="s">
        <v>543</v>
      </c>
      <c r="U54" s="18"/>
      <c r="V54" s="18"/>
      <c r="Z54" s="9"/>
      <c r="AA54" s="152" t="s">
        <v>227</v>
      </c>
      <c r="AB54" s="152" t="s">
        <v>217</v>
      </c>
      <c r="AC54" s="152" t="s">
        <v>226</v>
      </c>
      <c r="AD54" s="270"/>
    </row>
    <row r="55" spans="2:30" s="8" customFormat="1" ht="30" customHeight="1" x14ac:dyDescent="0.15">
      <c r="B55" s="970"/>
      <c r="C55" s="971"/>
      <c r="D55" s="961"/>
      <c r="E55" s="962"/>
      <c r="F55" s="963"/>
      <c r="G55" s="9"/>
      <c r="I55" s="188" t="s">
        <v>279</v>
      </c>
      <c r="J55" s="933" t="s">
        <v>582</v>
      </c>
      <c r="K55" s="967"/>
      <c r="L55" s="967"/>
      <c r="M55" s="967"/>
      <c r="N55" s="967"/>
      <c r="O55" s="967"/>
      <c r="P55" s="967"/>
      <c r="Q55" s="967"/>
      <c r="R55" s="967"/>
      <c r="S55" s="967"/>
      <c r="T55" s="967"/>
      <c r="U55" s="790"/>
      <c r="V55" s="780"/>
      <c r="W55" s="197" t="s">
        <v>175</v>
      </c>
      <c r="Z55" s="9"/>
      <c r="AC55" s="16"/>
      <c r="AD55" s="150"/>
    </row>
    <row r="56" spans="2:30" s="8" customFormat="1" ht="27" customHeight="1" x14ac:dyDescent="0.15">
      <c r="B56" s="970"/>
      <c r="C56" s="971"/>
      <c r="D56" s="961"/>
      <c r="E56" s="962"/>
      <c r="F56" s="963"/>
      <c r="G56" s="9"/>
      <c r="I56" s="269" t="s">
        <v>277</v>
      </c>
      <c r="J56" s="935" t="s">
        <v>581</v>
      </c>
      <c r="K56" s="936"/>
      <c r="L56" s="936"/>
      <c r="M56" s="936"/>
      <c r="N56" s="936"/>
      <c r="O56" s="936"/>
      <c r="P56" s="936"/>
      <c r="Q56" s="936"/>
      <c r="R56" s="936"/>
      <c r="S56" s="936"/>
      <c r="T56" s="936"/>
      <c r="U56" s="790"/>
      <c r="V56" s="780"/>
      <c r="W56" s="171" t="s">
        <v>175</v>
      </c>
      <c r="Y56" s="264"/>
      <c r="Z56" s="20"/>
      <c r="AA56" s="178" t="s">
        <v>0</v>
      </c>
      <c r="AB56" s="178" t="s">
        <v>217</v>
      </c>
      <c r="AC56" s="178" t="s">
        <v>0</v>
      </c>
      <c r="AD56" s="150"/>
    </row>
    <row r="57" spans="2:30" s="8" customFormat="1" ht="3.75" customHeight="1" x14ac:dyDescent="0.15">
      <c r="B57" s="972"/>
      <c r="C57" s="973"/>
      <c r="D57" s="964"/>
      <c r="E57" s="965"/>
      <c r="F57" s="966"/>
      <c r="G57" s="173"/>
      <c r="H57" s="172"/>
      <c r="I57" s="172"/>
      <c r="J57" s="172"/>
      <c r="K57" s="172"/>
      <c r="L57" s="172"/>
      <c r="M57" s="172"/>
      <c r="N57" s="172"/>
      <c r="O57" s="172"/>
      <c r="P57" s="172"/>
      <c r="Q57" s="172"/>
      <c r="R57" s="172"/>
      <c r="S57" s="172"/>
      <c r="T57" s="267"/>
      <c r="U57" s="267"/>
      <c r="V57" s="172"/>
      <c r="W57" s="172"/>
      <c r="X57" s="172"/>
      <c r="Y57" s="172"/>
      <c r="Z57" s="173"/>
      <c r="AA57" s="172"/>
      <c r="AB57" s="172"/>
      <c r="AC57" s="162"/>
      <c r="AD57" s="266"/>
    </row>
    <row r="58" spans="2:30" s="8" customFormat="1" ht="3.75" customHeight="1" x14ac:dyDescent="0.15">
      <c r="B58" s="265"/>
      <c r="C58" s="265"/>
      <c r="D58" s="265"/>
      <c r="E58" s="265"/>
      <c r="F58" s="265"/>
      <c r="T58" s="264"/>
      <c r="U58" s="264"/>
    </row>
    <row r="59" spans="2:30" s="8" customFormat="1" ht="13.5" customHeight="1" x14ac:dyDescent="0.15">
      <c r="B59" s="975" t="s">
        <v>580</v>
      </c>
      <c r="C59" s="931"/>
      <c r="D59" s="263" t="s">
        <v>539</v>
      </c>
      <c r="E59" s="263"/>
      <c r="F59" s="263"/>
      <c r="G59" s="263"/>
      <c r="H59" s="263"/>
      <c r="I59" s="263"/>
      <c r="J59" s="263"/>
      <c r="K59" s="263"/>
      <c r="L59" s="263"/>
      <c r="M59" s="263"/>
      <c r="N59" s="263"/>
      <c r="O59" s="263"/>
      <c r="P59" s="263"/>
      <c r="Q59" s="263"/>
      <c r="R59" s="263"/>
      <c r="S59" s="263"/>
      <c r="T59" s="263"/>
      <c r="U59" s="263"/>
      <c r="V59" s="263"/>
      <c r="W59" s="263"/>
      <c r="X59" s="263"/>
      <c r="Y59" s="263"/>
      <c r="Z59" s="263"/>
      <c r="AA59" s="263"/>
      <c r="AB59" s="263"/>
      <c r="AC59" s="263"/>
      <c r="AD59" s="263"/>
    </row>
    <row r="60" spans="2:30" s="8" customFormat="1" x14ac:dyDescent="0.15">
      <c r="B60" s="931"/>
      <c r="C60" s="931"/>
      <c r="D60" s="957"/>
      <c r="E60" s="957"/>
      <c r="F60" s="957"/>
      <c r="G60" s="957"/>
      <c r="H60" s="957"/>
      <c r="I60" s="957"/>
      <c r="J60" s="957"/>
      <c r="K60" s="957"/>
      <c r="L60" s="957"/>
      <c r="M60" s="957"/>
      <c r="N60" s="957"/>
      <c r="O60" s="957"/>
      <c r="P60" s="957"/>
      <c r="Q60" s="957"/>
      <c r="R60" s="957"/>
      <c r="S60" s="957"/>
      <c r="T60" s="957"/>
      <c r="U60" s="957"/>
      <c r="V60" s="957"/>
      <c r="W60" s="957"/>
      <c r="X60" s="957"/>
      <c r="Y60" s="957"/>
      <c r="Z60" s="957"/>
      <c r="AA60" s="957"/>
      <c r="AB60" s="957"/>
      <c r="AC60" s="957"/>
      <c r="AD60" s="957"/>
    </row>
    <row r="122" spans="3:7" x14ac:dyDescent="0.15">
      <c r="C122" s="5"/>
      <c r="D122" s="5"/>
      <c r="E122" s="5"/>
      <c r="F122" s="5"/>
      <c r="G122" s="5"/>
    </row>
    <row r="123" spans="3:7" x14ac:dyDescent="0.15">
      <c r="C123" s="4"/>
    </row>
  </sheetData>
  <mergeCells count="50">
    <mergeCell ref="B8:F8"/>
    <mergeCell ref="G8:AD8"/>
    <mergeCell ref="V3:W3"/>
    <mergeCell ref="Y3:Z3"/>
    <mergeCell ref="AB3:AC3"/>
    <mergeCell ref="B5:AD5"/>
    <mergeCell ref="B6:AD6"/>
    <mergeCell ref="U37:V37"/>
    <mergeCell ref="J38:T38"/>
    <mergeCell ref="U38:V38"/>
    <mergeCell ref="B9:F9"/>
    <mergeCell ref="B10:F11"/>
    <mergeCell ref="B12:F15"/>
    <mergeCell ref="B17:F20"/>
    <mergeCell ref="G17:Y17"/>
    <mergeCell ref="G18:Y18"/>
    <mergeCell ref="G19:Y19"/>
    <mergeCell ref="G20:Y20"/>
    <mergeCell ref="U45:V45"/>
    <mergeCell ref="J46:T46"/>
    <mergeCell ref="U46:V46"/>
    <mergeCell ref="B25:C39"/>
    <mergeCell ref="D25:F29"/>
    <mergeCell ref="J27:T27"/>
    <mergeCell ref="U27:V27"/>
    <mergeCell ref="J28:T28"/>
    <mergeCell ref="U28:V28"/>
    <mergeCell ref="D30:F34"/>
    <mergeCell ref="J32:T32"/>
    <mergeCell ref="U32:V32"/>
    <mergeCell ref="J33:T33"/>
    <mergeCell ref="U33:V33"/>
    <mergeCell ref="D35:F39"/>
    <mergeCell ref="J37:T37"/>
    <mergeCell ref="B60:C60"/>
    <mergeCell ref="D60:AD60"/>
    <mergeCell ref="U51:V51"/>
    <mergeCell ref="D53:F57"/>
    <mergeCell ref="J55:T55"/>
    <mergeCell ref="U55:V55"/>
    <mergeCell ref="J56:T56"/>
    <mergeCell ref="U56:V56"/>
    <mergeCell ref="B43:C57"/>
    <mergeCell ref="D48:F52"/>
    <mergeCell ref="J50:T50"/>
    <mergeCell ref="U50:V50"/>
    <mergeCell ref="J51:T51"/>
    <mergeCell ref="B59:C59"/>
    <mergeCell ref="D43:F47"/>
    <mergeCell ref="J45:T45"/>
  </mergeCells>
  <phoneticPr fontId="2"/>
  <dataValidations count="1">
    <dataValidation type="list" allowBlank="1" showInputMessage="1" showErrorMessage="1" sqref="G9:G11 L9 Q9 R10 G13 G15 R15 R13 AA18:AA20 AC18:AC20 AA28 AC28 AA33 AC33 AA38 AC38 AA46 AC46 AA51 AC51 AA56 AC56">
      <formula1>"□,■"</formula1>
    </dataValidation>
  </dataValidations>
  <pageMargins left="0.7" right="0.7" top="0.75" bottom="0.75" header="0.3" footer="0.3"/>
  <pageSetup paperSize="9" scale="89" orientation="portrait" r:id="rId1"/>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AD123"/>
  <sheetViews>
    <sheetView zoomScaleNormal="100" zoomScaleSheetLayoutView="115" workbookViewId="0">
      <selection activeCell="C87" sqref="C87"/>
    </sheetView>
  </sheetViews>
  <sheetFormatPr defaultColWidth="3.5" defaultRowHeight="13.5" x14ac:dyDescent="0.15"/>
  <cols>
    <col min="1" max="1" width="1.25" style="3" customWidth="1"/>
    <col min="2" max="2" width="3.125" style="140" customWidth="1"/>
    <col min="3" max="30" width="3.125" style="3" customWidth="1"/>
    <col min="31" max="31" width="1.25" style="3" customWidth="1"/>
    <col min="32" max="16384" width="3.5" style="3"/>
  </cols>
  <sheetData>
    <row r="1" spans="2:30" s="8" customFormat="1" x14ac:dyDescent="0.15"/>
    <row r="2" spans="2:30" s="8" customFormat="1" x14ac:dyDescent="0.15">
      <c r="B2" s="8" t="s">
        <v>614</v>
      </c>
    </row>
    <row r="3" spans="2:30" s="8" customFormat="1" x14ac:dyDescent="0.15">
      <c r="U3" s="17" t="s">
        <v>12</v>
      </c>
      <c r="V3" s="778"/>
      <c r="W3" s="778"/>
      <c r="X3" s="17" t="s">
        <v>11</v>
      </c>
      <c r="Y3" s="778"/>
      <c r="Z3" s="778"/>
      <c r="AA3" s="17" t="s">
        <v>10</v>
      </c>
      <c r="AB3" s="778"/>
      <c r="AC3" s="778"/>
      <c r="AD3" s="17" t="s">
        <v>20</v>
      </c>
    </row>
    <row r="4" spans="2:30" s="8" customFormat="1" x14ac:dyDescent="0.15">
      <c r="AD4" s="17"/>
    </row>
    <row r="5" spans="2:30" s="8" customFormat="1" x14ac:dyDescent="0.15">
      <c r="B5" s="778" t="s">
        <v>578</v>
      </c>
      <c r="C5" s="778"/>
      <c r="D5" s="778"/>
      <c r="E5" s="778"/>
      <c r="F5" s="778"/>
      <c r="G5" s="778"/>
      <c r="H5" s="778"/>
      <c r="I5" s="778"/>
      <c r="J5" s="778"/>
      <c r="K5" s="778"/>
      <c r="L5" s="778"/>
      <c r="M5" s="778"/>
      <c r="N5" s="778"/>
      <c r="O5" s="778"/>
      <c r="P5" s="778"/>
      <c r="Q5" s="778"/>
      <c r="R5" s="778"/>
      <c r="S5" s="778"/>
      <c r="T5" s="778"/>
      <c r="U5" s="778"/>
      <c r="V5" s="778"/>
      <c r="W5" s="778"/>
      <c r="X5" s="778"/>
      <c r="Y5" s="778"/>
      <c r="Z5" s="778"/>
      <c r="AA5" s="778"/>
      <c r="AB5" s="778"/>
      <c r="AC5" s="778"/>
      <c r="AD5" s="778"/>
    </row>
    <row r="6" spans="2:30" s="8" customFormat="1" ht="28.5" customHeight="1" x14ac:dyDescent="0.15">
      <c r="B6" s="807" t="s">
        <v>613</v>
      </c>
      <c r="C6" s="807"/>
      <c r="D6" s="807"/>
      <c r="E6" s="807"/>
      <c r="F6" s="807"/>
      <c r="G6" s="807"/>
      <c r="H6" s="807"/>
      <c r="I6" s="807"/>
      <c r="J6" s="807"/>
      <c r="K6" s="807"/>
      <c r="L6" s="807"/>
      <c r="M6" s="807"/>
      <c r="N6" s="807"/>
      <c r="O6" s="807"/>
      <c r="P6" s="807"/>
      <c r="Q6" s="807"/>
      <c r="R6" s="807"/>
      <c r="S6" s="807"/>
      <c r="T6" s="807"/>
      <c r="U6" s="807"/>
      <c r="V6" s="807"/>
      <c r="W6" s="807"/>
      <c r="X6" s="807"/>
      <c r="Y6" s="807"/>
      <c r="Z6" s="807"/>
      <c r="AA6" s="807"/>
      <c r="AB6" s="807"/>
      <c r="AC6" s="807"/>
      <c r="AD6" s="807"/>
    </row>
    <row r="7" spans="2:30" s="8" customFormat="1" x14ac:dyDescent="0.15"/>
    <row r="8" spans="2:30" s="8" customFormat="1" ht="23.25" customHeight="1" x14ac:dyDescent="0.15">
      <c r="B8" s="804" t="s">
        <v>576</v>
      </c>
      <c r="C8" s="804"/>
      <c r="D8" s="804"/>
      <c r="E8" s="804"/>
      <c r="F8" s="791"/>
      <c r="G8" s="954"/>
      <c r="H8" s="955"/>
      <c r="I8" s="955"/>
      <c r="J8" s="955"/>
      <c r="K8" s="955"/>
      <c r="L8" s="955"/>
      <c r="M8" s="955"/>
      <c r="N8" s="955"/>
      <c r="O8" s="955"/>
      <c r="P8" s="955"/>
      <c r="Q8" s="955"/>
      <c r="R8" s="955"/>
      <c r="S8" s="955"/>
      <c r="T8" s="955"/>
      <c r="U8" s="955"/>
      <c r="V8" s="955"/>
      <c r="W8" s="955"/>
      <c r="X8" s="955"/>
      <c r="Y8" s="955"/>
      <c r="Z8" s="955"/>
      <c r="AA8" s="955"/>
      <c r="AB8" s="955"/>
      <c r="AC8" s="955"/>
      <c r="AD8" s="956"/>
    </row>
    <row r="9" spans="2:30" ht="23.25" customHeight="1" x14ac:dyDescent="0.15">
      <c r="B9" s="791" t="s">
        <v>575</v>
      </c>
      <c r="C9" s="792"/>
      <c r="D9" s="792"/>
      <c r="E9" s="792"/>
      <c r="F9" s="792"/>
      <c r="G9" s="180" t="s">
        <v>0</v>
      </c>
      <c r="H9" s="168" t="s">
        <v>242</v>
      </c>
      <c r="I9" s="168"/>
      <c r="J9" s="168"/>
      <c r="K9" s="168"/>
      <c r="L9" s="178" t="s">
        <v>0</v>
      </c>
      <c r="M9" s="168" t="s">
        <v>241</v>
      </c>
      <c r="N9" s="168"/>
      <c r="O9" s="168"/>
      <c r="P9" s="168"/>
      <c r="Q9" s="178" t="s">
        <v>0</v>
      </c>
      <c r="R9" s="168" t="s">
        <v>240</v>
      </c>
      <c r="S9" s="287"/>
      <c r="T9" s="287"/>
      <c r="U9" s="287"/>
      <c r="V9" s="287"/>
      <c r="W9" s="287"/>
      <c r="X9" s="287"/>
      <c r="Y9" s="287"/>
      <c r="Z9" s="287"/>
      <c r="AA9" s="287"/>
      <c r="AB9" s="287"/>
      <c r="AC9" s="287"/>
      <c r="AD9" s="286"/>
    </row>
    <row r="10" spans="2:30" ht="23.25" customHeight="1" x14ac:dyDescent="0.15">
      <c r="B10" s="906" t="s">
        <v>574</v>
      </c>
      <c r="C10" s="907"/>
      <c r="D10" s="907"/>
      <c r="E10" s="907"/>
      <c r="F10" s="908"/>
      <c r="G10" s="178" t="s">
        <v>0</v>
      </c>
      <c r="H10" s="157" t="s">
        <v>612</v>
      </c>
      <c r="I10" s="166"/>
      <c r="J10" s="166"/>
      <c r="K10" s="166"/>
      <c r="L10" s="166"/>
      <c r="M10" s="166"/>
      <c r="N10" s="157"/>
      <c r="O10" s="166"/>
      <c r="P10" s="178" t="s">
        <v>0</v>
      </c>
      <c r="Q10" s="157" t="s">
        <v>611</v>
      </c>
      <c r="R10" s="166"/>
      <c r="S10" s="157"/>
      <c r="T10" s="283"/>
      <c r="U10" s="283"/>
      <c r="V10" s="283"/>
      <c r="W10" s="283"/>
      <c r="X10" s="283"/>
      <c r="Y10" s="283"/>
      <c r="Z10" s="283"/>
      <c r="AA10" s="283"/>
      <c r="AB10" s="283"/>
      <c r="AC10" s="283"/>
      <c r="AD10" s="282"/>
    </row>
    <row r="11" spans="2:30" ht="23.25" customHeight="1" x14ac:dyDescent="0.15">
      <c r="B11" s="909"/>
      <c r="C11" s="910"/>
      <c r="D11" s="910"/>
      <c r="E11" s="910"/>
      <c r="F11" s="911"/>
      <c r="G11" s="192" t="s">
        <v>0</v>
      </c>
      <c r="H11" s="172" t="s">
        <v>610</v>
      </c>
      <c r="I11" s="162"/>
      <c r="J11" s="162"/>
      <c r="K11" s="162"/>
      <c r="L11" s="162"/>
      <c r="M11" s="162"/>
      <c r="N11" s="162"/>
      <c r="O11" s="162"/>
      <c r="P11" s="178" t="s">
        <v>0</v>
      </c>
      <c r="Q11" s="172" t="s">
        <v>609</v>
      </c>
      <c r="R11" s="162"/>
      <c r="S11" s="281"/>
      <c r="T11" s="281"/>
      <c r="U11" s="281"/>
      <c r="V11" s="281"/>
      <c r="W11" s="281"/>
      <c r="X11" s="281"/>
      <c r="Y11" s="281"/>
      <c r="Z11" s="281"/>
      <c r="AA11" s="281"/>
      <c r="AB11" s="281"/>
      <c r="AC11" s="281"/>
      <c r="AD11" s="280"/>
    </row>
    <row r="12" spans="2:30" ht="23.25" customHeight="1" x14ac:dyDescent="0.15">
      <c r="B12" s="906" t="s">
        <v>570</v>
      </c>
      <c r="C12" s="907"/>
      <c r="D12" s="907"/>
      <c r="E12" s="907"/>
      <c r="F12" s="908"/>
      <c r="G12" s="178" t="s">
        <v>0</v>
      </c>
      <c r="H12" s="157" t="s">
        <v>569</v>
      </c>
      <c r="I12" s="166"/>
      <c r="J12" s="166"/>
      <c r="K12" s="166"/>
      <c r="L12" s="166"/>
      <c r="M12" s="166"/>
      <c r="N12" s="166"/>
      <c r="O12" s="166"/>
      <c r="P12" s="166"/>
      <c r="Q12" s="166"/>
      <c r="R12" s="166"/>
      <c r="S12" s="178" t="s">
        <v>0</v>
      </c>
      <c r="T12" s="157" t="s">
        <v>568</v>
      </c>
      <c r="U12" s="283"/>
      <c r="V12" s="283"/>
      <c r="W12" s="283"/>
      <c r="X12" s="283"/>
      <c r="Y12" s="283"/>
      <c r="Z12" s="283"/>
      <c r="AA12" s="283"/>
      <c r="AB12" s="283"/>
      <c r="AC12" s="283"/>
      <c r="AD12" s="282"/>
    </row>
    <row r="13" spans="2:30" ht="23.25" customHeight="1" x14ac:dyDescent="0.15">
      <c r="B13" s="909"/>
      <c r="C13" s="910"/>
      <c r="D13" s="910"/>
      <c r="E13" s="910"/>
      <c r="F13" s="911"/>
      <c r="G13" s="192" t="s">
        <v>0</v>
      </c>
      <c r="H13" s="172" t="s">
        <v>567</v>
      </c>
      <c r="I13" s="162"/>
      <c r="J13" s="162"/>
      <c r="K13" s="162"/>
      <c r="L13" s="162"/>
      <c r="M13" s="162"/>
      <c r="N13" s="162"/>
      <c r="O13" s="162"/>
      <c r="P13" s="162"/>
      <c r="Q13" s="162"/>
      <c r="R13" s="162"/>
      <c r="S13" s="281"/>
      <c r="T13" s="281"/>
      <c r="U13" s="281"/>
      <c r="V13" s="281"/>
      <c r="W13" s="281"/>
      <c r="X13" s="281"/>
      <c r="Y13" s="281"/>
      <c r="Z13" s="281"/>
      <c r="AA13" s="281"/>
      <c r="AB13" s="281"/>
      <c r="AC13" s="281"/>
      <c r="AD13" s="280"/>
    </row>
    <row r="14" spans="2:30" s="8" customFormat="1" x14ac:dyDescent="0.15"/>
    <row r="15" spans="2:30" s="8" customFormat="1" x14ac:dyDescent="0.15">
      <c r="B15" s="8" t="s">
        <v>608</v>
      </c>
    </row>
    <row r="16" spans="2:30" s="8" customFormat="1" x14ac:dyDescent="0.15">
      <c r="B16" s="8" t="s">
        <v>561</v>
      </c>
      <c r="AC16" s="16"/>
      <c r="AD16" s="16"/>
    </row>
    <row r="17" spans="2:30" s="8" customFormat="1" ht="6" customHeight="1" x14ac:dyDescent="0.15"/>
    <row r="18" spans="2:30" s="8" customFormat="1" ht="4.5" customHeight="1" x14ac:dyDescent="0.15">
      <c r="B18" s="923" t="s">
        <v>553</v>
      </c>
      <c r="C18" s="924"/>
      <c r="D18" s="924"/>
      <c r="E18" s="924"/>
      <c r="F18" s="925"/>
      <c r="G18" s="158"/>
      <c r="H18" s="157"/>
      <c r="I18" s="157"/>
      <c r="J18" s="157"/>
      <c r="K18" s="157"/>
      <c r="L18" s="157"/>
      <c r="M18" s="157"/>
      <c r="N18" s="157"/>
      <c r="O18" s="157"/>
      <c r="P18" s="157"/>
      <c r="Q18" s="157"/>
      <c r="R18" s="157"/>
      <c r="S18" s="157"/>
      <c r="T18" s="157"/>
      <c r="U18" s="157"/>
      <c r="V18" s="157"/>
      <c r="W18" s="157"/>
      <c r="X18" s="157"/>
      <c r="Y18" s="157"/>
      <c r="Z18" s="158"/>
      <c r="AA18" s="157"/>
      <c r="AB18" s="157"/>
      <c r="AC18" s="984"/>
      <c r="AD18" s="985"/>
    </row>
    <row r="19" spans="2:30" s="8" customFormat="1" ht="15.75" customHeight="1" x14ac:dyDescent="0.15">
      <c r="B19" s="926"/>
      <c r="C19" s="807"/>
      <c r="D19" s="807"/>
      <c r="E19" s="807"/>
      <c r="F19" s="927"/>
      <c r="G19" s="9"/>
      <c r="H19" s="8" t="s">
        <v>607</v>
      </c>
      <c r="Z19" s="273"/>
      <c r="AA19" s="152" t="s">
        <v>227</v>
      </c>
      <c r="AB19" s="152" t="s">
        <v>217</v>
      </c>
      <c r="AC19" s="152" t="s">
        <v>226</v>
      </c>
      <c r="AD19" s="150"/>
    </row>
    <row r="20" spans="2:30" s="8" customFormat="1" ht="18.75" customHeight="1" x14ac:dyDescent="0.15">
      <c r="B20" s="926"/>
      <c r="C20" s="807"/>
      <c r="D20" s="807"/>
      <c r="E20" s="807"/>
      <c r="F20" s="927"/>
      <c r="G20" s="9"/>
      <c r="I20" s="188" t="s">
        <v>279</v>
      </c>
      <c r="J20" s="935" t="s">
        <v>552</v>
      </c>
      <c r="K20" s="936"/>
      <c r="L20" s="936"/>
      <c r="M20" s="936"/>
      <c r="N20" s="936"/>
      <c r="O20" s="936"/>
      <c r="P20" s="936"/>
      <c r="Q20" s="936"/>
      <c r="R20" s="936"/>
      <c r="S20" s="936"/>
      <c r="T20" s="936"/>
      <c r="U20" s="181"/>
      <c r="V20" s="977"/>
      <c r="W20" s="978"/>
      <c r="X20" s="197" t="s">
        <v>175</v>
      </c>
      <c r="Z20" s="20"/>
      <c r="AA20" s="249"/>
      <c r="AB20" s="18"/>
      <c r="AC20" s="249"/>
      <c r="AD20" s="150"/>
    </row>
    <row r="21" spans="2:30" s="8" customFormat="1" ht="18.75" customHeight="1" x14ac:dyDescent="0.15">
      <c r="B21" s="926"/>
      <c r="C21" s="807"/>
      <c r="D21" s="807"/>
      <c r="E21" s="807"/>
      <c r="F21" s="927"/>
      <c r="G21" s="9"/>
      <c r="I21" s="188" t="s">
        <v>277</v>
      </c>
      <c r="J21" s="274" t="s">
        <v>551</v>
      </c>
      <c r="K21" s="181"/>
      <c r="L21" s="181"/>
      <c r="M21" s="181"/>
      <c r="N21" s="181"/>
      <c r="O21" s="181"/>
      <c r="P21" s="181"/>
      <c r="Q21" s="181"/>
      <c r="R21" s="181"/>
      <c r="S21" s="181"/>
      <c r="T21" s="181"/>
      <c r="U21" s="197"/>
      <c r="V21" s="979"/>
      <c r="W21" s="980"/>
      <c r="X21" s="171" t="s">
        <v>175</v>
      </c>
      <c r="Y21" s="264"/>
      <c r="Z21" s="20"/>
      <c r="AA21" s="178" t="s">
        <v>0</v>
      </c>
      <c r="AB21" s="178" t="s">
        <v>217</v>
      </c>
      <c r="AC21" s="178" t="s">
        <v>0</v>
      </c>
      <c r="AD21" s="150"/>
    </row>
    <row r="22" spans="2:30" s="8" customFormat="1" x14ac:dyDescent="0.15">
      <c r="B22" s="926"/>
      <c r="C22" s="807"/>
      <c r="D22" s="807"/>
      <c r="E22" s="807"/>
      <c r="F22" s="927"/>
      <c r="G22" s="9"/>
      <c r="H22" s="8" t="s">
        <v>550</v>
      </c>
      <c r="Z22" s="9"/>
      <c r="AC22" s="16"/>
      <c r="AD22" s="150"/>
    </row>
    <row r="23" spans="2:30" s="8" customFormat="1" ht="15.75" customHeight="1" x14ac:dyDescent="0.15">
      <c r="B23" s="926"/>
      <c r="C23" s="807"/>
      <c r="D23" s="807"/>
      <c r="E23" s="807"/>
      <c r="F23" s="927"/>
      <c r="G23" s="9"/>
      <c r="H23" s="8" t="s">
        <v>560</v>
      </c>
      <c r="T23" s="264"/>
      <c r="V23" s="264"/>
      <c r="Z23" s="20"/>
      <c r="AA23" s="16"/>
      <c r="AB23" s="16"/>
      <c r="AC23" s="16"/>
      <c r="AD23" s="150"/>
    </row>
    <row r="24" spans="2:30" s="8" customFormat="1" ht="30" customHeight="1" x14ac:dyDescent="0.15">
      <c r="B24" s="926"/>
      <c r="C24" s="807"/>
      <c r="D24" s="807"/>
      <c r="E24" s="807"/>
      <c r="F24" s="927"/>
      <c r="G24" s="9"/>
      <c r="I24" s="188" t="s">
        <v>293</v>
      </c>
      <c r="J24" s="935" t="s">
        <v>559</v>
      </c>
      <c r="K24" s="936"/>
      <c r="L24" s="936"/>
      <c r="M24" s="936"/>
      <c r="N24" s="936"/>
      <c r="O24" s="936"/>
      <c r="P24" s="936"/>
      <c r="Q24" s="936"/>
      <c r="R24" s="936"/>
      <c r="S24" s="936"/>
      <c r="T24" s="936"/>
      <c r="U24" s="986"/>
      <c r="V24" s="977"/>
      <c r="W24" s="978"/>
      <c r="X24" s="197" t="s">
        <v>175</v>
      </c>
      <c r="Y24" s="264"/>
      <c r="Z24" s="20"/>
      <c r="AA24" s="178" t="s">
        <v>0</v>
      </c>
      <c r="AB24" s="178" t="s">
        <v>217</v>
      </c>
      <c r="AC24" s="178" t="s">
        <v>0</v>
      </c>
      <c r="AD24" s="150"/>
    </row>
    <row r="25" spans="2:30" s="8" customFormat="1" ht="6" customHeight="1" x14ac:dyDescent="0.15">
      <c r="B25" s="928"/>
      <c r="C25" s="929"/>
      <c r="D25" s="929"/>
      <c r="E25" s="929"/>
      <c r="F25" s="930"/>
      <c r="G25" s="173"/>
      <c r="H25" s="172"/>
      <c r="I25" s="172"/>
      <c r="J25" s="172"/>
      <c r="K25" s="172"/>
      <c r="L25" s="172"/>
      <c r="M25" s="172"/>
      <c r="N25" s="172"/>
      <c r="O25" s="172"/>
      <c r="P25" s="172"/>
      <c r="Q25" s="172"/>
      <c r="R25" s="172"/>
      <c r="S25" s="172"/>
      <c r="T25" s="267"/>
      <c r="U25" s="267"/>
      <c r="V25" s="172"/>
      <c r="W25" s="172"/>
      <c r="X25" s="172"/>
      <c r="Y25" s="172"/>
      <c r="Z25" s="173"/>
      <c r="AA25" s="172"/>
      <c r="AB25" s="172"/>
      <c r="AC25" s="162"/>
      <c r="AD25" s="266"/>
    </row>
    <row r="26" spans="2:30" s="8" customFormat="1" ht="9.75" customHeight="1" x14ac:dyDescent="0.15">
      <c r="B26" s="265"/>
      <c r="C26" s="265"/>
      <c r="D26" s="265"/>
      <c r="E26" s="265"/>
      <c r="F26" s="265"/>
      <c r="T26" s="264"/>
      <c r="U26" s="264"/>
    </row>
    <row r="27" spans="2:30" s="8" customFormat="1" x14ac:dyDescent="0.15">
      <c r="B27" s="8" t="s">
        <v>558</v>
      </c>
      <c r="C27" s="265"/>
      <c r="D27" s="265"/>
      <c r="E27" s="265"/>
      <c r="F27" s="265"/>
      <c r="T27" s="264"/>
      <c r="U27" s="264"/>
    </row>
    <row r="28" spans="2:30" s="8" customFormat="1" ht="6.75" customHeight="1" x14ac:dyDescent="0.15">
      <c r="B28" s="265"/>
      <c r="C28" s="265"/>
      <c r="D28" s="265"/>
      <c r="E28" s="265"/>
      <c r="F28" s="265"/>
      <c r="T28" s="264"/>
      <c r="U28" s="264"/>
    </row>
    <row r="29" spans="2:30" s="8" customFormat="1" ht="4.5" customHeight="1" x14ac:dyDescent="0.15">
      <c r="B29" s="923" t="s">
        <v>553</v>
      </c>
      <c r="C29" s="924"/>
      <c r="D29" s="924"/>
      <c r="E29" s="924"/>
      <c r="F29" s="925"/>
      <c r="G29" s="158"/>
      <c r="H29" s="157"/>
      <c r="I29" s="157"/>
      <c r="J29" s="157"/>
      <c r="K29" s="157"/>
      <c r="L29" s="157"/>
      <c r="M29" s="157"/>
      <c r="N29" s="157"/>
      <c r="O29" s="157"/>
      <c r="P29" s="157"/>
      <c r="Q29" s="157"/>
      <c r="R29" s="157"/>
      <c r="S29" s="157"/>
      <c r="T29" s="157"/>
      <c r="U29" s="157"/>
      <c r="V29" s="157"/>
      <c r="W29" s="157"/>
      <c r="X29" s="157"/>
      <c r="Y29" s="157"/>
      <c r="Z29" s="158"/>
      <c r="AA29" s="157"/>
      <c r="AB29" s="157"/>
      <c r="AC29" s="166"/>
      <c r="AD29" s="251"/>
    </row>
    <row r="30" spans="2:30" s="8" customFormat="1" ht="15.75" customHeight="1" x14ac:dyDescent="0.15">
      <c r="B30" s="926"/>
      <c r="C30" s="807"/>
      <c r="D30" s="807"/>
      <c r="E30" s="807"/>
      <c r="F30" s="927"/>
      <c r="G30" s="9"/>
      <c r="H30" s="8" t="s">
        <v>606</v>
      </c>
      <c r="Z30" s="9"/>
      <c r="AA30" s="152" t="s">
        <v>227</v>
      </c>
      <c r="AB30" s="152" t="s">
        <v>217</v>
      </c>
      <c r="AC30" s="152" t="s">
        <v>226</v>
      </c>
      <c r="AD30" s="270"/>
    </row>
    <row r="31" spans="2:30" s="8" customFormat="1" ht="18.75" customHeight="1" x14ac:dyDescent="0.15">
      <c r="B31" s="926"/>
      <c r="C31" s="807"/>
      <c r="D31" s="807"/>
      <c r="E31" s="807"/>
      <c r="F31" s="927"/>
      <c r="G31" s="9"/>
      <c r="I31" s="188" t="s">
        <v>279</v>
      </c>
      <c r="J31" s="935" t="s">
        <v>552</v>
      </c>
      <c r="K31" s="936"/>
      <c r="L31" s="936"/>
      <c r="M31" s="936"/>
      <c r="N31" s="936"/>
      <c r="O31" s="936"/>
      <c r="P31" s="936"/>
      <c r="Q31" s="936"/>
      <c r="R31" s="936"/>
      <c r="S31" s="936"/>
      <c r="T31" s="936"/>
      <c r="U31" s="197"/>
      <c r="V31" s="977"/>
      <c r="W31" s="978"/>
      <c r="X31" s="197" t="s">
        <v>175</v>
      </c>
      <c r="Z31" s="9"/>
      <c r="AA31" s="249"/>
      <c r="AB31" s="18"/>
      <c r="AC31" s="249"/>
      <c r="AD31" s="150"/>
    </row>
    <row r="32" spans="2:30" s="8" customFormat="1" ht="18.75" customHeight="1" x14ac:dyDescent="0.15">
      <c r="B32" s="926"/>
      <c r="C32" s="807"/>
      <c r="D32" s="807"/>
      <c r="E32" s="807"/>
      <c r="F32" s="927"/>
      <c r="G32" s="9"/>
      <c r="I32" s="269" t="s">
        <v>277</v>
      </c>
      <c r="J32" s="295" t="s">
        <v>551</v>
      </c>
      <c r="K32" s="172"/>
      <c r="L32" s="172"/>
      <c r="M32" s="172"/>
      <c r="N32" s="172"/>
      <c r="O32" s="172"/>
      <c r="P32" s="172"/>
      <c r="Q32" s="172"/>
      <c r="R32" s="172"/>
      <c r="S32" s="172"/>
      <c r="T32" s="172"/>
      <c r="U32" s="171"/>
      <c r="V32" s="979"/>
      <c r="W32" s="980"/>
      <c r="X32" s="171" t="s">
        <v>175</v>
      </c>
      <c r="Y32" s="264"/>
      <c r="Z32" s="20"/>
      <c r="AA32" s="178" t="s">
        <v>0</v>
      </c>
      <c r="AB32" s="178" t="s">
        <v>217</v>
      </c>
      <c r="AC32" s="178" t="s">
        <v>0</v>
      </c>
      <c r="AD32" s="150"/>
    </row>
    <row r="33" spans="2:30" s="8" customFormat="1" ht="6" customHeight="1" x14ac:dyDescent="0.15">
      <c r="B33" s="928"/>
      <c r="C33" s="929"/>
      <c r="D33" s="929"/>
      <c r="E33" s="929"/>
      <c r="F33" s="930"/>
      <c r="G33" s="173"/>
      <c r="H33" s="172"/>
      <c r="I33" s="172"/>
      <c r="J33" s="172"/>
      <c r="K33" s="172"/>
      <c r="L33" s="172"/>
      <c r="M33" s="172"/>
      <c r="N33" s="172"/>
      <c r="O33" s="172"/>
      <c r="P33" s="172"/>
      <c r="Q33" s="172"/>
      <c r="R33" s="172"/>
      <c r="S33" s="172"/>
      <c r="T33" s="267"/>
      <c r="U33" s="267"/>
      <c r="V33" s="172"/>
      <c r="W33" s="172"/>
      <c r="X33" s="172"/>
      <c r="Y33" s="172"/>
      <c r="Z33" s="173"/>
      <c r="AA33" s="172"/>
      <c r="AB33" s="172"/>
      <c r="AC33" s="162"/>
      <c r="AD33" s="266"/>
    </row>
    <row r="34" spans="2:30" s="8" customFormat="1" ht="9.75" customHeight="1" x14ac:dyDescent="0.15">
      <c r="B34" s="265"/>
      <c r="C34" s="265"/>
      <c r="D34" s="265"/>
      <c r="E34" s="265"/>
      <c r="F34" s="265"/>
      <c r="T34" s="264"/>
      <c r="U34" s="264"/>
    </row>
    <row r="35" spans="2:30" s="8" customFormat="1" ht="13.5" customHeight="1" x14ac:dyDescent="0.15">
      <c r="B35" s="8" t="s">
        <v>605</v>
      </c>
      <c r="C35" s="265"/>
      <c r="D35" s="265"/>
      <c r="E35" s="265"/>
      <c r="F35" s="265"/>
      <c r="T35" s="264"/>
      <c r="U35" s="264"/>
    </row>
    <row r="36" spans="2:30" s="8" customFormat="1" ht="6.75" customHeight="1" x14ac:dyDescent="0.15">
      <c r="B36" s="265"/>
      <c r="C36" s="265"/>
      <c r="D36" s="265"/>
      <c r="E36" s="265"/>
      <c r="F36" s="265"/>
      <c r="T36" s="264"/>
      <c r="U36" s="264"/>
    </row>
    <row r="37" spans="2:30" s="8" customFormat="1" ht="4.5" customHeight="1" x14ac:dyDescent="0.15">
      <c r="B37" s="923" t="s">
        <v>553</v>
      </c>
      <c r="C37" s="924"/>
      <c r="D37" s="924"/>
      <c r="E37" s="924"/>
      <c r="F37" s="925"/>
      <c r="G37" s="158"/>
      <c r="H37" s="157"/>
      <c r="I37" s="157"/>
      <c r="J37" s="157"/>
      <c r="K37" s="157"/>
      <c r="L37" s="157"/>
      <c r="M37" s="157"/>
      <c r="N37" s="157"/>
      <c r="O37" s="157"/>
      <c r="P37" s="157"/>
      <c r="Q37" s="157"/>
      <c r="R37" s="157"/>
      <c r="S37" s="157"/>
      <c r="T37" s="157"/>
      <c r="U37" s="157"/>
      <c r="V37" s="157"/>
      <c r="W37" s="157"/>
      <c r="X37" s="157"/>
      <c r="Y37" s="157"/>
      <c r="Z37" s="158"/>
      <c r="AA37" s="157"/>
      <c r="AB37" s="157"/>
      <c r="AC37" s="166"/>
      <c r="AD37" s="251"/>
    </row>
    <row r="38" spans="2:30" s="8" customFormat="1" ht="15.75" customHeight="1" x14ac:dyDescent="0.15">
      <c r="B38" s="928"/>
      <c r="C38" s="929"/>
      <c r="D38" s="929"/>
      <c r="E38" s="929"/>
      <c r="F38" s="930"/>
      <c r="G38" s="9"/>
      <c r="H38" s="8" t="s">
        <v>557</v>
      </c>
      <c r="I38" s="172"/>
      <c r="J38" s="172"/>
      <c r="K38" s="172"/>
      <c r="L38" s="172"/>
      <c r="M38" s="172"/>
      <c r="N38" s="172"/>
      <c r="O38" s="172"/>
      <c r="P38" s="172"/>
      <c r="Q38" s="172"/>
      <c r="R38" s="172"/>
      <c r="S38" s="172"/>
      <c r="T38" s="172"/>
      <c r="U38" s="172"/>
      <c r="V38" s="172"/>
      <c r="W38" s="172"/>
      <c r="X38" s="172"/>
      <c r="Z38" s="9"/>
      <c r="AA38" s="152" t="s">
        <v>227</v>
      </c>
      <c r="AB38" s="152" t="s">
        <v>217</v>
      </c>
      <c r="AC38" s="152" t="s">
        <v>226</v>
      </c>
      <c r="AD38" s="270"/>
    </row>
    <row r="39" spans="2:30" s="8" customFormat="1" ht="18.75" customHeight="1" x14ac:dyDescent="0.15">
      <c r="B39" s="926"/>
      <c r="C39" s="924"/>
      <c r="D39" s="807"/>
      <c r="E39" s="807"/>
      <c r="F39" s="927"/>
      <c r="G39" s="9"/>
      <c r="I39" s="269" t="s">
        <v>279</v>
      </c>
      <c r="J39" s="981" t="s">
        <v>552</v>
      </c>
      <c r="K39" s="982"/>
      <c r="L39" s="982"/>
      <c r="M39" s="982"/>
      <c r="N39" s="982"/>
      <c r="O39" s="982"/>
      <c r="P39" s="982"/>
      <c r="Q39" s="982"/>
      <c r="R39" s="982"/>
      <c r="S39" s="982"/>
      <c r="T39" s="982"/>
      <c r="U39" s="171"/>
      <c r="V39" s="983"/>
      <c r="W39" s="979"/>
      <c r="X39" s="171" t="s">
        <v>175</v>
      </c>
      <c r="Z39" s="9"/>
      <c r="AA39" s="249"/>
      <c r="AB39" s="18"/>
      <c r="AC39" s="249"/>
      <c r="AD39" s="150"/>
    </row>
    <row r="40" spans="2:30" s="8" customFormat="1" ht="18.75" customHeight="1" x14ac:dyDescent="0.15">
      <c r="B40" s="926"/>
      <c r="C40" s="807"/>
      <c r="D40" s="807"/>
      <c r="E40" s="807"/>
      <c r="F40" s="927"/>
      <c r="G40" s="9"/>
      <c r="I40" s="269" t="s">
        <v>277</v>
      </c>
      <c r="J40" s="295" t="s">
        <v>551</v>
      </c>
      <c r="K40" s="172"/>
      <c r="L40" s="172"/>
      <c r="M40" s="172"/>
      <c r="N40" s="172"/>
      <c r="O40" s="172"/>
      <c r="P40" s="172"/>
      <c r="Q40" s="172"/>
      <c r="R40" s="172"/>
      <c r="S40" s="172"/>
      <c r="T40" s="172"/>
      <c r="U40" s="171"/>
      <c r="V40" s="820"/>
      <c r="W40" s="977"/>
      <c r="X40" s="171" t="s">
        <v>175</v>
      </c>
      <c r="Y40" s="264"/>
      <c r="Z40" s="20"/>
      <c r="AA40" s="178" t="s">
        <v>0</v>
      </c>
      <c r="AB40" s="178" t="s">
        <v>217</v>
      </c>
      <c r="AC40" s="178" t="s">
        <v>0</v>
      </c>
      <c r="AD40" s="150"/>
    </row>
    <row r="41" spans="2:30" s="8" customFormat="1" ht="6" customHeight="1" x14ac:dyDescent="0.15">
      <c r="B41" s="928"/>
      <c r="C41" s="929"/>
      <c r="D41" s="929"/>
      <c r="E41" s="929"/>
      <c r="F41" s="930"/>
      <c r="G41" s="173"/>
      <c r="H41" s="172"/>
      <c r="I41" s="172"/>
      <c r="J41" s="172"/>
      <c r="K41" s="172"/>
      <c r="L41" s="172"/>
      <c r="M41" s="172"/>
      <c r="N41" s="172"/>
      <c r="O41" s="172"/>
      <c r="P41" s="172"/>
      <c r="Q41" s="172"/>
      <c r="R41" s="172"/>
      <c r="S41" s="172"/>
      <c r="T41" s="267"/>
      <c r="U41" s="267"/>
      <c r="V41" s="172"/>
      <c r="W41" s="172"/>
      <c r="X41" s="172"/>
      <c r="Y41" s="172"/>
      <c r="Z41" s="173"/>
      <c r="AA41" s="172"/>
      <c r="AB41" s="172"/>
      <c r="AC41" s="162"/>
      <c r="AD41" s="266"/>
    </row>
    <row r="42" spans="2:30" s="8" customFormat="1" ht="4.5" customHeight="1" x14ac:dyDescent="0.15">
      <c r="B42" s="923" t="s">
        <v>544</v>
      </c>
      <c r="C42" s="924"/>
      <c r="D42" s="924"/>
      <c r="E42" s="924"/>
      <c r="F42" s="925"/>
      <c r="G42" s="158"/>
      <c r="H42" s="157"/>
      <c r="I42" s="157"/>
      <c r="J42" s="157"/>
      <c r="K42" s="157"/>
      <c r="L42" s="157"/>
      <c r="M42" s="157"/>
      <c r="N42" s="157"/>
      <c r="O42" s="157"/>
      <c r="P42" s="157"/>
      <c r="Q42" s="157"/>
      <c r="R42" s="157"/>
      <c r="S42" s="157"/>
      <c r="T42" s="157"/>
      <c r="U42" s="157"/>
      <c r="V42" s="157"/>
      <c r="W42" s="157"/>
      <c r="X42" s="157"/>
      <c r="Y42" s="157"/>
      <c r="Z42" s="158"/>
      <c r="AA42" s="157"/>
      <c r="AB42" s="157"/>
      <c r="AC42" s="166"/>
      <c r="AD42" s="251"/>
    </row>
    <row r="43" spans="2:30" s="8" customFormat="1" ht="15.75" customHeight="1" x14ac:dyDescent="0.15">
      <c r="B43" s="926"/>
      <c r="C43" s="807"/>
      <c r="D43" s="807"/>
      <c r="E43" s="807"/>
      <c r="F43" s="927"/>
      <c r="G43" s="9"/>
      <c r="H43" s="8" t="s">
        <v>543</v>
      </c>
      <c r="Z43" s="9"/>
      <c r="AA43" s="152" t="s">
        <v>227</v>
      </c>
      <c r="AB43" s="152" t="s">
        <v>217</v>
      </c>
      <c r="AC43" s="152" t="s">
        <v>226</v>
      </c>
      <c r="AD43" s="270"/>
    </row>
    <row r="44" spans="2:30" s="8" customFormat="1" ht="30" customHeight="1" x14ac:dyDescent="0.15">
      <c r="B44" s="926"/>
      <c r="C44" s="807"/>
      <c r="D44" s="807"/>
      <c r="E44" s="807"/>
      <c r="F44" s="927"/>
      <c r="G44" s="9"/>
      <c r="I44" s="188" t="s">
        <v>279</v>
      </c>
      <c r="J44" s="933" t="s">
        <v>604</v>
      </c>
      <c r="K44" s="934"/>
      <c r="L44" s="934"/>
      <c r="M44" s="934"/>
      <c r="N44" s="934"/>
      <c r="O44" s="934"/>
      <c r="P44" s="934"/>
      <c r="Q44" s="934"/>
      <c r="R44" s="934"/>
      <c r="S44" s="934"/>
      <c r="T44" s="934"/>
      <c r="U44" s="974"/>
      <c r="V44" s="820"/>
      <c r="W44" s="977"/>
      <c r="X44" s="197" t="s">
        <v>175</v>
      </c>
      <c r="Z44" s="9"/>
      <c r="AA44" s="249"/>
      <c r="AB44" s="18"/>
      <c r="AC44" s="249"/>
      <c r="AD44" s="150"/>
    </row>
    <row r="45" spans="2:30" s="8" customFormat="1" ht="33" customHeight="1" x14ac:dyDescent="0.15">
      <c r="B45" s="926"/>
      <c r="C45" s="807"/>
      <c r="D45" s="807"/>
      <c r="E45" s="807"/>
      <c r="F45" s="927"/>
      <c r="G45" s="9"/>
      <c r="I45" s="188" t="s">
        <v>277</v>
      </c>
      <c r="J45" s="933" t="s">
        <v>603</v>
      </c>
      <c r="K45" s="934"/>
      <c r="L45" s="934"/>
      <c r="M45" s="934"/>
      <c r="N45" s="934"/>
      <c r="O45" s="934"/>
      <c r="P45" s="934"/>
      <c r="Q45" s="934"/>
      <c r="R45" s="934"/>
      <c r="S45" s="934"/>
      <c r="T45" s="934"/>
      <c r="U45" s="974"/>
      <c r="V45" s="820"/>
      <c r="W45" s="977"/>
      <c r="X45" s="171" t="s">
        <v>175</v>
      </c>
      <c r="Y45" s="264"/>
      <c r="Z45" s="20"/>
      <c r="AA45" s="178" t="s">
        <v>0</v>
      </c>
      <c r="AB45" s="178" t="s">
        <v>217</v>
      </c>
      <c r="AC45" s="178" t="s">
        <v>0</v>
      </c>
      <c r="AD45" s="150"/>
    </row>
    <row r="46" spans="2:30" s="8" customFormat="1" ht="6" customHeight="1" x14ac:dyDescent="0.15">
      <c r="B46" s="928"/>
      <c r="C46" s="929"/>
      <c r="D46" s="929"/>
      <c r="E46" s="929"/>
      <c r="F46" s="930"/>
      <c r="G46" s="173"/>
      <c r="H46" s="172"/>
      <c r="I46" s="172"/>
      <c r="J46" s="172"/>
      <c r="K46" s="172"/>
      <c r="L46" s="172"/>
      <c r="M46" s="172"/>
      <c r="N46" s="172"/>
      <c r="O46" s="172"/>
      <c r="P46" s="172"/>
      <c r="Q46" s="172"/>
      <c r="R46" s="172"/>
      <c r="S46" s="172"/>
      <c r="T46" s="267"/>
      <c r="U46" s="267"/>
      <c r="V46" s="172"/>
      <c r="W46" s="172"/>
      <c r="X46" s="172"/>
      <c r="Y46" s="172"/>
      <c r="Z46" s="173"/>
      <c r="AA46" s="172"/>
      <c r="AB46" s="172"/>
      <c r="AC46" s="162"/>
      <c r="AD46" s="266"/>
    </row>
    <row r="47" spans="2:30" s="8" customFormat="1" ht="6" customHeight="1" x14ac:dyDescent="0.15">
      <c r="B47" s="265"/>
      <c r="C47" s="265"/>
      <c r="D47" s="265"/>
      <c r="E47" s="265"/>
      <c r="F47" s="265"/>
      <c r="T47" s="264"/>
      <c r="U47" s="264"/>
    </row>
    <row r="48" spans="2:30" s="8" customFormat="1" ht="13.5" customHeight="1" x14ac:dyDescent="0.15">
      <c r="B48" s="975" t="s">
        <v>170</v>
      </c>
      <c r="C48" s="931"/>
      <c r="D48" s="263" t="s">
        <v>602</v>
      </c>
      <c r="E48" s="263"/>
      <c r="F48" s="263"/>
      <c r="G48" s="263"/>
      <c r="H48" s="263"/>
      <c r="I48" s="263"/>
      <c r="J48" s="263"/>
      <c r="K48" s="263"/>
      <c r="L48" s="263"/>
      <c r="M48" s="263"/>
      <c r="N48" s="263"/>
      <c r="O48" s="263"/>
      <c r="P48" s="263"/>
      <c r="Q48" s="263"/>
      <c r="R48" s="263"/>
      <c r="S48" s="263"/>
      <c r="T48" s="263"/>
      <c r="U48" s="263"/>
      <c r="V48" s="263"/>
      <c r="W48" s="263"/>
      <c r="X48" s="263"/>
      <c r="Y48" s="263"/>
      <c r="Z48" s="263"/>
      <c r="AA48" s="263"/>
      <c r="AB48" s="263"/>
      <c r="AC48" s="263"/>
      <c r="AD48" s="263"/>
    </row>
    <row r="49" spans="2:30" s="8" customFormat="1" ht="29.25" customHeight="1" x14ac:dyDescent="0.15">
      <c r="B49" s="975"/>
      <c r="C49" s="931"/>
      <c r="D49" s="932"/>
      <c r="E49" s="932"/>
      <c r="F49" s="932"/>
      <c r="G49" s="932"/>
      <c r="H49" s="932"/>
      <c r="I49" s="932"/>
      <c r="J49" s="932"/>
      <c r="K49" s="932"/>
      <c r="L49" s="932"/>
      <c r="M49" s="932"/>
      <c r="N49" s="932"/>
      <c r="O49" s="932"/>
      <c r="P49" s="932"/>
      <c r="Q49" s="932"/>
      <c r="R49" s="932"/>
      <c r="S49" s="932"/>
      <c r="T49" s="932"/>
      <c r="U49" s="932"/>
      <c r="V49" s="932"/>
      <c r="W49" s="932"/>
      <c r="X49" s="932"/>
      <c r="Y49" s="932"/>
      <c r="Z49" s="932"/>
      <c r="AA49" s="932"/>
      <c r="AB49" s="932"/>
      <c r="AC49" s="932"/>
      <c r="AD49" s="932"/>
    </row>
    <row r="122" spans="3:7" x14ac:dyDescent="0.15">
      <c r="C122" s="5"/>
      <c r="D122" s="5"/>
      <c r="E122" s="5"/>
      <c r="F122" s="5"/>
      <c r="G122" s="5"/>
    </row>
    <row r="123" spans="3:7" x14ac:dyDescent="0.15">
      <c r="C123" s="4"/>
    </row>
  </sheetData>
  <mergeCells count="33">
    <mergeCell ref="B8:F8"/>
    <mergeCell ref="G8:AD8"/>
    <mergeCell ref="V3:W3"/>
    <mergeCell ref="Y3:Z3"/>
    <mergeCell ref="AB3:AC3"/>
    <mergeCell ref="B5:AD5"/>
    <mergeCell ref="B6:AD6"/>
    <mergeCell ref="B9:F9"/>
    <mergeCell ref="B10:F11"/>
    <mergeCell ref="B12:F13"/>
    <mergeCell ref="B18:F25"/>
    <mergeCell ref="AC18:AD18"/>
    <mergeCell ref="J20:T20"/>
    <mergeCell ref="V20:W20"/>
    <mergeCell ref="V21:W21"/>
    <mergeCell ref="J24:U24"/>
    <mergeCell ref="V24:W24"/>
    <mergeCell ref="B29:F33"/>
    <mergeCell ref="J31:T31"/>
    <mergeCell ref="V31:W31"/>
    <mergeCell ref="V32:W32"/>
    <mergeCell ref="B37:F41"/>
    <mergeCell ref="J39:T39"/>
    <mergeCell ref="V39:W39"/>
    <mergeCell ref="V40:W40"/>
    <mergeCell ref="B49:C49"/>
    <mergeCell ref="D49:AD49"/>
    <mergeCell ref="B42:F46"/>
    <mergeCell ref="J44:U44"/>
    <mergeCell ref="V44:W44"/>
    <mergeCell ref="J45:U45"/>
    <mergeCell ref="V45:W45"/>
    <mergeCell ref="B48:C48"/>
  </mergeCells>
  <phoneticPr fontId="2"/>
  <dataValidations count="1">
    <dataValidation type="list" allowBlank="1" showInputMessage="1" showErrorMessage="1" sqref="G9:G13 L9 Q9 P10:P11 S12 AA21 AC21 AA24 AC24 AA32 AC32 AA40 AC40 AA45 AC45">
      <formula1>"□,■"</formula1>
    </dataValidation>
  </dataValidations>
  <pageMargins left="0.7" right="0.7" top="0.75" bottom="0.75" header="0.3" footer="0.3"/>
  <pageSetup paperSize="9" scale="96"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AF123"/>
  <sheetViews>
    <sheetView zoomScaleNormal="100" zoomScaleSheetLayoutView="85" workbookViewId="0">
      <selection activeCell="C87" sqref="C87"/>
    </sheetView>
  </sheetViews>
  <sheetFormatPr defaultColWidth="4" defaultRowHeight="17.25" x14ac:dyDescent="0.15"/>
  <cols>
    <col min="1" max="1" width="1.5" style="21" customWidth="1"/>
    <col min="2" max="12" width="3.25" style="21" customWidth="1"/>
    <col min="13" max="13" width="13" style="21" customWidth="1"/>
    <col min="14" max="14" width="4.125" style="21" bestFit="1" customWidth="1"/>
    <col min="15" max="32" width="3.25" style="21" customWidth="1"/>
    <col min="33" max="33" width="1.5" style="21" customWidth="1"/>
    <col min="34" max="36" width="3.25" style="21" customWidth="1"/>
    <col min="37" max="16384" width="4" style="21"/>
  </cols>
  <sheetData>
    <row r="2" spans="1:32" x14ac:dyDescent="0.15">
      <c r="B2" s="21" t="s">
        <v>61</v>
      </c>
    </row>
    <row r="4" spans="1:32" x14ac:dyDescent="0.15">
      <c r="W4" s="26" t="s">
        <v>12</v>
      </c>
      <c r="X4" s="658"/>
      <c r="Y4" s="658"/>
      <c r="Z4" s="27" t="s">
        <v>11</v>
      </c>
      <c r="AA4" s="658"/>
      <c r="AB4" s="658"/>
      <c r="AC4" s="27" t="s">
        <v>10</v>
      </c>
      <c r="AD4" s="658"/>
      <c r="AE4" s="658"/>
      <c r="AF4" s="27" t="s">
        <v>44</v>
      </c>
    </row>
    <row r="5" spans="1:32" x14ac:dyDescent="0.15">
      <c r="B5" s="658"/>
      <c r="C5" s="658"/>
      <c r="D5" s="658"/>
      <c r="E5" s="658"/>
      <c r="F5" s="658"/>
      <c r="G5" s="658"/>
      <c r="H5" s="658" t="s">
        <v>9</v>
      </c>
      <c r="I5" s="658"/>
      <c r="J5" s="658"/>
      <c r="K5" s="27" t="s">
        <v>8</v>
      </c>
    </row>
    <row r="7" spans="1:32" x14ac:dyDescent="0.15">
      <c r="S7" s="26" t="s">
        <v>60</v>
      </c>
      <c r="T7" s="657"/>
      <c r="U7" s="657"/>
      <c r="V7" s="657"/>
      <c r="W7" s="657"/>
      <c r="X7" s="657"/>
      <c r="Y7" s="657"/>
      <c r="Z7" s="657"/>
      <c r="AA7" s="657"/>
      <c r="AB7" s="657"/>
      <c r="AC7" s="657"/>
      <c r="AD7" s="657"/>
      <c r="AE7" s="657"/>
      <c r="AF7" s="657"/>
    </row>
    <row r="8" spans="1:32" x14ac:dyDescent="0.15">
      <c r="S8" s="26"/>
      <c r="T8" s="27"/>
      <c r="U8" s="27"/>
      <c r="V8" s="27"/>
      <c r="W8" s="27"/>
      <c r="X8" s="27"/>
      <c r="Y8" s="27"/>
      <c r="Z8" s="27"/>
      <c r="AA8" s="27"/>
      <c r="AB8" s="27"/>
      <c r="AC8" s="27"/>
      <c r="AD8" s="27"/>
      <c r="AE8" s="27"/>
      <c r="AF8" s="27"/>
    </row>
    <row r="9" spans="1:32" x14ac:dyDescent="0.15">
      <c r="B9" s="668" t="s">
        <v>59</v>
      </c>
      <c r="C9" s="668"/>
      <c r="D9" s="668"/>
      <c r="E9" s="668"/>
      <c r="F9" s="668"/>
      <c r="G9" s="668"/>
      <c r="H9" s="668"/>
      <c r="I9" s="668"/>
      <c r="J9" s="668"/>
      <c r="K9" s="668"/>
      <c r="L9" s="668"/>
      <c r="M9" s="668"/>
      <c r="N9" s="668"/>
      <c r="O9" s="668"/>
      <c r="P9" s="668"/>
      <c r="Q9" s="668"/>
      <c r="R9" s="668"/>
      <c r="S9" s="668"/>
      <c r="T9" s="668"/>
      <c r="U9" s="668"/>
      <c r="V9" s="668"/>
      <c r="W9" s="668"/>
      <c r="X9" s="668"/>
      <c r="Y9" s="668"/>
      <c r="Z9" s="668"/>
      <c r="AA9" s="668"/>
    </row>
    <row r="10" spans="1:32" x14ac:dyDescent="0.15">
      <c r="B10" s="45"/>
      <c r="C10" s="45"/>
      <c r="D10" s="45"/>
      <c r="E10" s="45"/>
      <c r="F10" s="45"/>
      <c r="G10" s="45"/>
      <c r="H10" s="45"/>
      <c r="I10" s="45"/>
      <c r="J10" s="45"/>
      <c r="K10" s="45"/>
      <c r="L10" s="45"/>
      <c r="M10" s="45"/>
      <c r="N10" s="45"/>
      <c r="O10" s="45"/>
      <c r="P10" s="45"/>
      <c r="Q10" s="45"/>
      <c r="R10" s="45"/>
      <c r="S10" s="45"/>
      <c r="T10" s="45"/>
      <c r="U10" s="45"/>
      <c r="V10" s="45"/>
      <c r="W10" s="45"/>
      <c r="X10" s="45"/>
      <c r="Y10" s="45"/>
      <c r="Z10" s="45"/>
      <c r="AA10" s="45"/>
    </row>
    <row r="11" spans="1:32" x14ac:dyDescent="0.15">
      <c r="A11" s="21" t="s">
        <v>58</v>
      </c>
    </row>
    <row r="13" spans="1:32" ht="36" customHeight="1" x14ac:dyDescent="0.15">
      <c r="R13" s="639" t="s">
        <v>57</v>
      </c>
      <c r="S13" s="640"/>
      <c r="T13" s="640"/>
      <c r="U13" s="640"/>
      <c r="V13" s="653"/>
      <c r="W13" s="44"/>
      <c r="X13" s="43"/>
      <c r="Y13" s="43"/>
      <c r="Z13" s="43"/>
      <c r="AA13" s="43"/>
      <c r="AB13" s="43"/>
      <c r="AC13" s="43"/>
      <c r="AD13" s="43"/>
      <c r="AE13" s="43"/>
      <c r="AF13" s="42"/>
    </row>
    <row r="14" spans="1:32" ht="13.5" customHeight="1" x14ac:dyDescent="0.15"/>
    <row r="15" spans="1:32" s="24" customFormat="1" ht="34.5" customHeight="1" x14ac:dyDescent="0.15">
      <c r="B15" s="639" t="s">
        <v>56</v>
      </c>
      <c r="C15" s="640"/>
      <c r="D15" s="640"/>
      <c r="E15" s="640"/>
      <c r="F15" s="640"/>
      <c r="G15" s="640"/>
      <c r="H15" s="640"/>
      <c r="I15" s="640"/>
      <c r="J15" s="640"/>
      <c r="K15" s="640"/>
      <c r="L15" s="653"/>
      <c r="M15" s="640" t="s">
        <v>55</v>
      </c>
      <c r="N15" s="653"/>
      <c r="O15" s="639" t="s">
        <v>54</v>
      </c>
      <c r="P15" s="640"/>
      <c r="Q15" s="640"/>
      <c r="R15" s="640"/>
      <c r="S15" s="640"/>
      <c r="T15" s="640"/>
      <c r="U15" s="640"/>
      <c r="V15" s="640"/>
      <c r="W15" s="640"/>
      <c r="X15" s="640"/>
      <c r="Y15" s="640"/>
      <c r="Z15" s="640"/>
      <c r="AA15" s="640"/>
      <c r="AB15" s="640"/>
      <c r="AC15" s="640"/>
      <c r="AD15" s="640"/>
      <c r="AE15" s="640"/>
      <c r="AF15" s="653"/>
    </row>
    <row r="16" spans="1:32" s="24" customFormat="1" x14ac:dyDescent="0.15">
      <c r="B16" s="659" t="s">
        <v>6</v>
      </c>
      <c r="C16" s="660"/>
      <c r="D16" s="660"/>
      <c r="E16" s="660"/>
      <c r="F16" s="660"/>
      <c r="G16" s="660"/>
      <c r="H16" s="660"/>
      <c r="I16" s="660"/>
      <c r="J16" s="660"/>
      <c r="K16" s="660"/>
      <c r="L16" s="661"/>
      <c r="M16" s="41" t="s">
        <v>53</v>
      </c>
      <c r="N16" s="40" t="s">
        <v>23</v>
      </c>
      <c r="O16" s="648" t="s">
        <v>52</v>
      </c>
      <c r="P16" s="649"/>
      <c r="Q16" s="649"/>
      <c r="R16" s="649"/>
      <c r="S16" s="649"/>
      <c r="T16" s="649"/>
      <c r="U16" s="649"/>
      <c r="V16" s="649"/>
      <c r="W16" s="649"/>
      <c r="X16" s="649"/>
      <c r="Y16" s="649"/>
      <c r="Z16" s="649"/>
      <c r="AA16" s="649"/>
      <c r="AB16" s="649"/>
      <c r="AC16" s="649"/>
      <c r="AD16" s="649"/>
      <c r="AE16" s="649"/>
      <c r="AF16" s="650"/>
    </row>
    <row r="17" spans="2:32" s="24" customFormat="1" x14ac:dyDescent="0.15">
      <c r="B17" s="667"/>
      <c r="C17" s="668"/>
      <c r="D17" s="668"/>
      <c r="E17" s="668"/>
      <c r="F17" s="668"/>
      <c r="G17" s="668"/>
      <c r="H17" s="668"/>
      <c r="I17" s="668"/>
      <c r="J17" s="668"/>
      <c r="K17" s="668"/>
      <c r="L17" s="669"/>
      <c r="M17" s="29"/>
      <c r="N17" s="25" t="s">
        <v>23</v>
      </c>
      <c r="O17" s="636"/>
      <c r="P17" s="637"/>
      <c r="Q17" s="637"/>
      <c r="R17" s="637"/>
      <c r="S17" s="637"/>
      <c r="T17" s="637"/>
      <c r="U17" s="637"/>
      <c r="V17" s="637"/>
      <c r="W17" s="637"/>
      <c r="X17" s="637"/>
      <c r="Y17" s="637"/>
      <c r="Z17" s="637"/>
      <c r="AA17" s="637"/>
      <c r="AB17" s="637"/>
      <c r="AC17" s="637"/>
      <c r="AD17" s="637"/>
      <c r="AE17" s="637"/>
      <c r="AF17" s="638"/>
    </row>
    <row r="18" spans="2:32" s="24" customFormat="1" x14ac:dyDescent="0.15">
      <c r="B18" s="670"/>
      <c r="C18" s="671"/>
      <c r="D18" s="671"/>
      <c r="E18" s="671"/>
      <c r="F18" s="671"/>
      <c r="G18" s="671"/>
      <c r="H18" s="671"/>
      <c r="I18" s="671"/>
      <c r="J18" s="671"/>
      <c r="K18" s="671"/>
      <c r="L18" s="672"/>
      <c r="M18" s="29"/>
      <c r="N18" s="25" t="s">
        <v>23</v>
      </c>
      <c r="O18" s="636"/>
      <c r="P18" s="637"/>
      <c r="Q18" s="637"/>
      <c r="R18" s="637"/>
      <c r="S18" s="637"/>
      <c r="T18" s="637"/>
      <c r="U18" s="637"/>
      <c r="V18" s="637"/>
      <c r="W18" s="637"/>
      <c r="X18" s="637"/>
      <c r="Y18" s="637"/>
      <c r="Z18" s="637"/>
      <c r="AA18" s="637"/>
      <c r="AB18" s="637"/>
      <c r="AC18" s="637"/>
      <c r="AD18" s="637"/>
      <c r="AE18" s="637"/>
      <c r="AF18" s="638"/>
    </row>
    <row r="19" spans="2:32" s="24" customFormat="1" x14ac:dyDescent="0.15">
      <c r="B19" s="659" t="s">
        <v>5</v>
      </c>
      <c r="C19" s="660"/>
      <c r="D19" s="660"/>
      <c r="E19" s="660"/>
      <c r="F19" s="660"/>
      <c r="G19" s="660"/>
      <c r="H19" s="660"/>
      <c r="I19" s="660"/>
      <c r="J19" s="660"/>
      <c r="K19" s="660"/>
      <c r="L19" s="661"/>
      <c r="M19" s="29"/>
      <c r="N19" s="35" t="s">
        <v>23</v>
      </c>
      <c r="O19" s="636"/>
      <c r="P19" s="637"/>
      <c r="Q19" s="637"/>
      <c r="R19" s="637"/>
      <c r="S19" s="637"/>
      <c r="T19" s="637"/>
      <c r="U19" s="637"/>
      <c r="V19" s="637"/>
      <c r="W19" s="637"/>
      <c r="X19" s="637"/>
      <c r="Y19" s="637"/>
      <c r="Z19" s="637"/>
      <c r="AA19" s="637"/>
      <c r="AB19" s="637"/>
      <c r="AC19" s="637"/>
      <c r="AD19" s="637"/>
      <c r="AE19" s="637"/>
      <c r="AF19" s="638"/>
    </row>
    <row r="20" spans="2:32" s="24" customFormat="1" x14ac:dyDescent="0.15">
      <c r="B20" s="673"/>
      <c r="C20" s="674"/>
      <c r="D20" s="674"/>
      <c r="E20" s="674"/>
      <c r="F20" s="674"/>
      <c r="G20" s="674"/>
      <c r="H20" s="674"/>
      <c r="I20" s="674"/>
      <c r="J20" s="674"/>
      <c r="K20" s="674"/>
      <c r="L20" s="675"/>
      <c r="M20" s="29"/>
      <c r="N20" s="35" t="s">
        <v>23</v>
      </c>
      <c r="O20" s="636"/>
      <c r="P20" s="637"/>
      <c r="Q20" s="637"/>
      <c r="R20" s="637"/>
      <c r="S20" s="637"/>
      <c r="T20" s="637"/>
      <c r="U20" s="637"/>
      <c r="V20" s="637"/>
      <c r="W20" s="637"/>
      <c r="X20" s="637"/>
      <c r="Y20" s="637"/>
      <c r="Z20" s="637"/>
      <c r="AA20" s="637"/>
      <c r="AB20" s="637"/>
      <c r="AC20" s="637"/>
      <c r="AD20" s="637"/>
      <c r="AE20" s="637"/>
      <c r="AF20" s="638"/>
    </row>
    <row r="21" spans="2:32" s="24" customFormat="1" x14ac:dyDescent="0.15">
      <c r="B21" s="662"/>
      <c r="C21" s="663"/>
      <c r="D21" s="663"/>
      <c r="E21" s="663"/>
      <c r="F21" s="663"/>
      <c r="G21" s="663"/>
      <c r="H21" s="663"/>
      <c r="I21" s="663"/>
      <c r="J21" s="663"/>
      <c r="K21" s="663"/>
      <c r="L21" s="664"/>
      <c r="M21" s="34"/>
      <c r="N21" s="33" t="s">
        <v>23</v>
      </c>
      <c r="O21" s="636"/>
      <c r="P21" s="637"/>
      <c r="Q21" s="637"/>
      <c r="R21" s="637"/>
      <c r="S21" s="637"/>
      <c r="T21" s="637"/>
      <c r="U21" s="637"/>
      <c r="V21" s="637"/>
      <c r="W21" s="637"/>
      <c r="X21" s="637"/>
      <c r="Y21" s="637"/>
      <c r="Z21" s="637"/>
      <c r="AA21" s="637"/>
      <c r="AB21" s="637"/>
      <c r="AC21" s="637"/>
      <c r="AD21" s="637"/>
      <c r="AE21" s="637"/>
      <c r="AF21" s="638"/>
    </row>
    <row r="22" spans="2:32" s="24" customFormat="1" x14ac:dyDescent="0.15">
      <c r="B22" s="659" t="s">
        <v>4</v>
      </c>
      <c r="C22" s="660"/>
      <c r="D22" s="660"/>
      <c r="E22" s="660"/>
      <c r="F22" s="660"/>
      <c r="G22" s="660"/>
      <c r="H22" s="660"/>
      <c r="I22" s="660"/>
      <c r="J22" s="660"/>
      <c r="K22" s="660"/>
      <c r="L22" s="661"/>
      <c r="M22" s="29"/>
      <c r="N22" s="25" t="s">
        <v>23</v>
      </c>
      <c r="O22" s="636"/>
      <c r="P22" s="637"/>
      <c r="Q22" s="637"/>
      <c r="R22" s="637"/>
      <c r="S22" s="637"/>
      <c r="T22" s="637"/>
      <c r="U22" s="637"/>
      <c r="V22" s="637"/>
      <c r="W22" s="637"/>
      <c r="X22" s="637"/>
      <c r="Y22" s="637"/>
      <c r="Z22" s="637"/>
      <c r="AA22" s="637"/>
      <c r="AB22" s="637"/>
      <c r="AC22" s="637"/>
      <c r="AD22" s="637"/>
      <c r="AE22" s="637"/>
      <c r="AF22" s="638"/>
    </row>
    <row r="23" spans="2:32" s="24" customFormat="1" x14ac:dyDescent="0.15">
      <c r="B23" s="673"/>
      <c r="C23" s="674"/>
      <c r="D23" s="674"/>
      <c r="E23" s="674"/>
      <c r="F23" s="674"/>
      <c r="G23" s="674"/>
      <c r="H23" s="674"/>
      <c r="I23" s="674"/>
      <c r="J23" s="674"/>
      <c r="K23" s="674"/>
      <c r="L23" s="675"/>
      <c r="M23" s="29"/>
      <c r="N23" s="25" t="s">
        <v>23</v>
      </c>
      <c r="O23" s="636"/>
      <c r="P23" s="637"/>
      <c r="Q23" s="637"/>
      <c r="R23" s="637"/>
      <c r="S23" s="637"/>
      <c r="T23" s="637"/>
      <c r="U23" s="637"/>
      <c r="V23" s="637"/>
      <c r="W23" s="637"/>
      <c r="X23" s="637"/>
      <c r="Y23" s="637"/>
      <c r="Z23" s="637"/>
      <c r="AA23" s="637"/>
      <c r="AB23" s="637"/>
      <c r="AC23" s="637"/>
      <c r="AD23" s="637"/>
      <c r="AE23" s="637"/>
      <c r="AF23" s="638"/>
    </row>
    <row r="24" spans="2:32" s="24" customFormat="1" x14ac:dyDescent="0.15">
      <c r="B24" s="662"/>
      <c r="C24" s="663"/>
      <c r="D24" s="663"/>
      <c r="E24" s="663"/>
      <c r="F24" s="663"/>
      <c r="G24" s="663"/>
      <c r="H24" s="663"/>
      <c r="I24" s="663"/>
      <c r="J24" s="663"/>
      <c r="K24" s="663"/>
      <c r="L24" s="664"/>
      <c r="M24" s="29"/>
      <c r="N24" s="25" t="s">
        <v>23</v>
      </c>
      <c r="O24" s="636"/>
      <c r="P24" s="637"/>
      <c r="Q24" s="637"/>
      <c r="R24" s="637"/>
      <c r="S24" s="637"/>
      <c r="T24" s="637"/>
      <c r="U24" s="637"/>
      <c r="V24" s="637"/>
      <c r="W24" s="637"/>
      <c r="X24" s="637"/>
      <c r="Y24" s="637"/>
      <c r="Z24" s="637"/>
      <c r="AA24" s="637"/>
      <c r="AB24" s="637"/>
      <c r="AC24" s="637"/>
      <c r="AD24" s="637"/>
      <c r="AE24" s="637"/>
      <c r="AF24" s="638"/>
    </row>
    <row r="25" spans="2:32" s="24" customFormat="1" x14ac:dyDescent="0.15">
      <c r="B25" s="659" t="s">
        <v>3</v>
      </c>
      <c r="C25" s="660"/>
      <c r="D25" s="660"/>
      <c r="E25" s="660"/>
      <c r="F25" s="660"/>
      <c r="G25" s="660"/>
      <c r="H25" s="660"/>
      <c r="I25" s="660"/>
      <c r="J25" s="660"/>
      <c r="K25" s="660"/>
      <c r="L25" s="661"/>
      <c r="M25" s="29"/>
      <c r="N25" s="25" t="s">
        <v>23</v>
      </c>
      <c r="O25" s="636"/>
      <c r="P25" s="637"/>
      <c r="Q25" s="637"/>
      <c r="R25" s="637"/>
      <c r="S25" s="637"/>
      <c r="T25" s="637"/>
      <c r="U25" s="637"/>
      <c r="V25" s="637"/>
      <c r="W25" s="637"/>
      <c r="X25" s="637"/>
      <c r="Y25" s="637"/>
      <c r="Z25" s="637"/>
      <c r="AA25" s="637"/>
      <c r="AB25" s="637"/>
      <c r="AC25" s="637"/>
      <c r="AD25" s="637"/>
      <c r="AE25" s="637"/>
      <c r="AF25" s="638"/>
    </row>
    <row r="26" spans="2:32" s="24" customFormat="1" x14ac:dyDescent="0.15">
      <c r="B26" s="673"/>
      <c r="C26" s="674"/>
      <c r="D26" s="674"/>
      <c r="E26" s="674"/>
      <c r="F26" s="674"/>
      <c r="G26" s="674"/>
      <c r="H26" s="674"/>
      <c r="I26" s="674"/>
      <c r="J26" s="674"/>
      <c r="K26" s="674"/>
      <c r="L26" s="675"/>
      <c r="M26" s="29"/>
      <c r="N26" s="25" t="s">
        <v>23</v>
      </c>
      <c r="O26" s="636"/>
      <c r="P26" s="637"/>
      <c r="Q26" s="637"/>
      <c r="R26" s="637"/>
      <c r="S26" s="637"/>
      <c r="T26" s="637"/>
      <c r="U26" s="637"/>
      <c r="V26" s="637"/>
      <c r="W26" s="637"/>
      <c r="X26" s="637"/>
      <c r="Y26" s="637"/>
      <c r="Z26" s="637"/>
      <c r="AA26" s="637"/>
      <c r="AB26" s="637"/>
      <c r="AC26" s="637"/>
      <c r="AD26" s="637"/>
      <c r="AE26" s="637"/>
      <c r="AF26" s="638"/>
    </row>
    <row r="27" spans="2:32" s="24" customFormat="1" x14ac:dyDescent="0.15">
      <c r="B27" s="662"/>
      <c r="C27" s="663"/>
      <c r="D27" s="663"/>
      <c r="E27" s="663"/>
      <c r="F27" s="663"/>
      <c r="G27" s="663"/>
      <c r="H27" s="663"/>
      <c r="I27" s="663"/>
      <c r="J27" s="663"/>
      <c r="K27" s="663"/>
      <c r="L27" s="664"/>
      <c r="M27" s="29"/>
      <c r="N27" s="25" t="s">
        <v>23</v>
      </c>
      <c r="O27" s="636"/>
      <c r="P27" s="637"/>
      <c r="Q27" s="637"/>
      <c r="R27" s="637"/>
      <c r="S27" s="637"/>
      <c r="T27" s="637"/>
      <c r="U27" s="637"/>
      <c r="V27" s="637"/>
      <c r="W27" s="637"/>
      <c r="X27" s="637"/>
      <c r="Y27" s="637"/>
      <c r="Z27" s="637"/>
      <c r="AA27" s="637"/>
      <c r="AB27" s="637"/>
      <c r="AC27" s="637"/>
      <c r="AD27" s="637"/>
      <c r="AE27" s="637"/>
      <c r="AF27" s="638"/>
    </row>
    <row r="28" spans="2:32" s="24" customFormat="1" x14ac:dyDescent="0.15">
      <c r="B28" s="659" t="s">
        <v>51</v>
      </c>
      <c r="C28" s="660"/>
      <c r="D28" s="660"/>
      <c r="E28" s="660"/>
      <c r="F28" s="660"/>
      <c r="G28" s="660"/>
      <c r="H28" s="660"/>
      <c r="I28" s="660"/>
      <c r="J28" s="660"/>
      <c r="K28" s="660"/>
      <c r="L28" s="661"/>
      <c r="M28" s="29"/>
      <c r="N28" s="25" t="s">
        <v>23</v>
      </c>
      <c r="O28" s="636"/>
      <c r="P28" s="637"/>
      <c r="Q28" s="637"/>
      <c r="R28" s="637"/>
      <c r="S28" s="637"/>
      <c r="T28" s="637"/>
      <c r="U28" s="637"/>
      <c r="V28" s="637"/>
      <c r="W28" s="637"/>
      <c r="X28" s="637"/>
      <c r="Y28" s="637"/>
      <c r="Z28" s="637"/>
      <c r="AA28" s="637"/>
      <c r="AB28" s="637"/>
      <c r="AC28" s="637"/>
      <c r="AD28" s="637"/>
      <c r="AE28" s="637"/>
      <c r="AF28" s="638"/>
    </row>
    <row r="29" spans="2:32" s="24" customFormat="1" x14ac:dyDescent="0.15">
      <c r="B29" s="673"/>
      <c r="C29" s="674"/>
      <c r="D29" s="674"/>
      <c r="E29" s="674"/>
      <c r="F29" s="674"/>
      <c r="G29" s="674"/>
      <c r="H29" s="674"/>
      <c r="I29" s="674"/>
      <c r="J29" s="674"/>
      <c r="K29" s="674"/>
      <c r="L29" s="675"/>
      <c r="M29" s="29"/>
      <c r="N29" s="25" t="s">
        <v>23</v>
      </c>
      <c r="O29" s="636"/>
      <c r="P29" s="637"/>
      <c r="Q29" s="637"/>
      <c r="R29" s="637"/>
      <c r="S29" s="637"/>
      <c r="T29" s="637"/>
      <c r="U29" s="637"/>
      <c r="V29" s="637"/>
      <c r="W29" s="637"/>
      <c r="X29" s="637"/>
      <c r="Y29" s="637"/>
      <c r="Z29" s="637"/>
      <c r="AA29" s="637"/>
      <c r="AB29" s="637"/>
      <c r="AC29" s="637"/>
      <c r="AD29" s="637"/>
      <c r="AE29" s="637"/>
      <c r="AF29" s="638"/>
    </row>
    <row r="30" spans="2:32" s="24" customFormat="1" x14ac:dyDescent="0.15">
      <c r="B30" s="662"/>
      <c r="C30" s="663"/>
      <c r="D30" s="663"/>
      <c r="E30" s="663"/>
      <c r="F30" s="663"/>
      <c r="G30" s="663"/>
      <c r="H30" s="663"/>
      <c r="I30" s="663"/>
      <c r="J30" s="663"/>
      <c r="K30" s="663"/>
      <c r="L30" s="664"/>
      <c r="M30" s="29"/>
      <c r="N30" s="25" t="s">
        <v>23</v>
      </c>
      <c r="O30" s="636"/>
      <c r="P30" s="637"/>
      <c r="Q30" s="637"/>
      <c r="R30" s="637"/>
      <c r="S30" s="637"/>
      <c r="T30" s="637"/>
      <c r="U30" s="637"/>
      <c r="V30" s="637"/>
      <c r="W30" s="637"/>
      <c r="X30" s="637"/>
      <c r="Y30" s="637"/>
      <c r="Z30" s="637"/>
      <c r="AA30" s="637"/>
      <c r="AB30" s="637"/>
      <c r="AC30" s="637"/>
      <c r="AD30" s="637"/>
      <c r="AE30" s="637"/>
      <c r="AF30" s="638"/>
    </row>
    <row r="31" spans="2:32" s="24" customFormat="1" x14ac:dyDescent="0.15">
      <c r="B31" s="659" t="s">
        <v>50</v>
      </c>
      <c r="C31" s="660"/>
      <c r="D31" s="660"/>
      <c r="E31" s="660"/>
      <c r="F31" s="660"/>
      <c r="G31" s="660"/>
      <c r="H31" s="660"/>
      <c r="I31" s="660"/>
      <c r="J31" s="660"/>
      <c r="K31" s="660"/>
      <c r="L31" s="661"/>
      <c r="M31" s="39"/>
      <c r="N31" s="35" t="s">
        <v>23</v>
      </c>
      <c r="O31" s="636"/>
      <c r="P31" s="637"/>
      <c r="Q31" s="637"/>
      <c r="R31" s="637"/>
      <c r="S31" s="637"/>
      <c r="T31" s="637"/>
      <c r="U31" s="637"/>
      <c r="V31" s="637"/>
      <c r="W31" s="637"/>
      <c r="X31" s="637"/>
      <c r="Y31" s="637"/>
      <c r="Z31" s="637"/>
      <c r="AA31" s="637"/>
      <c r="AB31" s="637"/>
      <c r="AC31" s="637"/>
      <c r="AD31" s="637"/>
      <c r="AE31" s="637"/>
      <c r="AF31" s="638"/>
    </row>
    <row r="32" spans="2:32" s="24" customFormat="1" x14ac:dyDescent="0.15">
      <c r="B32" s="673"/>
      <c r="C32" s="674"/>
      <c r="D32" s="674"/>
      <c r="E32" s="674"/>
      <c r="F32" s="674"/>
      <c r="G32" s="674"/>
      <c r="H32" s="674"/>
      <c r="I32" s="674"/>
      <c r="J32" s="674"/>
      <c r="K32" s="674"/>
      <c r="L32" s="675"/>
      <c r="M32" s="39"/>
      <c r="N32" s="35" t="s">
        <v>23</v>
      </c>
      <c r="O32" s="636"/>
      <c r="P32" s="637"/>
      <c r="Q32" s="637"/>
      <c r="R32" s="637"/>
      <c r="S32" s="637"/>
      <c r="T32" s="637"/>
      <c r="U32" s="637"/>
      <c r="V32" s="637"/>
      <c r="W32" s="637"/>
      <c r="X32" s="637"/>
      <c r="Y32" s="637"/>
      <c r="Z32" s="637"/>
      <c r="AA32" s="637"/>
      <c r="AB32" s="637"/>
      <c r="AC32" s="637"/>
      <c r="AD32" s="637"/>
      <c r="AE32" s="637"/>
      <c r="AF32" s="638"/>
    </row>
    <row r="33" spans="1:32" s="24" customFormat="1" ht="18" thickBot="1" x14ac:dyDescent="0.2">
      <c r="B33" s="676"/>
      <c r="C33" s="677"/>
      <c r="D33" s="677"/>
      <c r="E33" s="677"/>
      <c r="F33" s="677"/>
      <c r="G33" s="677"/>
      <c r="H33" s="677"/>
      <c r="I33" s="677"/>
      <c r="J33" s="677"/>
      <c r="K33" s="677"/>
      <c r="L33" s="678"/>
      <c r="M33" s="38"/>
      <c r="N33" s="37" t="s">
        <v>23</v>
      </c>
      <c r="O33" s="679"/>
      <c r="P33" s="680"/>
      <c r="Q33" s="680"/>
      <c r="R33" s="680"/>
      <c r="S33" s="680"/>
      <c r="T33" s="680"/>
      <c r="U33" s="680"/>
      <c r="V33" s="680"/>
      <c r="W33" s="680"/>
      <c r="X33" s="680"/>
      <c r="Y33" s="680"/>
      <c r="Z33" s="680"/>
      <c r="AA33" s="680"/>
      <c r="AB33" s="680"/>
      <c r="AC33" s="680"/>
      <c r="AD33" s="680"/>
      <c r="AE33" s="680"/>
      <c r="AF33" s="681"/>
    </row>
    <row r="34" spans="1:32" s="24" customFormat="1" ht="18" thickTop="1" x14ac:dyDescent="0.15">
      <c r="B34" s="659" t="s">
        <v>2</v>
      </c>
      <c r="C34" s="660"/>
      <c r="D34" s="660"/>
      <c r="E34" s="660"/>
      <c r="F34" s="660"/>
      <c r="G34" s="660"/>
      <c r="H34" s="660"/>
      <c r="I34" s="660"/>
      <c r="J34" s="660"/>
      <c r="K34" s="660"/>
      <c r="L34" s="661"/>
      <c r="M34" s="31"/>
      <c r="N34" s="36" t="s">
        <v>23</v>
      </c>
      <c r="O34" s="682"/>
      <c r="P34" s="683"/>
      <c r="Q34" s="683"/>
      <c r="R34" s="683"/>
      <c r="S34" s="683"/>
      <c r="T34" s="683"/>
      <c r="U34" s="683"/>
      <c r="V34" s="683"/>
      <c r="W34" s="683"/>
      <c r="X34" s="683"/>
      <c r="Y34" s="683"/>
      <c r="Z34" s="683"/>
      <c r="AA34" s="683"/>
      <c r="AB34" s="683"/>
      <c r="AC34" s="683"/>
      <c r="AD34" s="683"/>
      <c r="AE34" s="683"/>
      <c r="AF34" s="684"/>
    </row>
    <row r="35" spans="1:32" s="24" customFormat="1" x14ac:dyDescent="0.15">
      <c r="B35" s="673"/>
      <c r="C35" s="674"/>
      <c r="D35" s="674"/>
      <c r="E35" s="674"/>
      <c r="F35" s="674"/>
      <c r="G35" s="674"/>
      <c r="H35" s="674"/>
      <c r="I35" s="674"/>
      <c r="J35" s="674"/>
      <c r="K35" s="674"/>
      <c r="L35" s="675"/>
      <c r="M35" s="29"/>
      <c r="N35" s="35" t="s">
        <v>23</v>
      </c>
      <c r="O35" s="636"/>
      <c r="P35" s="637"/>
      <c r="Q35" s="637"/>
      <c r="R35" s="637"/>
      <c r="S35" s="637"/>
      <c r="T35" s="637"/>
      <c r="U35" s="637"/>
      <c r="V35" s="637"/>
      <c r="W35" s="637"/>
      <c r="X35" s="637"/>
      <c r="Y35" s="637"/>
      <c r="Z35" s="637"/>
      <c r="AA35" s="637"/>
      <c r="AB35" s="637"/>
      <c r="AC35" s="637"/>
      <c r="AD35" s="637"/>
      <c r="AE35" s="637"/>
      <c r="AF35" s="638"/>
    </row>
    <row r="36" spans="1:32" s="24" customFormat="1" x14ac:dyDescent="0.15">
      <c r="B36" s="662"/>
      <c r="C36" s="663"/>
      <c r="D36" s="663"/>
      <c r="E36" s="663"/>
      <c r="F36" s="663"/>
      <c r="G36" s="663"/>
      <c r="H36" s="663"/>
      <c r="I36" s="663"/>
      <c r="J36" s="663"/>
      <c r="K36" s="663"/>
      <c r="L36" s="664"/>
      <c r="M36" s="34"/>
      <c r="N36" s="33" t="s">
        <v>23</v>
      </c>
      <c r="O36" s="636"/>
      <c r="P36" s="637"/>
      <c r="Q36" s="637"/>
      <c r="R36" s="637"/>
      <c r="S36" s="637"/>
      <c r="T36" s="637"/>
      <c r="U36" s="637"/>
      <c r="V36" s="637"/>
      <c r="W36" s="637"/>
      <c r="X36" s="637"/>
      <c r="Y36" s="637"/>
      <c r="Z36" s="637"/>
      <c r="AA36" s="637"/>
      <c r="AB36" s="637"/>
      <c r="AC36" s="637"/>
      <c r="AD36" s="637"/>
      <c r="AE36" s="637"/>
      <c r="AF36" s="638"/>
    </row>
    <row r="37" spans="1:32" s="24" customFormat="1" x14ac:dyDescent="0.15">
      <c r="B37" s="659" t="s">
        <v>1</v>
      </c>
      <c r="C37" s="660"/>
      <c r="D37" s="660"/>
      <c r="E37" s="660"/>
      <c r="F37" s="660"/>
      <c r="G37" s="660"/>
      <c r="H37" s="660"/>
      <c r="I37" s="660"/>
      <c r="J37" s="660"/>
      <c r="K37" s="660"/>
      <c r="L37" s="661"/>
      <c r="M37" s="29"/>
      <c r="N37" s="25" t="s">
        <v>23</v>
      </c>
      <c r="O37" s="636"/>
      <c r="P37" s="637"/>
      <c r="Q37" s="637"/>
      <c r="R37" s="637"/>
      <c r="S37" s="637"/>
      <c r="T37" s="637"/>
      <c r="U37" s="637"/>
      <c r="V37" s="637"/>
      <c r="W37" s="637"/>
      <c r="X37" s="637"/>
      <c r="Y37" s="637"/>
      <c r="Z37" s="637"/>
      <c r="AA37" s="637"/>
      <c r="AB37" s="637"/>
      <c r="AC37" s="637"/>
      <c r="AD37" s="637"/>
      <c r="AE37" s="637"/>
      <c r="AF37" s="638"/>
    </row>
    <row r="38" spans="1:32" s="24" customFormat="1" x14ac:dyDescent="0.15">
      <c r="B38" s="662"/>
      <c r="C38" s="663"/>
      <c r="D38" s="663"/>
      <c r="E38" s="663"/>
      <c r="F38" s="663"/>
      <c r="G38" s="663"/>
      <c r="H38" s="663"/>
      <c r="I38" s="663"/>
      <c r="J38" s="663"/>
      <c r="K38" s="663"/>
      <c r="L38" s="664"/>
      <c r="M38" s="29"/>
      <c r="N38" s="25" t="s">
        <v>23</v>
      </c>
      <c r="O38" s="636"/>
      <c r="P38" s="637"/>
      <c r="Q38" s="637"/>
      <c r="R38" s="637"/>
      <c r="S38" s="637"/>
      <c r="T38" s="637"/>
      <c r="U38" s="637"/>
      <c r="V38" s="637"/>
      <c r="W38" s="637"/>
      <c r="X38" s="637"/>
      <c r="Y38" s="637"/>
      <c r="Z38" s="637"/>
      <c r="AA38" s="637"/>
      <c r="AB38" s="637"/>
      <c r="AC38" s="637"/>
      <c r="AD38" s="637"/>
      <c r="AE38" s="637"/>
      <c r="AF38" s="638"/>
    </row>
    <row r="39" spans="1:32" s="24" customFormat="1" x14ac:dyDescent="0.15">
      <c r="A39" s="32"/>
      <c r="B39" s="662"/>
      <c r="C39" s="665"/>
      <c r="D39" s="663"/>
      <c r="E39" s="663"/>
      <c r="F39" s="663"/>
      <c r="G39" s="663"/>
      <c r="H39" s="663"/>
      <c r="I39" s="663"/>
      <c r="J39" s="663"/>
      <c r="K39" s="663"/>
      <c r="L39" s="664"/>
      <c r="M39" s="31"/>
      <c r="N39" s="30" t="s">
        <v>23</v>
      </c>
      <c r="O39" s="645"/>
      <c r="P39" s="646"/>
      <c r="Q39" s="646"/>
      <c r="R39" s="646"/>
      <c r="S39" s="646"/>
      <c r="T39" s="646"/>
      <c r="U39" s="646"/>
      <c r="V39" s="646"/>
      <c r="W39" s="646"/>
      <c r="X39" s="646"/>
      <c r="Y39" s="646"/>
      <c r="Z39" s="646"/>
      <c r="AA39" s="646"/>
      <c r="AB39" s="646"/>
      <c r="AC39" s="646"/>
      <c r="AD39" s="646"/>
      <c r="AE39" s="646"/>
      <c r="AF39" s="647"/>
    </row>
    <row r="40" spans="1:32" s="24" customFormat="1" x14ac:dyDescent="0.15">
      <c r="B40" s="666" t="s">
        <v>49</v>
      </c>
      <c r="C40" s="660"/>
      <c r="D40" s="660"/>
      <c r="E40" s="660"/>
      <c r="F40" s="660"/>
      <c r="G40" s="660"/>
      <c r="H40" s="660"/>
      <c r="I40" s="660"/>
      <c r="J40" s="660"/>
      <c r="K40" s="660"/>
      <c r="L40" s="661"/>
      <c r="M40" s="29"/>
      <c r="N40" s="25" t="s">
        <v>23</v>
      </c>
      <c r="O40" s="636"/>
      <c r="P40" s="637"/>
      <c r="Q40" s="637"/>
      <c r="R40" s="637"/>
      <c r="S40" s="637"/>
      <c r="T40" s="637"/>
      <c r="U40" s="637"/>
      <c r="V40" s="637"/>
      <c r="W40" s="637"/>
      <c r="X40" s="637"/>
      <c r="Y40" s="637"/>
      <c r="Z40" s="637"/>
      <c r="AA40" s="637"/>
      <c r="AB40" s="637"/>
      <c r="AC40" s="637"/>
      <c r="AD40" s="637"/>
      <c r="AE40" s="637"/>
      <c r="AF40" s="638"/>
    </row>
    <row r="41" spans="1:32" s="24" customFormat="1" x14ac:dyDescent="0.15">
      <c r="B41" s="667"/>
      <c r="C41" s="668"/>
      <c r="D41" s="668"/>
      <c r="E41" s="668"/>
      <c r="F41" s="668"/>
      <c r="G41" s="668"/>
      <c r="H41" s="668"/>
      <c r="I41" s="668"/>
      <c r="J41" s="668"/>
      <c r="K41" s="668"/>
      <c r="L41" s="669"/>
      <c r="M41" s="29"/>
      <c r="N41" s="25" t="s">
        <v>23</v>
      </c>
      <c r="O41" s="636"/>
      <c r="P41" s="637"/>
      <c r="Q41" s="637"/>
      <c r="R41" s="637"/>
      <c r="S41" s="637"/>
      <c r="T41" s="637"/>
      <c r="U41" s="637"/>
      <c r="V41" s="637"/>
      <c r="W41" s="637"/>
      <c r="X41" s="637"/>
      <c r="Y41" s="637"/>
      <c r="Z41" s="637"/>
      <c r="AA41" s="637"/>
      <c r="AB41" s="637"/>
      <c r="AC41" s="637"/>
      <c r="AD41" s="637"/>
      <c r="AE41" s="637"/>
      <c r="AF41" s="638"/>
    </row>
    <row r="42" spans="1:32" s="24" customFormat="1" x14ac:dyDescent="0.15">
      <c r="B42" s="670"/>
      <c r="C42" s="671"/>
      <c r="D42" s="671"/>
      <c r="E42" s="671"/>
      <c r="F42" s="671"/>
      <c r="G42" s="671"/>
      <c r="H42" s="671"/>
      <c r="I42" s="671"/>
      <c r="J42" s="671"/>
      <c r="K42" s="671"/>
      <c r="L42" s="672"/>
      <c r="M42" s="29"/>
      <c r="N42" s="25" t="s">
        <v>23</v>
      </c>
      <c r="O42" s="636"/>
      <c r="P42" s="637"/>
      <c r="Q42" s="637"/>
      <c r="R42" s="637"/>
      <c r="S42" s="637"/>
      <c r="T42" s="637"/>
      <c r="U42" s="637"/>
      <c r="V42" s="637"/>
      <c r="W42" s="637"/>
      <c r="X42" s="637"/>
      <c r="Y42" s="637"/>
      <c r="Z42" s="637"/>
      <c r="AA42" s="637"/>
      <c r="AB42" s="637"/>
      <c r="AC42" s="637"/>
      <c r="AD42" s="637"/>
      <c r="AE42" s="637"/>
      <c r="AF42" s="638"/>
    </row>
    <row r="44" spans="1:32" x14ac:dyDescent="0.15">
      <c r="B44" s="21" t="s">
        <v>48</v>
      </c>
    </row>
    <row r="45" spans="1:32" x14ac:dyDescent="0.15">
      <c r="B45" s="21" t="s">
        <v>47</v>
      </c>
    </row>
    <row r="47" spans="1:32" x14ac:dyDescent="0.15">
      <c r="A47" s="21" t="s">
        <v>46</v>
      </c>
      <c r="M47" s="28"/>
      <c r="N47" s="21" t="s">
        <v>11</v>
      </c>
      <c r="O47" s="641"/>
      <c r="P47" s="641"/>
      <c r="Q47" s="21" t="s">
        <v>21</v>
      </c>
      <c r="R47" s="641"/>
      <c r="S47" s="641"/>
      <c r="T47" s="21" t="s">
        <v>20</v>
      </c>
    </row>
    <row r="122" spans="3:7" x14ac:dyDescent="0.15">
      <c r="C122" s="23"/>
      <c r="D122" s="23"/>
      <c r="E122" s="23"/>
      <c r="F122" s="23"/>
      <c r="G122" s="23"/>
    </row>
    <row r="123" spans="3:7" x14ac:dyDescent="0.15">
      <c r="C123" s="22"/>
    </row>
  </sheetData>
  <mergeCells count="49">
    <mergeCell ref="B16:L18"/>
    <mergeCell ref="O16:AF16"/>
    <mergeCell ref="O17:AF17"/>
    <mergeCell ref="O18:AF18"/>
    <mergeCell ref="X4:Y4"/>
    <mergeCell ref="AA4:AB4"/>
    <mergeCell ref="AD4:AE4"/>
    <mergeCell ref="B5:G5"/>
    <mergeCell ref="H5:J5"/>
    <mergeCell ref="T7:AF7"/>
    <mergeCell ref="B9:AA9"/>
    <mergeCell ref="R13:V13"/>
    <mergeCell ref="B15:L15"/>
    <mergeCell ref="M15:N15"/>
    <mergeCell ref="O15:AF15"/>
    <mergeCell ref="B19:L21"/>
    <mergeCell ref="O19:AF19"/>
    <mergeCell ref="O20:AF20"/>
    <mergeCell ref="O21:AF21"/>
    <mergeCell ref="B22:L24"/>
    <mergeCell ref="O22:AF22"/>
    <mergeCell ref="O23:AF23"/>
    <mergeCell ref="O24:AF24"/>
    <mergeCell ref="B25:L27"/>
    <mergeCell ref="O25:AF25"/>
    <mergeCell ref="O26:AF26"/>
    <mergeCell ref="O27:AF27"/>
    <mergeCell ref="B28:L30"/>
    <mergeCell ref="O28:AF28"/>
    <mergeCell ref="O29:AF29"/>
    <mergeCell ref="O30:AF30"/>
    <mergeCell ref="B31:L33"/>
    <mergeCell ref="O31:AF31"/>
    <mergeCell ref="O32:AF32"/>
    <mergeCell ref="O33:AF33"/>
    <mergeCell ref="B34:L36"/>
    <mergeCell ref="O34:AF34"/>
    <mergeCell ref="O35:AF35"/>
    <mergeCell ref="O36:AF36"/>
    <mergeCell ref="O47:P47"/>
    <mergeCell ref="R47:S47"/>
    <mergeCell ref="B37:L39"/>
    <mergeCell ref="O37:AF37"/>
    <mergeCell ref="O38:AF38"/>
    <mergeCell ref="O39:AF39"/>
    <mergeCell ref="B40:L42"/>
    <mergeCell ref="O40:AF40"/>
    <mergeCell ref="O41:AF41"/>
    <mergeCell ref="O42:AF42"/>
  </mergeCells>
  <phoneticPr fontId="2"/>
  <pageMargins left="0.7" right="0.7" top="0.75" bottom="0.75" header="0.3" footer="0.3"/>
  <pageSetup paperSize="9" scale="79" orientation="portrait" r:id="rId1"/>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AE123"/>
  <sheetViews>
    <sheetView zoomScaleNormal="100" zoomScaleSheetLayoutView="40" workbookViewId="0">
      <selection activeCell="C87" sqref="C87"/>
    </sheetView>
  </sheetViews>
  <sheetFormatPr defaultColWidth="3.5" defaultRowHeight="13.5" x14ac:dyDescent="0.15"/>
  <cols>
    <col min="1" max="1" width="1.25" style="3" customWidth="1"/>
    <col min="2" max="2" width="3.125" style="140" customWidth="1"/>
    <col min="3" max="31" width="3.125" style="3" customWidth="1"/>
    <col min="32" max="32" width="1.25" style="3" customWidth="1"/>
    <col min="33" max="16384" width="3.5" style="3"/>
  </cols>
  <sheetData>
    <row r="1" spans="2:31" s="8" customFormat="1" x14ac:dyDescent="0.15"/>
    <row r="2" spans="2:31" s="8" customFormat="1" x14ac:dyDescent="0.15">
      <c r="B2" s="8" t="s">
        <v>636</v>
      </c>
    </row>
    <row r="3" spans="2:31" s="8" customFormat="1" x14ac:dyDescent="0.15">
      <c r="V3" s="17" t="s">
        <v>12</v>
      </c>
      <c r="W3" s="778"/>
      <c r="X3" s="778"/>
      <c r="Y3" s="17" t="s">
        <v>11</v>
      </c>
      <c r="Z3" s="778"/>
      <c r="AA3" s="778"/>
      <c r="AB3" s="17" t="s">
        <v>10</v>
      </c>
      <c r="AC3" s="778"/>
      <c r="AD3" s="778"/>
      <c r="AE3" s="17" t="s">
        <v>20</v>
      </c>
    </row>
    <row r="4" spans="2:31" s="8" customFormat="1" x14ac:dyDescent="0.15">
      <c r="AE4" s="17"/>
    </row>
    <row r="5" spans="2:31" s="8" customFormat="1" x14ac:dyDescent="0.15">
      <c r="B5" s="778" t="s">
        <v>578</v>
      </c>
      <c r="C5" s="778"/>
      <c r="D5" s="778"/>
      <c r="E5" s="778"/>
      <c r="F5" s="778"/>
      <c r="G5" s="778"/>
      <c r="H5" s="778"/>
      <c r="I5" s="778"/>
      <c r="J5" s="778"/>
      <c r="K5" s="778"/>
      <c r="L5" s="778"/>
      <c r="M5" s="778"/>
      <c r="N5" s="778"/>
      <c r="O5" s="778"/>
      <c r="P5" s="778"/>
      <c r="Q5" s="778"/>
      <c r="R5" s="778"/>
      <c r="S5" s="778"/>
      <c r="T5" s="778"/>
      <c r="U5" s="778"/>
      <c r="V5" s="778"/>
      <c r="W5" s="778"/>
      <c r="X5" s="778"/>
      <c r="Y5" s="778"/>
      <c r="Z5" s="778"/>
      <c r="AA5" s="778"/>
      <c r="AB5" s="778"/>
      <c r="AC5" s="778"/>
      <c r="AD5" s="778"/>
      <c r="AE5" s="778"/>
    </row>
    <row r="6" spans="2:31" s="8" customFormat="1" ht="26.25" customHeight="1" x14ac:dyDescent="0.15">
      <c r="B6" s="807" t="s">
        <v>635</v>
      </c>
      <c r="C6" s="807"/>
      <c r="D6" s="807"/>
      <c r="E6" s="807"/>
      <c r="F6" s="807"/>
      <c r="G6" s="807"/>
      <c r="H6" s="807"/>
      <c r="I6" s="807"/>
      <c r="J6" s="807"/>
      <c r="K6" s="807"/>
      <c r="L6" s="807"/>
      <c r="M6" s="807"/>
      <c r="N6" s="807"/>
      <c r="O6" s="807"/>
      <c r="P6" s="807"/>
      <c r="Q6" s="807"/>
      <c r="R6" s="807"/>
      <c r="S6" s="807"/>
      <c r="T6" s="807"/>
      <c r="U6" s="807"/>
      <c r="V6" s="807"/>
      <c r="W6" s="807"/>
      <c r="X6" s="807"/>
      <c r="Y6" s="807"/>
      <c r="Z6" s="807"/>
      <c r="AA6" s="807"/>
      <c r="AB6" s="807"/>
      <c r="AC6" s="807"/>
      <c r="AD6" s="807"/>
      <c r="AE6" s="807"/>
    </row>
    <row r="7" spans="2:31" s="8" customFormat="1" x14ac:dyDescent="0.15"/>
    <row r="8" spans="2:31" s="8" customFormat="1" ht="23.25" customHeight="1" x14ac:dyDescent="0.15">
      <c r="B8" s="804" t="s">
        <v>576</v>
      </c>
      <c r="C8" s="804"/>
      <c r="D8" s="804"/>
      <c r="E8" s="804"/>
      <c r="F8" s="791"/>
      <c r="G8" s="954"/>
      <c r="H8" s="955"/>
      <c r="I8" s="955"/>
      <c r="J8" s="955"/>
      <c r="K8" s="955"/>
      <c r="L8" s="955"/>
      <c r="M8" s="955"/>
      <c r="N8" s="955"/>
      <c r="O8" s="955"/>
      <c r="P8" s="955"/>
      <c r="Q8" s="955"/>
      <c r="R8" s="955"/>
      <c r="S8" s="955"/>
      <c r="T8" s="955"/>
      <c r="U8" s="955"/>
      <c r="V8" s="955"/>
      <c r="W8" s="955"/>
      <c r="X8" s="955"/>
      <c r="Y8" s="955"/>
      <c r="Z8" s="955"/>
      <c r="AA8" s="955"/>
      <c r="AB8" s="955"/>
      <c r="AC8" s="955"/>
      <c r="AD8" s="955"/>
      <c r="AE8" s="956"/>
    </row>
    <row r="9" spans="2:31" ht="23.25" customHeight="1" x14ac:dyDescent="0.15">
      <c r="B9" s="791" t="s">
        <v>575</v>
      </c>
      <c r="C9" s="792"/>
      <c r="D9" s="792"/>
      <c r="E9" s="792"/>
      <c r="F9" s="793"/>
      <c r="G9" s="180" t="s">
        <v>0</v>
      </c>
      <c r="H9" s="168" t="s">
        <v>242</v>
      </c>
      <c r="I9" s="168"/>
      <c r="J9" s="168"/>
      <c r="K9" s="168"/>
      <c r="L9" s="179" t="s">
        <v>0</v>
      </c>
      <c r="M9" s="168" t="s">
        <v>241</v>
      </c>
      <c r="N9" s="168"/>
      <c r="O9" s="168"/>
      <c r="P9" s="168"/>
      <c r="Q9" s="179" t="s">
        <v>0</v>
      </c>
      <c r="R9" s="168" t="s">
        <v>240</v>
      </c>
      <c r="S9" s="287"/>
      <c r="T9" s="287"/>
      <c r="U9" s="287"/>
      <c r="V9" s="287"/>
      <c r="W9" s="287"/>
      <c r="X9" s="287"/>
      <c r="Y9" s="287"/>
      <c r="Z9" s="287"/>
      <c r="AA9" s="287"/>
      <c r="AB9" s="287"/>
      <c r="AC9" s="287"/>
      <c r="AD9" s="287"/>
      <c r="AE9" s="286"/>
    </row>
    <row r="10" spans="2:31" ht="23.25" customHeight="1" x14ac:dyDescent="0.15">
      <c r="B10" s="906" t="s">
        <v>574</v>
      </c>
      <c r="C10" s="907"/>
      <c r="D10" s="907"/>
      <c r="E10" s="907"/>
      <c r="F10" s="908"/>
      <c r="G10" s="178" t="s">
        <v>0</v>
      </c>
      <c r="H10" s="8" t="s">
        <v>634</v>
      </c>
      <c r="I10" s="16"/>
      <c r="J10" s="16"/>
      <c r="K10" s="16"/>
      <c r="L10" s="16"/>
      <c r="M10" s="16"/>
      <c r="N10" s="16"/>
      <c r="O10" s="16"/>
      <c r="P10" s="16"/>
      <c r="Q10" s="16"/>
      <c r="R10" s="178" t="s">
        <v>0</v>
      </c>
      <c r="S10" s="290" t="s">
        <v>633</v>
      </c>
      <c r="T10" s="290"/>
      <c r="U10" s="290"/>
      <c r="V10" s="178" t="s">
        <v>0</v>
      </c>
      <c r="W10" s="290" t="s">
        <v>632</v>
      </c>
      <c r="X10" s="290"/>
      <c r="Y10" s="290"/>
      <c r="Z10" s="178" t="s">
        <v>0</v>
      </c>
      <c r="AA10" s="290" t="s">
        <v>631</v>
      </c>
      <c r="AB10" s="290"/>
      <c r="AC10" s="290"/>
      <c r="AD10" s="290"/>
      <c r="AE10" s="289"/>
    </row>
    <row r="11" spans="2:31" ht="23.25" customHeight="1" x14ac:dyDescent="0.15">
      <c r="B11" s="823"/>
      <c r="C11" s="809"/>
      <c r="D11" s="809"/>
      <c r="E11" s="809"/>
      <c r="F11" s="821"/>
      <c r="G11" s="178" t="s">
        <v>0</v>
      </c>
      <c r="H11" s="8" t="s">
        <v>630</v>
      </c>
      <c r="I11" s="16"/>
      <c r="J11" s="16"/>
      <c r="K11" s="16"/>
      <c r="L11" s="16"/>
      <c r="M11" s="16"/>
      <c r="N11" s="16"/>
      <c r="O11" s="16"/>
      <c r="P11" s="16"/>
      <c r="Q11" s="16"/>
      <c r="R11" s="178" t="s">
        <v>0</v>
      </c>
      <c r="S11" s="8" t="s">
        <v>629</v>
      </c>
      <c r="T11" s="290"/>
      <c r="U11" s="290"/>
      <c r="V11" s="290"/>
      <c r="W11" s="290"/>
      <c r="X11" s="290"/>
      <c r="Y11" s="290"/>
      <c r="Z11" s="290"/>
      <c r="AA11" s="290"/>
      <c r="AB11" s="290"/>
      <c r="AC11" s="290"/>
      <c r="AD11" s="290"/>
      <c r="AE11" s="289"/>
    </row>
    <row r="12" spans="2:31" ht="23.25" customHeight="1" x14ac:dyDescent="0.15">
      <c r="B12" s="823"/>
      <c r="C12" s="809"/>
      <c r="D12" s="809"/>
      <c r="E12" s="809"/>
      <c r="F12" s="821"/>
      <c r="G12" s="178" t="s">
        <v>0</v>
      </c>
      <c r="H12" s="8" t="s">
        <v>628</v>
      </c>
      <c r="I12" s="16"/>
      <c r="J12" s="16"/>
      <c r="K12" s="16"/>
      <c r="L12" s="16"/>
      <c r="M12" s="16"/>
      <c r="N12" s="16"/>
      <c r="O12" s="16"/>
      <c r="P12" s="16"/>
      <c r="Q12" s="16"/>
      <c r="R12" s="178" t="s">
        <v>0</v>
      </c>
      <c r="S12" s="8" t="s">
        <v>627</v>
      </c>
      <c r="T12" s="290"/>
      <c r="U12" s="290"/>
      <c r="V12" s="290"/>
      <c r="W12" s="290"/>
      <c r="X12" s="290"/>
      <c r="Y12" s="290"/>
      <c r="Z12" s="290"/>
      <c r="AA12" s="290"/>
      <c r="AB12" s="290"/>
      <c r="AC12" s="290"/>
      <c r="AD12" s="290"/>
      <c r="AE12" s="289"/>
    </row>
    <row r="13" spans="2:31" ht="23.25" customHeight="1" x14ac:dyDescent="0.15">
      <c r="B13" s="909"/>
      <c r="C13" s="910"/>
      <c r="D13" s="910"/>
      <c r="E13" s="910"/>
      <c r="F13" s="911"/>
      <c r="G13" s="178" t="s">
        <v>0</v>
      </c>
      <c r="H13" s="8" t="s">
        <v>626</v>
      </c>
      <c r="I13" s="290"/>
      <c r="J13" s="290"/>
      <c r="K13" s="290"/>
      <c r="L13" s="290"/>
      <c r="M13" s="16"/>
      <c r="N13" s="16"/>
      <c r="O13" s="16"/>
      <c r="P13" s="16"/>
      <c r="Q13" s="16"/>
      <c r="X13" s="290"/>
      <c r="Y13" s="290"/>
      <c r="Z13" s="290"/>
      <c r="AA13" s="290"/>
      <c r="AB13" s="290"/>
      <c r="AC13" s="290"/>
      <c r="AD13" s="290"/>
      <c r="AE13" s="289"/>
    </row>
    <row r="14" spans="2:31" ht="23.25" customHeight="1" x14ac:dyDescent="0.15">
      <c r="B14" s="906" t="s">
        <v>570</v>
      </c>
      <c r="C14" s="907"/>
      <c r="D14" s="907"/>
      <c r="E14" s="907"/>
      <c r="F14" s="908"/>
      <c r="G14" s="285" t="s">
        <v>0</v>
      </c>
      <c r="H14" s="157" t="s">
        <v>569</v>
      </c>
      <c r="I14" s="166"/>
      <c r="J14" s="166"/>
      <c r="K14" s="166"/>
      <c r="L14" s="166"/>
      <c r="M14" s="166"/>
      <c r="N14" s="166"/>
      <c r="O14" s="166"/>
      <c r="P14" s="166"/>
      <c r="Q14" s="166"/>
      <c r="R14" s="166"/>
      <c r="S14" s="284" t="s">
        <v>0</v>
      </c>
      <c r="T14" s="157" t="s">
        <v>568</v>
      </c>
      <c r="U14" s="283"/>
      <c r="V14" s="283"/>
      <c r="W14" s="283"/>
      <c r="X14" s="283"/>
      <c r="Y14" s="283"/>
      <c r="Z14" s="283"/>
      <c r="AA14" s="283"/>
      <c r="AB14" s="283"/>
      <c r="AC14" s="283"/>
      <c r="AD14" s="283"/>
      <c r="AE14" s="282"/>
    </row>
    <row r="15" spans="2:31" ht="23.25" customHeight="1" x14ac:dyDescent="0.15">
      <c r="B15" s="909"/>
      <c r="C15" s="910"/>
      <c r="D15" s="910"/>
      <c r="E15" s="910"/>
      <c r="F15" s="911"/>
      <c r="G15" s="192" t="s">
        <v>0</v>
      </c>
      <c r="H15" s="172" t="s">
        <v>567</v>
      </c>
      <c r="I15" s="162"/>
      <c r="J15" s="162"/>
      <c r="K15" s="162"/>
      <c r="L15" s="162"/>
      <c r="M15" s="162"/>
      <c r="N15" s="162"/>
      <c r="O15" s="162"/>
      <c r="P15" s="162"/>
      <c r="Q15" s="162"/>
      <c r="R15" s="162"/>
      <c r="S15" s="281"/>
      <c r="T15" s="281"/>
      <c r="U15" s="281"/>
      <c r="V15" s="281"/>
      <c r="W15" s="281"/>
      <c r="X15" s="281"/>
      <c r="Y15" s="281"/>
      <c r="Z15" s="281"/>
      <c r="AA15" s="281"/>
      <c r="AB15" s="281"/>
      <c r="AC15" s="281"/>
      <c r="AD15" s="281"/>
      <c r="AE15" s="280"/>
    </row>
    <row r="16" spans="2:31" s="8" customFormat="1" x14ac:dyDescent="0.15"/>
    <row r="17" spans="2:31" s="8" customFormat="1" x14ac:dyDescent="0.15">
      <c r="B17" s="8" t="s">
        <v>608</v>
      </c>
    </row>
    <row r="18" spans="2:31" s="8" customFormat="1" x14ac:dyDescent="0.15">
      <c r="B18" s="8" t="s">
        <v>561</v>
      </c>
      <c r="AD18" s="16"/>
      <c r="AE18" s="16"/>
    </row>
    <row r="19" spans="2:31" s="8" customFormat="1" ht="6" customHeight="1" x14ac:dyDescent="0.15"/>
    <row r="20" spans="2:31" s="8" customFormat="1" ht="6" customHeight="1" x14ac:dyDescent="0.15">
      <c r="B20" s="923" t="s">
        <v>553</v>
      </c>
      <c r="C20" s="924"/>
      <c r="D20" s="924"/>
      <c r="E20" s="924"/>
      <c r="F20" s="925"/>
      <c r="G20" s="158"/>
      <c r="H20" s="157"/>
      <c r="I20" s="157"/>
      <c r="J20" s="157"/>
      <c r="K20" s="157"/>
      <c r="L20" s="157"/>
      <c r="M20" s="157"/>
      <c r="N20" s="157"/>
      <c r="O20" s="157"/>
      <c r="P20" s="157"/>
      <c r="Q20" s="157"/>
      <c r="R20" s="157"/>
      <c r="S20" s="157"/>
      <c r="T20" s="157"/>
      <c r="U20" s="157"/>
      <c r="V20" s="157"/>
      <c r="W20" s="157"/>
      <c r="X20" s="157"/>
      <c r="Y20" s="157"/>
      <c r="Z20" s="157"/>
      <c r="AA20" s="158"/>
      <c r="AB20" s="157"/>
      <c r="AC20" s="157"/>
      <c r="AD20" s="166"/>
      <c r="AE20" s="251"/>
    </row>
    <row r="21" spans="2:31" s="8" customFormat="1" ht="13.5" customHeight="1" x14ac:dyDescent="0.15">
      <c r="B21" s="926"/>
      <c r="C21" s="807"/>
      <c r="D21" s="807"/>
      <c r="E21" s="807"/>
      <c r="F21" s="927"/>
      <c r="G21" s="9"/>
      <c r="H21" s="8" t="s">
        <v>625</v>
      </c>
      <c r="AA21" s="9"/>
      <c r="AB21" s="152" t="s">
        <v>227</v>
      </c>
      <c r="AC21" s="152" t="s">
        <v>217</v>
      </c>
      <c r="AD21" s="152" t="s">
        <v>226</v>
      </c>
      <c r="AE21" s="270"/>
    </row>
    <row r="22" spans="2:31" s="8" customFormat="1" ht="15.75" customHeight="1" x14ac:dyDescent="0.15">
      <c r="B22" s="926"/>
      <c r="C22" s="807"/>
      <c r="D22" s="807"/>
      <c r="E22" s="807"/>
      <c r="F22" s="927"/>
      <c r="G22" s="9"/>
      <c r="I22" s="188" t="s">
        <v>279</v>
      </c>
      <c r="J22" s="935" t="s">
        <v>552</v>
      </c>
      <c r="K22" s="936"/>
      <c r="L22" s="936"/>
      <c r="M22" s="936"/>
      <c r="N22" s="936"/>
      <c r="O22" s="936"/>
      <c r="P22" s="936"/>
      <c r="Q22" s="936"/>
      <c r="R22" s="936"/>
      <c r="S22" s="936"/>
      <c r="T22" s="936"/>
      <c r="U22" s="936"/>
      <c r="V22" s="780"/>
      <c r="W22" s="781"/>
      <c r="X22" s="197" t="s">
        <v>175</v>
      </c>
      <c r="AA22" s="9"/>
      <c r="AB22" s="249"/>
      <c r="AC22" s="18"/>
      <c r="AD22" s="249"/>
      <c r="AE22" s="150"/>
    </row>
    <row r="23" spans="2:31" s="8" customFormat="1" ht="15.75" customHeight="1" x14ac:dyDescent="0.15">
      <c r="B23" s="926"/>
      <c r="C23" s="807"/>
      <c r="D23" s="807"/>
      <c r="E23" s="807"/>
      <c r="F23" s="927"/>
      <c r="G23" s="9"/>
      <c r="I23" s="269" t="s">
        <v>277</v>
      </c>
      <c r="J23" s="272" t="s">
        <v>551</v>
      </c>
      <c r="K23" s="172"/>
      <c r="L23" s="172"/>
      <c r="M23" s="172"/>
      <c r="N23" s="172"/>
      <c r="O23" s="172"/>
      <c r="P23" s="172"/>
      <c r="Q23" s="172"/>
      <c r="R23" s="172"/>
      <c r="S23" s="172"/>
      <c r="T23" s="172"/>
      <c r="U23" s="172"/>
      <c r="V23" s="786"/>
      <c r="W23" s="787"/>
      <c r="X23" s="171" t="s">
        <v>175</v>
      </c>
      <c r="Z23" s="264"/>
      <c r="AA23" s="20"/>
      <c r="AB23" s="178" t="s">
        <v>0</v>
      </c>
      <c r="AC23" s="178" t="s">
        <v>217</v>
      </c>
      <c r="AD23" s="178" t="s">
        <v>0</v>
      </c>
      <c r="AE23" s="150"/>
    </row>
    <row r="24" spans="2:31" s="8" customFormat="1" x14ac:dyDescent="0.15">
      <c r="B24" s="926"/>
      <c r="C24" s="807"/>
      <c r="D24" s="807"/>
      <c r="E24" s="807"/>
      <c r="F24" s="927"/>
      <c r="G24" s="9"/>
      <c r="H24" s="8" t="s">
        <v>550</v>
      </c>
      <c r="AA24" s="9"/>
      <c r="AD24" s="16"/>
      <c r="AE24" s="150"/>
    </row>
    <row r="25" spans="2:31" s="8" customFormat="1" x14ac:dyDescent="0.15">
      <c r="B25" s="926"/>
      <c r="C25" s="807"/>
      <c r="D25" s="807"/>
      <c r="E25" s="807"/>
      <c r="F25" s="927"/>
      <c r="G25" s="9"/>
      <c r="H25" s="8" t="s">
        <v>624</v>
      </c>
      <c r="U25" s="264"/>
      <c r="V25" s="264"/>
      <c r="AA25" s="9"/>
      <c r="AD25" s="16"/>
      <c r="AE25" s="150"/>
    </row>
    <row r="26" spans="2:31" s="8" customFormat="1" ht="29.25" customHeight="1" x14ac:dyDescent="0.15">
      <c r="B26" s="926"/>
      <c r="C26" s="807"/>
      <c r="D26" s="807"/>
      <c r="E26" s="807"/>
      <c r="F26" s="927"/>
      <c r="G26" s="9"/>
      <c r="I26" s="188" t="s">
        <v>293</v>
      </c>
      <c r="J26" s="936" t="s">
        <v>559</v>
      </c>
      <c r="K26" s="936"/>
      <c r="L26" s="936"/>
      <c r="M26" s="936"/>
      <c r="N26" s="936"/>
      <c r="O26" s="936"/>
      <c r="P26" s="936"/>
      <c r="Q26" s="936"/>
      <c r="R26" s="936"/>
      <c r="S26" s="936"/>
      <c r="T26" s="936"/>
      <c r="U26" s="936"/>
      <c r="V26" s="780"/>
      <c r="W26" s="781"/>
      <c r="X26" s="197" t="s">
        <v>175</v>
      </c>
      <c r="Z26" s="264"/>
      <c r="AA26" s="20"/>
      <c r="AB26" s="178" t="s">
        <v>0</v>
      </c>
      <c r="AC26" s="178" t="s">
        <v>217</v>
      </c>
      <c r="AD26" s="178" t="s">
        <v>0</v>
      </c>
      <c r="AE26" s="150"/>
    </row>
    <row r="27" spans="2:31" s="8" customFormat="1" ht="6" customHeight="1" x14ac:dyDescent="0.15">
      <c r="B27" s="928"/>
      <c r="C27" s="929"/>
      <c r="D27" s="929"/>
      <c r="E27" s="929"/>
      <c r="F27" s="930"/>
      <c r="G27" s="173"/>
      <c r="H27" s="172"/>
      <c r="I27" s="172"/>
      <c r="J27" s="172"/>
      <c r="K27" s="172"/>
      <c r="L27" s="172"/>
      <c r="M27" s="172"/>
      <c r="N27" s="172"/>
      <c r="O27" s="172"/>
      <c r="P27" s="172"/>
      <c r="Q27" s="172"/>
      <c r="R27" s="172"/>
      <c r="S27" s="172"/>
      <c r="T27" s="172"/>
      <c r="U27" s="267"/>
      <c r="V27" s="267"/>
      <c r="W27" s="172"/>
      <c r="X27" s="172"/>
      <c r="Y27" s="172"/>
      <c r="Z27" s="172"/>
      <c r="AA27" s="173"/>
      <c r="AB27" s="172"/>
      <c r="AC27" s="172"/>
      <c r="AD27" s="162"/>
      <c r="AE27" s="266"/>
    </row>
    <row r="28" spans="2:31" s="8" customFormat="1" ht="6" customHeight="1" x14ac:dyDescent="0.15">
      <c r="B28" s="305"/>
      <c r="C28" s="304"/>
      <c r="D28" s="304"/>
      <c r="E28" s="304"/>
      <c r="F28" s="303"/>
      <c r="G28" s="158"/>
      <c r="H28" s="157"/>
      <c r="I28" s="157"/>
      <c r="J28" s="157"/>
      <c r="K28" s="157"/>
      <c r="L28" s="157"/>
      <c r="M28" s="157"/>
      <c r="N28" s="157"/>
      <c r="O28" s="157"/>
      <c r="P28" s="157"/>
      <c r="Q28" s="157"/>
      <c r="R28" s="157"/>
      <c r="S28" s="157"/>
      <c r="T28" s="157"/>
      <c r="U28" s="302"/>
      <c r="V28" s="302"/>
      <c r="W28" s="157"/>
      <c r="X28" s="157"/>
      <c r="Y28" s="157"/>
      <c r="Z28" s="157"/>
      <c r="AA28" s="157"/>
      <c r="AB28" s="157"/>
      <c r="AC28" s="157"/>
      <c r="AD28" s="166"/>
      <c r="AE28" s="251"/>
    </row>
    <row r="29" spans="2:31" s="8" customFormat="1" x14ac:dyDescent="0.15">
      <c r="B29" s="926" t="s">
        <v>623</v>
      </c>
      <c r="C29" s="807"/>
      <c r="D29" s="807"/>
      <c r="E29" s="807"/>
      <c r="F29" s="927"/>
      <c r="G29" s="301" t="s">
        <v>622</v>
      </c>
      <c r="I29" s="300"/>
      <c r="J29" s="300"/>
      <c r="K29" s="300"/>
      <c r="L29" s="300"/>
      <c r="M29" s="300"/>
      <c r="N29" s="300"/>
      <c r="O29" s="300"/>
      <c r="P29" s="300"/>
      <c r="Q29" s="300"/>
      <c r="R29" s="300"/>
      <c r="S29" s="300"/>
      <c r="T29" s="300"/>
      <c r="U29" s="300"/>
      <c r="V29" s="300"/>
      <c r="W29" s="300"/>
      <c r="X29" s="300"/>
      <c r="Y29" s="300"/>
      <c r="Z29" s="300"/>
      <c r="AA29" s="300"/>
      <c r="AB29" s="300"/>
      <c r="AC29" s="300"/>
      <c r="AD29" s="16"/>
      <c r="AE29" s="150"/>
    </row>
    <row r="30" spans="2:31" s="8" customFormat="1" ht="54" customHeight="1" x14ac:dyDescent="0.15">
      <c r="B30" s="926"/>
      <c r="C30" s="807"/>
      <c r="D30" s="807"/>
      <c r="E30" s="807"/>
      <c r="F30" s="927"/>
      <c r="G30" s="797"/>
      <c r="H30" s="798"/>
      <c r="I30" s="798"/>
      <c r="J30" s="798"/>
      <c r="K30" s="798"/>
      <c r="L30" s="798"/>
      <c r="M30" s="798"/>
      <c r="N30" s="798"/>
      <c r="O30" s="798"/>
      <c r="P30" s="798"/>
      <c r="Q30" s="798"/>
      <c r="R30" s="798"/>
      <c r="S30" s="798"/>
      <c r="T30" s="798"/>
      <c r="U30" s="798"/>
      <c r="V30" s="798"/>
      <c r="W30" s="798"/>
      <c r="X30" s="798"/>
      <c r="Y30" s="798"/>
      <c r="Z30" s="798"/>
      <c r="AA30" s="798"/>
      <c r="AB30" s="798"/>
      <c r="AC30" s="798"/>
      <c r="AD30" s="798"/>
      <c r="AE30" s="799"/>
    </row>
    <row r="31" spans="2:31" s="8" customFormat="1" ht="6" customHeight="1" x14ac:dyDescent="0.15">
      <c r="B31" s="299"/>
      <c r="C31" s="298"/>
      <c r="D31" s="298"/>
      <c r="E31" s="298"/>
      <c r="F31" s="297"/>
      <c r="G31" s="173"/>
      <c r="H31" s="172"/>
      <c r="I31" s="172"/>
      <c r="J31" s="172"/>
      <c r="K31" s="172"/>
      <c r="L31" s="172"/>
      <c r="M31" s="172"/>
      <c r="N31" s="172"/>
      <c r="O31" s="172"/>
      <c r="P31" s="172"/>
      <c r="Q31" s="172"/>
      <c r="R31" s="172"/>
      <c r="S31" s="172"/>
      <c r="T31" s="172"/>
      <c r="U31" s="267"/>
      <c r="V31" s="267"/>
      <c r="W31" s="172"/>
      <c r="X31" s="172"/>
      <c r="Y31" s="172"/>
      <c r="Z31" s="172"/>
      <c r="AA31" s="172"/>
      <c r="AB31" s="172"/>
      <c r="AC31" s="172"/>
      <c r="AD31" s="162"/>
      <c r="AE31" s="266"/>
    </row>
    <row r="32" spans="2:31" s="8" customFormat="1" ht="9.75" customHeight="1" x14ac:dyDescent="0.15">
      <c r="B32" s="265"/>
      <c r="C32" s="265"/>
      <c r="D32" s="265"/>
      <c r="E32" s="265"/>
      <c r="F32" s="265"/>
      <c r="U32" s="264"/>
      <c r="V32" s="264"/>
    </row>
    <row r="33" spans="2:31" s="8" customFormat="1" x14ac:dyDescent="0.15">
      <c r="B33" s="8" t="s">
        <v>558</v>
      </c>
      <c r="C33" s="265"/>
      <c r="D33" s="265"/>
      <c r="E33" s="265"/>
      <c r="F33" s="265"/>
      <c r="U33" s="264"/>
      <c r="V33" s="264"/>
    </row>
    <row r="34" spans="2:31" s="8" customFormat="1" ht="6.75" customHeight="1" x14ac:dyDescent="0.15">
      <c r="B34" s="265"/>
      <c r="C34" s="265"/>
      <c r="D34" s="265"/>
      <c r="E34" s="265"/>
      <c r="F34" s="265"/>
      <c r="U34" s="264"/>
      <c r="V34" s="264"/>
    </row>
    <row r="35" spans="2:31" s="8" customFormat="1" ht="4.5" customHeight="1" x14ac:dyDescent="0.15">
      <c r="B35" s="923" t="s">
        <v>553</v>
      </c>
      <c r="C35" s="924"/>
      <c r="D35" s="924"/>
      <c r="E35" s="924"/>
      <c r="F35" s="925"/>
      <c r="G35" s="157"/>
      <c r="H35" s="157"/>
      <c r="I35" s="157"/>
      <c r="J35" s="157"/>
      <c r="K35" s="157"/>
      <c r="L35" s="157"/>
      <c r="M35" s="157"/>
      <c r="N35" s="157"/>
      <c r="O35" s="157"/>
      <c r="P35" s="157"/>
      <c r="Q35" s="157"/>
      <c r="R35" s="157"/>
      <c r="S35" s="157"/>
      <c r="T35" s="157"/>
      <c r="U35" s="157"/>
      <c r="V35" s="157"/>
      <c r="W35" s="157"/>
      <c r="X35" s="157"/>
      <c r="Y35" s="157"/>
      <c r="Z35" s="157"/>
      <c r="AA35" s="158"/>
      <c r="AB35" s="157"/>
      <c r="AC35" s="157"/>
      <c r="AD35" s="166"/>
      <c r="AE35" s="251"/>
    </row>
    <row r="36" spans="2:31" s="8" customFormat="1" ht="13.5" customHeight="1" x14ac:dyDescent="0.15">
      <c r="B36" s="926"/>
      <c r="C36" s="807"/>
      <c r="D36" s="807"/>
      <c r="E36" s="807"/>
      <c r="F36" s="927"/>
      <c r="H36" s="8" t="s">
        <v>546</v>
      </c>
      <c r="AA36" s="9"/>
      <c r="AB36" s="152" t="s">
        <v>227</v>
      </c>
      <c r="AC36" s="152" t="s">
        <v>217</v>
      </c>
      <c r="AD36" s="152" t="s">
        <v>226</v>
      </c>
      <c r="AE36" s="270"/>
    </row>
    <row r="37" spans="2:31" s="8" customFormat="1" ht="15.75" customHeight="1" x14ac:dyDescent="0.15">
      <c r="B37" s="926"/>
      <c r="C37" s="807"/>
      <c r="D37" s="807"/>
      <c r="E37" s="807"/>
      <c r="F37" s="927"/>
      <c r="I37" s="296" t="s">
        <v>279</v>
      </c>
      <c r="J37" s="935" t="s">
        <v>552</v>
      </c>
      <c r="K37" s="936"/>
      <c r="L37" s="936"/>
      <c r="M37" s="936"/>
      <c r="N37" s="936"/>
      <c r="O37" s="936"/>
      <c r="P37" s="936"/>
      <c r="Q37" s="936"/>
      <c r="R37" s="936"/>
      <c r="S37" s="936"/>
      <c r="T37" s="936"/>
      <c r="U37" s="936"/>
      <c r="V37" s="780"/>
      <c r="W37" s="781"/>
      <c r="X37" s="197" t="s">
        <v>175</v>
      </c>
      <c r="AA37" s="9"/>
      <c r="AB37" s="249"/>
      <c r="AC37" s="18"/>
      <c r="AD37" s="249"/>
      <c r="AE37" s="150"/>
    </row>
    <row r="38" spans="2:31" s="8" customFormat="1" ht="15.75" customHeight="1" x14ac:dyDescent="0.15">
      <c r="B38" s="928"/>
      <c r="C38" s="929"/>
      <c r="D38" s="929"/>
      <c r="E38" s="929"/>
      <c r="F38" s="930"/>
      <c r="I38" s="188" t="s">
        <v>277</v>
      </c>
      <c r="J38" s="272" t="s">
        <v>551</v>
      </c>
      <c r="K38" s="172"/>
      <c r="L38" s="172"/>
      <c r="M38" s="172"/>
      <c r="N38" s="172"/>
      <c r="O38" s="172"/>
      <c r="P38" s="172"/>
      <c r="Q38" s="172"/>
      <c r="R38" s="172"/>
      <c r="S38" s="172"/>
      <c r="T38" s="172"/>
      <c r="U38" s="172"/>
      <c r="V38" s="786"/>
      <c r="W38" s="787"/>
      <c r="X38" s="172" t="s">
        <v>175</v>
      </c>
      <c r="Y38" s="9"/>
      <c r="Z38" s="264"/>
      <c r="AA38" s="20"/>
      <c r="AB38" s="178" t="s">
        <v>0</v>
      </c>
      <c r="AC38" s="178" t="s">
        <v>217</v>
      </c>
      <c r="AD38" s="178" t="s">
        <v>0</v>
      </c>
      <c r="AE38" s="150"/>
    </row>
    <row r="39" spans="2:31" s="8" customFormat="1" ht="6" customHeight="1" x14ac:dyDescent="0.15">
      <c r="B39" s="928"/>
      <c r="C39" s="825"/>
      <c r="D39" s="929"/>
      <c r="E39" s="929"/>
      <c r="F39" s="930"/>
      <c r="G39" s="172"/>
      <c r="H39" s="172"/>
      <c r="I39" s="172"/>
      <c r="J39" s="172"/>
      <c r="K39" s="172"/>
      <c r="L39" s="172"/>
      <c r="M39" s="172"/>
      <c r="N39" s="172"/>
      <c r="O39" s="172"/>
      <c r="P39" s="172"/>
      <c r="Q39" s="172"/>
      <c r="R39" s="172"/>
      <c r="S39" s="172"/>
      <c r="T39" s="172"/>
      <c r="U39" s="267"/>
      <c r="V39" s="271"/>
      <c r="W39" s="143"/>
      <c r="X39" s="172"/>
      <c r="Y39" s="172"/>
      <c r="Z39" s="172"/>
      <c r="AA39" s="173"/>
      <c r="AB39" s="172"/>
      <c r="AC39" s="172"/>
      <c r="AD39" s="162"/>
      <c r="AE39" s="266"/>
    </row>
    <row r="40" spans="2:31" s="8" customFormat="1" ht="9.75" customHeight="1" x14ac:dyDescent="0.15">
      <c r="B40" s="265"/>
      <c r="C40" s="265"/>
      <c r="D40" s="265"/>
      <c r="E40" s="265"/>
      <c r="F40" s="265"/>
      <c r="U40" s="264"/>
      <c r="V40" s="268"/>
      <c r="W40" s="18"/>
    </row>
    <row r="41" spans="2:31" s="8" customFormat="1" ht="13.5" customHeight="1" x14ac:dyDescent="0.15">
      <c r="B41" s="8" t="s">
        <v>555</v>
      </c>
      <c r="C41" s="265"/>
      <c r="D41" s="265"/>
      <c r="E41" s="265"/>
      <c r="F41" s="265"/>
      <c r="U41" s="264"/>
      <c r="V41" s="268"/>
      <c r="W41" s="18"/>
    </row>
    <row r="42" spans="2:31" s="8" customFormat="1" x14ac:dyDescent="0.15">
      <c r="B42" s="248" t="s">
        <v>621</v>
      </c>
      <c r="C42" s="265"/>
      <c r="D42" s="265"/>
      <c r="E42" s="265"/>
      <c r="F42" s="265"/>
      <c r="U42" s="264"/>
      <c r="V42" s="268"/>
      <c r="W42" s="18"/>
    </row>
    <row r="43" spans="2:31" s="8" customFormat="1" ht="4.5" customHeight="1" x14ac:dyDescent="0.15">
      <c r="B43" s="923" t="s">
        <v>553</v>
      </c>
      <c r="C43" s="924"/>
      <c r="D43" s="924"/>
      <c r="E43" s="924"/>
      <c r="F43" s="925"/>
      <c r="G43" s="158"/>
      <c r="H43" s="157"/>
      <c r="I43" s="157"/>
      <c r="J43" s="157"/>
      <c r="K43" s="157"/>
      <c r="L43" s="157"/>
      <c r="M43" s="157"/>
      <c r="N43" s="157"/>
      <c r="O43" s="157"/>
      <c r="P43" s="157"/>
      <c r="Q43" s="157"/>
      <c r="R43" s="157"/>
      <c r="S43" s="157"/>
      <c r="T43" s="157"/>
      <c r="U43" s="157"/>
      <c r="V43" s="194"/>
      <c r="W43" s="194"/>
      <c r="X43" s="157"/>
      <c r="Y43" s="157"/>
      <c r="Z43" s="157"/>
      <c r="AA43" s="158"/>
      <c r="AB43" s="157"/>
      <c r="AC43" s="157"/>
      <c r="AD43" s="166"/>
      <c r="AE43" s="251"/>
    </row>
    <row r="44" spans="2:31" s="8" customFormat="1" ht="13.5" customHeight="1" x14ac:dyDescent="0.15">
      <c r="B44" s="926"/>
      <c r="C44" s="807"/>
      <c r="D44" s="807"/>
      <c r="E44" s="807"/>
      <c r="F44" s="927"/>
      <c r="G44" s="9"/>
      <c r="H44" s="8" t="s">
        <v>606</v>
      </c>
      <c r="V44" s="18"/>
      <c r="W44" s="18"/>
      <c r="AA44" s="9"/>
      <c r="AB44" s="152" t="s">
        <v>227</v>
      </c>
      <c r="AC44" s="152" t="s">
        <v>217</v>
      </c>
      <c r="AD44" s="152" t="s">
        <v>226</v>
      </c>
      <c r="AE44" s="270"/>
    </row>
    <row r="45" spans="2:31" s="8" customFormat="1" ht="15.75" customHeight="1" x14ac:dyDescent="0.15">
      <c r="B45" s="926"/>
      <c r="C45" s="807"/>
      <c r="D45" s="807"/>
      <c r="E45" s="807"/>
      <c r="F45" s="927"/>
      <c r="G45" s="9"/>
      <c r="I45" s="188" t="s">
        <v>279</v>
      </c>
      <c r="J45" s="935" t="s">
        <v>552</v>
      </c>
      <c r="K45" s="936"/>
      <c r="L45" s="936"/>
      <c r="M45" s="936"/>
      <c r="N45" s="936"/>
      <c r="O45" s="936"/>
      <c r="P45" s="936"/>
      <c r="Q45" s="936"/>
      <c r="R45" s="936"/>
      <c r="S45" s="936"/>
      <c r="T45" s="936"/>
      <c r="U45" s="936"/>
      <c r="V45" s="780"/>
      <c r="W45" s="781"/>
      <c r="X45" s="197" t="s">
        <v>175</v>
      </c>
      <c r="AA45" s="9"/>
      <c r="AB45" s="249"/>
      <c r="AC45" s="18"/>
      <c r="AD45" s="249"/>
      <c r="AE45" s="150"/>
    </row>
    <row r="46" spans="2:31" s="8" customFormat="1" ht="15.75" customHeight="1" x14ac:dyDescent="0.15">
      <c r="B46" s="926"/>
      <c r="C46" s="807"/>
      <c r="D46" s="807"/>
      <c r="E46" s="807"/>
      <c r="F46" s="927"/>
      <c r="G46" s="9"/>
      <c r="I46" s="269" t="s">
        <v>277</v>
      </c>
      <c r="J46" s="272" t="s">
        <v>551</v>
      </c>
      <c r="K46" s="172"/>
      <c r="L46" s="172"/>
      <c r="M46" s="172"/>
      <c r="N46" s="172"/>
      <c r="O46" s="172"/>
      <c r="P46" s="172"/>
      <c r="Q46" s="172"/>
      <c r="R46" s="172"/>
      <c r="S46" s="172"/>
      <c r="T46" s="172"/>
      <c r="U46" s="172"/>
      <c r="V46" s="786"/>
      <c r="W46" s="787"/>
      <c r="X46" s="171" t="s">
        <v>175</v>
      </c>
      <c r="Z46" s="264"/>
      <c r="AA46" s="20"/>
      <c r="AB46" s="178" t="s">
        <v>0</v>
      </c>
      <c r="AC46" s="178" t="s">
        <v>217</v>
      </c>
      <c r="AD46" s="178" t="s">
        <v>0</v>
      </c>
      <c r="AE46" s="150"/>
    </row>
    <row r="47" spans="2:31" s="8" customFormat="1" ht="6" customHeight="1" x14ac:dyDescent="0.15">
      <c r="B47" s="928"/>
      <c r="C47" s="929"/>
      <c r="D47" s="929"/>
      <c r="E47" s="929"/>
      <c r="F47" s="930"/>
      <c r="G47" s="173"/>
      <c r="H47" s="172"/>
      <c r="I47" s="172"/>
      <c r="J47" s="172"/>
      <c r="K47" s="172"/>
      <c r="L47" s="172"/>
      <c r="M47" s="172"/>
      <c r="N47" s="172"/>
      <c r="O47" s="172"/>
      <c r="P47" s="172"/>
      <c r="Q47" s="172"/>
      <c r="R47" s="172"/>
      <c r="S47" s="172"/>
      <c r="T47" s="172"/>
      <c r="U47" s="267"/>
      <c r="V47" s="271"/>
      <c r="W47" s="143"/>
      <c r="X47" s="172"/>
      <c r="Y47" s="172"/>
      <c r="Z47" s="172"/>
      <c r="AA47" s="173"/>
      <c r="AB47" s="172"/>
      <c r="AC47" s="172"/>
      <c r="AD47" s="162"/>
      <c r="AE47" s="266"/>
    </row>
    <row r="48" spans="2:31" s="8" customFormat="1" ht="4.5" customHeight="1" x14ac:dyDescent="0.15">
      <c r="B48" s="923" t="s">
        <v>620</v>
      </c>
      <c r="C48" s="924"/>
      <c r="D48" s="924"/>
      <c r="E48" s="924"/>
      <c r="F48" s="925"/>
      <c r="G48" s="158"/>
      <c r="H48" s="157"/>
      <c r="I48" s="157"/>
      <c r="J48" s="157"/>
      <c r="K48" s="157"/>
      <c r="L48" s="157"/>
      <c r="M48" s="157"/>
      <c r="N48" s="157"/>
      <c r="O48" s="157"/>
      <c r="P48" s="157"/>
      <c r="Q48" s="157"/>
      <c r="R48" s="157"/>
      <c r="S48" s="157"/>
      <c r="T48" s="157"/>
      <c r="U48" s="157"/>
      <c r="V48" s="194"/>
      <c r="W48" s="194"/>
      <c r="X48" s="157"/>
      <c r="Y48" s="157"/>
      <c r="Z48" s="157"/>
      <c r="AA48" s="158"/>
      <c r="AB48" s="157"/>
      <c r="AC48" s="157"/>
      <c r="AD48" s="166"/>
      <c r="AE48" s="251"/>
    </row>
    <row r="49" spans="2:31" s="8" customFormat="1" ht="13.5" customHeight="1" x14ac:dyDescent="0.15">
      <c r="B49" s="926"/>
      <c r="C49" s="807"/>
      <c r="D49" s="807"/>
      <c r="E49" s="807"/>
      <c r="F49" s="927"/>
      <c r="G49" s="9"/>
      <c r="H49" s="8" t="s">
        <v>619</v>
      </c>
      <c r="V49" s="18"/>
      <c r="W49" s="18"/>
      <c r="AA49" s="9"/>
      <c r="AB49" s="152" t="s">
        <v>227</v>
      </c>
      <c r="AC49" s="152" t="s">
        <v>217</v>
      </c>
      <c r="AD49" s="152" t="s">
        <v>226</v>
      </c>
      <c r="AE49" s="270"/>
    </row>
    <row r="50" spans="2:31" s="8" customFormat="1" x14ac:dyDescent="0.15">
      <c r="B50" s="926"/>
      <c r="C50" s="807"/>
      <c r="D50" s="807"/>
      <c r="E50" s="807"/>
      <c r="F50" s="927"/>
      <c r="G50" s="9"/>
      <c r="I50" s="188" t="s">
        <v>279</v>
      </c>
      <c r="J50" s="933" t="s">
        <v>618</v>
      </c>
      <c r="K50" s="934"/>
      <c r="L50" s="934"/>
      <c r="M50" s="934"/>
      <c r="N50" s="934"/>
      <c r="O50" s="934"/>
      <c r="P50" s="934"/>
      <c r="Q50" s="934"/>
      <c r="R50" s="934"/>
      <c r="S50" s="934"/>
      <c r="T50" s="934"/>
      <c r="U50" s="934"/>
      <c r="V50" s="790"/>
      <c r="W50" s="780"/>
      <c r="X50" s="197" t="s">
        <v>175</v>
      </c>
      <c r="AA50" s="9"/>
      <c r="AB50" s="249"/>
      <c r="AC50" s="18"/>
      <c r="AD50" s="249"/>
      <c r="AE50" s="150"/>
    </row>
    <row r="51" spans="2:31" s="8" customFormat="1" ht="14.25" customHeight="1" x14ac:dyDescent="0.15">
      <c r="B51" s="926"/>
      <c r="C51" s="807"/>
      <c r="D51" s="807"/>
      <c r="E51" s="807"/>
      <c r="F51" s="927"/>
      <c r="G51" s="9"/>
      <c r="I51" s="269" t="s">
        <v>277</v>
      </c>
      <c r="J51" s="935" t="s">
        <v>545</v>
      </c>
      <c r="K51" s="936"/>
      <c r="L51" s="936"/>
      <c r="M51" s="936"/>
      <c r="N51" s="936"/>
      <c r="O51" s="936"/>
      <c r="P51" s="936"/>
      <c r="Q51" s="936"/>
      <c r="R51" s="936"/>
      <c r="S51" s="936"/>
      <c r="T51" s="936"/>
      <c r="U51" s="936"/>
      <c r="V51" s="790"/>
      <c r="W51" s="780"/>
      <c r="X51" s="171" t="s">
        <v>175</v>
      </c>
      <c r="Z51" s="264"/>
      <c r="AA51" s="20"/>
      <c r="AB51" s="178" t="s">
        <v>0</v>
      </c>
      <c r="AC51" s="178" t="s">
        <v>217</v>
      </c>
      <c r="AD51" s="178" t="s">
        <v>0</v>
      </c>
      <c r="AE51" s="150"/>
    </row>
    <row r="52" spans="2:31" s="8" customFormat="1" ht="6" customHeight="1" x14ac:dyDescent="0.15">
      <c r="B52" s="928"/>
      <c r="C52" s="929"/>
      <c r="D52" s="929"/>
      <c r="E52" s="929"/>
      <c r="F52" s="930"/>
      <c r="G52" s="173"/>
      <c r="H52" s="172"/>
      <c r="I52" s="172"/>
      <c r="J52" s="172"/>
      <c r="K52" s="172"/>
      <c r="L52" s="172"/>
      <c r="M52" s="172"/>
      <c r="N52" s="172"/>
      <c r="O52" s="172"/>
      <c r="P52" s="172"/>
      <c r="Q52" s="172"/>
      <c r="R52" s="172"/>
      <c r="S52" s="172"/>
      <c r="T52" s="172"/>
      <c r="U52" s="267"/>
      <c r="V52" s="271"/>
      <c r="W52" s="143"/>
      <c r="X52" s="172"/>
      <c r="Y52" s="172"/>
      <c r="Z52" s="172"/>
      <c r="AA52" s="173"/>
      <c r="AB52" s="172"/>
      <c r="AC52" s="172"/>
      <c r="AD52" s="162"/>
      <c r="AE52" s="266"/>
    </row>
    <row r="53" spans="2:31" s="8" customFormat="1" ht="4.5" customHeight="1" x14ac:dyDescent="0.15">
      <c r="B53" s="923" t="s">
        <v>544</v>
      </c>
      <c r="C53" s="924"/>
      <c r="D53" s="924"/>
      <c r="E53" s="924"/>
      <c r="F53" s="925"/>
      <c r="G53" s="158"/>
      <c r="H53" s="157"/>
      <c r="I53" s="157"/>
      <c r="J53" s="157"/>
      <c r="K53" s="157"/>
      <c r="L53" s="157"/>
      <c r="M53" s="157"/>
      <c r="N53" s="157"/>
      <c r="O53" s="157"/>
      <c r="P53" s="157"/>
      <c r="Q53" s="157"/>
      <c r="R53" s="157"/>
      <c r="S53" s="157"/>
      <c r="T53" s="157"/>
      <c r="U53" s="157"/>
      <c r="V53" s="194"/>
      <c r="W53" s="194"/>
      <c r="X53" s="157"/>
      <c r="Y53" s="157"/>
      <c r="Z53" s="157"/>
      <c r="AA53" s="158"/>
      <c r="AB53" s="157"/>
      <c r="AC53" s="157"/>
      <c r="AD53" s="166"/>
      <c r="AE53" s="251"/>
    </row>
    <row r="54" spans="2:31" s="8" customFormat="1" ht="13.5" customHeight="1" x14ac:dyDescent="0.15">
      <c r="B54" s="926"/>
      <c r="C54" s="807"/>
      <c r="D54" s="807"/>
      <c r="E54" s="807"/>
      <c r="F54" s="927"/>
      <c r="G54" s="9"/>
      <c r="H54" s="8" t="s">
        <v>543</v>
      </c>
      <c r="V54" s="18"/>
      <c r="W54" s="18"/>
      <c r="AA54" s="9"/>
      <c r="AB54" s="152" t="s">
        <v>227</v>
      </c>
      <c r="AC54" s="152" t="s">
        <v>217</v>
      </c>
      <c r="AD54" s="152" t="s">
        <v>226</v>
      </c>
      <c r="AE54" s="270"/>
    </row>
    <row r="55" spans="2:31" s="8" customFormat="1" ht="30" customHeight="1" x14ac:dyDescent="0.15">
      <c r="B55" s="926"/>
      <c r="C55" s="807"/>
      <c r="D55" s="807"/>
      <c r="E55" s="807"/>
      <c r="F55" s="927"/>
      <c r="G55" s="9"/>
      <c r="I55" s="188" t="s">
        <v>279</v>
      </c>
      <c r="J55" s="933" t="s">
        <v>617</v>
      </c>
      <c r="K55" s="934"/>
      <c r="L55" s="934"/>
      <c r="M55" s="934"/>
      <c r="N55" s="934"/>
      <c r="O55" s="934"/>
      <c r="P55" s="934"/>
      <c r="Q55" s="934"/>
      <c r="R55" s="934"/>
      <c r="S55" s="934"/>
      <c r="T55" s="934"/>
      <c r="U55" s="934"/>
      <c r="V55" s="790"/>
      <c r="W55" s="780"/>
      <c r="X55" s="197" t="s">
        <v>175</v>
      </c>
      <c r="AA55" s="9"/>
      <c r="AD55" s="16"/>
      <c r="AE55" s="150"/>
    </row>
    <row r="56" spans="2:31" s="8" customFormat="1" ht="33" customHeight="1" x14ac:dyDescent="0.15">
      <c r="B56" s="926"/>
      <c r="C56" s="807"/>
      <c r="D56" s="807"/>
      <c r="E56" s="807"/>
      <c r="F56" s="927"/>
      <c r="G56" s="9"/>
      <c r="I56" s="269" t="s">
        <v>277</v>
      </c>
      <c r="J56" s="935" t="s">
        <v>541</v>
      </c>
      <c r="K56" s="936"/>
      <c r="L56" s="936"/>
      <c r="M56" s="936"/>
      <c r="N56" s="936"/>
      <c r="O56" s="936"/>
      <c r="P56" s="936"/>
      <c r="Q56" s="936"/>
      <c r="R56" s="936"/>
      <c r="S56" s="936"/>
      <c r="T56" s="936"/>
      <c r="U56" s="936"/>
      <c r="V56" s="790"/>
      <c r="W56" s="780"/>
      <c r="X56" s="171" t="s">
        <v>175</v>
      </c>
      <c r="Z56" s="264"/>
      <c r="AA56" s="20"/>
      <c r="AB56" s="178" t="s">
        <v>0</v>
      </c>
      <c r="AC56" s="178" t="s">
        <v>217</v>
      </c>
      <c r="AD56" s="178" t="s">
        <v>0</v>
      </c>
      <c r="AE56" s="150"/>
    </row>
    <row r="57" spans="2:31" s="8" customFormat="1" ht="6" customHeight="1" x14ac:dyDescent="0.15">
      <c r="B57" s="928"/>
      <c r="C57" s="929"/>
      <c r="D57" s="929"/>
      <c r="E57" s="929"/>
      <c r="F57" s="930"/>
      <c r="G57" s="173"/>
      <c r="H57" s="172"/>
      <c r="I57" s="172"/>
      <c r="J57" s="172"/>
      <c r="K57" s="172"/>
      <c r="L57" s="172"/>
      <c r="M57" s="172"/>
      <c r="N57" s="172"/>
      <c r="O57" s="172"/>
      <c r="P57" s="172"/>
      <c r="Q57" s="172"/>
      <c r="R57" s="172"/>
      <c r="S57" s="172"/>
      <c r="T57" s="172"/>
      <c r="U57" s="267"/>
      <c r="V57" s="267"/>
      <c r="W57" s="172"/>
      <c r="X57" s="172"/>
      <c r="Y57" s="172"/>
      <c r="Z57" s="172"/>
      <c r="AA57" s="173"/>
      <c r="AB57" s="172"/>
      <c r="AC57" s="172"/>
      <c r="AD57" s="162"/>
      <c r="AE57" s="266"/>
    </row>
    <row r="58" spans="2:31" s="8" customFormat="1" ht="6" customHeight="1" x14ac:dyDescent="0.15">
      <c r="B58" s="265"/>
      <c r="C58" s="265"/>
      <c r="D58" s="265"/>
      <c r="E58" s="265"/>
      <c r="F58" s="265"/>
      <c r="U58" s="264"/>
      <c r="V58" s="264"/>
    </row>
    <row r="59" spans="2:31" s="8" customFormat="1" ht="13.5" customHeight="1" x14ac:dyDescent="0.15">
      <c r="B59" s="975" t="s">
        <v>540</v>
      </c>
      <c r="C59" s="931"/>
      <c r="D59" s="263" t="s">
        <v>602</v>
      </c>
      <c r="E59" s="263"/>
      <c r="F59" s="263"/>
      <c r="G59" s="263"/>
      <c r="H59" s="263"/>
      <c r="I59" s="263"/>
      <c r="J59" s="263"/>
      <c r="K59" s="263"/>
      <c r="L59" s="263"/>
      <c r="M59" s="263"/>
      <c r="N59" s="263"/>
      <c r="O59" s="263"/>
      <c r="P59" s="263"/>
      <c r="Q59" s="263"/>
      <c r="R59" s="263"/>
      <c r="S59" s="263"/>
      <c r="T59" s="263"/>
      <c r="U59" s="263"/>
      <c r="V59" s="263"/>
      <c r="W59" s="263"/>
      <c r="X59" s="263"/>
      <c r="Y59" s="263"/>
      <c r="Z59" s="263"/>
      <c r="AA59" s="263"/>
      <c r="AB59" s="263"/>
      <c r="AC59" s="263"/>
      <c r="AD59" s="263"/>
      <c r="AE59" s="263"/>
    </row>
    <row r="60" spans="2:31" s="8" customFormat="1" ht="37.5" customHeight="1" x14ac:dyDescent="0.15">
      <c r="B60" s="975" t="s">
        <v>616</v>
      </c>
      <c r="C60" s="931"/>
      <c r="D60" s="932" t="s">
        <v>615</v>
      </c>
      <c r="E60" s="932"/>
      <c r="F60" s="932"/>
      <c r="G60" s="932"/>
      <c r="H60" s="932"/>
      <c r="I60" s="932"/>
      <c r="J60" s="932"/>
      <c r="K60" s="932"/>
      <c r="L60" s="932"/>
      <c r="M60" s="932"/>
      <c r="N60" s="932"/>
      <c r="O60" s="932"/>
      <c r="P60" s="932"/>
      <c r="Q60" s="932"/>
      <c r="R60" s="932"/>
      <c r="S60" s="932"/>
      <c r="T60" s="932"/>
      <c r="U60" s="932"/>
      <c r="V60" s="932"/>
      <c r="W60" s="932"/>
      <c r="X60" s="932"/>
      <c r="Y60" s="932"/>
      <c r="Z60" s="932"/>
      <c r="AA60" s="932"/>
      <c r="AB60" s="932"/>
      <c r="AC60" s="932"/>
      <c r="AD60" s="932"/>
      <c r="AE60" s="932"/>
    </row>
    <row r="122" spans="3:7" x14ac:dyDescent="0.15">
      <c r="C122" s="5"/>
      <c r="D122" s="5"/>
      <c r="E122" s="5"/>
      <c r="F122" s="5"/>
      <c r="G122" s="5"/>
    </row>
    <row r="123" spans="3:7" x14ac:dyDescent="0.15">
      <c r="C123" s="4"/>
    </row>
  </sheetData>
  <mergeCells count="39">
    <mergeCell ref="W3:X3"/>
    <mergeCell ref="Z3:AA3"/>
    <mergeCell ref="AC3:AD3"/>
    <mergeCell ref="B5:AE5"/>
    <mergeCell ref="B6:AE6"/>
    <mergeCell ref="B8:F8"/>
    <mergeCell ref="G8:AE8"/>
    <mergeCell ref="B9:F9"/>
    <mergeCell ref="B10:F13"/>
    <mergeCell ref="B14:F15"/>
    <mergeCell ref="B20:F27"/>
    <mergeCell ref="J22:U22"/>
    <mergeCell ref="V22:W22"/>
    <mergeCell ref="V23:W23"/>
    <mergeCell ref="J26:U26"/>
    <mergeCell ref="V26:W26"/>
    <mergeCell ref="B29:F30"/>
    <mergeCell ref="G30:AE30"/>
    <mergeCell ref="B35:F39"/>
    <mergeCell ref="J37:U37"/>
    <mergeCell ref="V37:W37"/>
    <mergeCell ref="V38:W38"/>
    <mergeCell ref="B43:F47"/>
    <mergeCell ref="J45:U45"/>
    <mergeCell ref="V45:W45"/>
    <mergeCell ref="V46:W46"/>
    <mergeCell ref="B48:F52"/>
    <mergeCell ref="J50:U50"/>
    <mergeCell ref="V50:W50"/>
    <mergeCell ref="J51:U51"/>
    <mergeCell ref="V51:W51"/>
    <mergeCell ref="B60:C60"/>
    <mergeCell ref="D60:AE60"/>
    <mergeCell ref="B53:F57"/>
    <mergeCell ref="J55:U55"/>
    <mergeCell ref="V55:W55"/>
    <mergeCell ref="J56:U56"/>
    <mergeCell ref="V56:W56"/>
    <mergeCell ref="B59:C59"/>
  </mergeCells>
  <phoneticPr fontId="2"/>
  <dataValidations count="1">
    <dataValidation type="list" allowBlank="1" showInputMessage="1" showErrorMessage="1" sqref="L9 Q9 S14 V10 Z10 AB23 AD23 AB26 AD26 AB38 AD38 AB46 AD46 AB51 AD51 AB56 AD56 G9:G15 R10:R12">
      <formula1>"□,■"</formula1>
    </dataValidation>
  </dataValidations>
  <pageMargins left="0.7" right="0.7" top="0.75" bottom="0.75" header="0.3" footer="0.3"/>
  <pageSetup paperSize="9" scale="89" orientation="portrait" r:id="rId1"/>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E123"/>
  <sheetViews>
    <sheetView zoomScaleNormal="100" zoomScaleSheetLayoutView="85" workbookViewId="0">
      <selection activeCell="C87" sqref="C87"/>
    </sheetView>
  </sheetViews>
  <sheetFormatPr defaultColWidth="3.5" defaultRowHeight="13.5" x14ac:dyDescent="0.15"/>
  <cols>
    <col min="1" max="1" width="1.25" style="3" customWidth="1"/>
    <col min="2" max="2" width="3.125" style="140" customWidth="1"/>
    <col min="3" max="30" width="3.125" style="3" customWidth="1"/>
    <col min="31" max="31" width="1.25" style="3" customWidth="1"/>
    <col min="32" max="16384" width="3.5" style="3"/>
  </cols>
  <sheetData>
    <row r="1" spans="2:30" s="8" customFormat="1" x14ac:dyDescent="0.15"/>
    <row r="2" spans="2:30" s="8" customFormat="1" x14ac:dyDescent="0.15">
      <c r="B2" s="8" t="s">
        <v>645</v>
      </c>
    </row>
    <row r="3" spans="2:30" s="8" customFormat="1" x14ac:dyDescent="0.15">
      <c r="U3" s="17" t="s">
        <v>12</v>
      </c>
      <c r="V3" s="778"/>
      <c r="W3" s="778"/>
      <c r="X3" s="17" t="s">
        <v>11</v>
      </c>
      <c r="Y3" s="778"/>
      <c r="Z3" s="778"/>
      <c r="AA3" s="17" t="s">
        <v>10</v>
      </c>
      <c r="AB3" s="778"/>
      <c r="AC3" s="778"/>
      <c r="AD3" s="17" t="s">
        <v>20</v>
      </c>
    </row>
    <row r="4" spans="2:30" s="8" customFormat="1" x14ac:dyDescent="0.15">
      <c r="AD4" s="17"/>
    </row>
    <row r="5" spans="2:30" s="8" customFormat="1" x14ac:dyDescent="0.15">
      <c r="B5" s="778" t="s">
        <v>578</v>
      </c>
      <c r="C5" s="778"/>
      <c r="D5" s="778"/>
      <c r="E5" s="778"/>
      <c r="F5" s="778"/>
      <c r="G5" s="778"/>
      <c r="H5" s="778"/>
      <c r="I5" s="778"/>
      <c r="J5" s="778"/>
      <c r="K5" s="778"/>
      <c r="L5" s="778"/>
      <c r="M5" s="778"/>
      <c r="N5" s="778"/>
      <c r="O5" s="778"/>
      <c r="P5" s="778"/>
      <c r="Q5" s="778"/>
      <c r="R5" s="778"/>
      <c r="S5" s="778"/>
      <c r="T5" s="778"/>
      <c r="U5" s="778"/>
      <c r="V5" s="778"/>
      <c r="W5" s="778"/>
      <c r="X5" s="778"/>
      <c r="Y5" s="778"/>
      <c r="Z5" s="778"/>
      <c r="AA5" s="778"/>
      <c r="AB5" s="778"/>
      <c r="AC5" s="778"/>
      <c r="AD5" s="778"/>
    </row>
    <row r="6" spans="2:30" s="8" customFormat="1" x14ac:dyDescent="0.15">
      <c r="B6" s="778" t="s">
        <v>644</v>
      </c>
      <c r="C6" s="778"/>
      <c r="D6" s="778"/>
      <c r="E6" s="778"/>
      <c r="F6" s="778"/>
      <c r="G6" s="778"/>
      <c r="H6" s="778"/>
      <c r="I6" s="778"/>
      <c r="J6" s="778"/>
      <c r="K6" s="778"/>
      <c r="L6" s="778"/>
      <c r="M6" s="778"/>
      <c r="N6" s="778"/>
      <c r="O6" s="778"/>
      <c r="P6" s="778"/>
      <c r="Q6" s="778"/>
      <c r="R6" s="778"/>
      <c r="S6" s="778"/>
      <c r="T6" s="778"/>
      <c r="U6" s="778"/>
      <c r="V6" s="778"/>
      <c r="W6" s="778"/>
      <c r="X6" s="778"/>
      <c r="Y6" s="778"/>
      <c r="Z6" s="778"/>
      <c r="AA6" s="778"/>
      <c r="AB6" s="778"/>
      <c r="AC6" s="778"/>
      <c r="AD6" s="778"/>
    </row>
    <row r="7" spans="2:30" s="8" customFormat="1" x14ac:dyDescent="0.15"/>
    <row r="8" spans="2:30" s="8" customFormat="1" ht="23.25" customHeight="1" x14ac:dyDescent="0.15">
      <c r="B8" s="804" t="s">
        <v>576</v>
      </c>
      <c r="C8" s="804"/>
      <c r="D8" s="804"/>
      <c r="E8" s="804"/>
      <c r="F8" s="791"/>
      <c r="G8" s="954"/>
      <c r="H8" s="955"/>
      <c r="I8" s="955"/>
      <c r="J8" s="955"/>
      <c r="K8" s="955"/>
      <c r="L8" s="955"/>
      <c r="M8" s="955"/>
      <c r="N8" s="955"/>
      <c r="O8" s="955"/>
      <c r="P8" s="955"/>
      <c r="Q8" s="955"/>
      <c r="R8" s="955"/>
      <c r="S8" s="955"/>
      <c r="T8" s="955"/>
      <c r="U8" s="955"/>
      <c r="V8" s="955"/>
      <c r="W8" s="955"/>
      <c r="X8" s="955"/>
      <c r="Y8" s="955"/>
      <c r="Z8" s="955"/>
      <c r="AA8" s="955"/>
      <c r="AB8" s="955"/>
      <c r="AC8" s="955"/>
      <c r="AD8" s="956"/>
    </row>
    <row r="9" spans="2:30" ht="23.25" customHeight="1" x14ac:dyDescent="0.15">
      <c r="B9" s="791" t="s">
        <v>575</v>
      </c>
      <c r="C9" s="792"/>
      <c r="D9" s="792"/>
      <c r="E9" s="792"/>
      <c r="F9" s="792"/>
      <c r="G9" s="180" t="s">
        <v>0</v>
      </c>
      <c r="H9" s="168" t="s">
        <v>242</v>
      </c>
      <c r="I9" s="168"/>
      <c r="J9" s="168"/>
      <c r="K9" s="168"/>
      <c r="L9" s="179" t="s">
        <v>0</v>
      </c>
      <c r="M9" s="168" t="s">
        <v>241</v>
      </c>
      <c r="N9" s="168"/>
      <c r="O9" s="168"/>
      <c r="P9" s="168"/>
      <c r="Q9" s="179" t="s">
        <v>0</v>
      </c>
      <c r="R9" s="168" t="s">
        <v>240</v>
      </c>
      <c r="S9" s="287"/>
      <c r="T9" s="287"/>
      <c r="U9" s="287"/>
      <c r="V9" s="287"/>
      <c r="W9" s="287"/>
      <c r="X9" s="287"/>
      <c r="Y9" s="287"/>
      <c r="Z9" s="287"/>
      <c r="AA9" s="287"/>
      <c r="AB9" s="287"/>
      <c r="AC9" s="287"/>
      <c r="AD9" s="286"/>
    </row>
    <row r="10" spans="2:30" ht="23.25" customHeight="1" x14ac:dyDescent="0.15">
      <c r="B10" s="906" t="s">
        <v>574</v>
      </c>
      <c r="C10" s="907"/>
      <c r="D10" s="907"/>
      <c r="E10" s="907"/>
      <c r="F10" s="908"/>
      <c r="G10" s="180" t="s">
        <v>0</v>
      </c>
      <c r="H10" s="181" t="s">
        <v>643</v>
      </c>
      <c r="I10" s="168"/>
      <c r="J10" s="168"/>
      <c r="K10" s="168"/>
      <c r="L10" s="168"/>
      <c r="M10" s="168"/>
      <c r="N10" s="168"/>
      <c r="O10" s="168"/>
      <c r="P10" s="168"/>
      <c r="Q10" s="168"/>
      <c r="R10" s="168"/>
      <c r="S10" s="181"/>
      <c r="T10" s="179" t="s">
        <v>0</v>
      </c>
      <c r="U10" s="181" t="s">
        <v>642</v>
      </c>
      <c r="V10" s="287"/>
      <c r="W10" s="287"/>
      <c r="X10" s="287"/>
      <c r="Y10" s="287"/>
      <c r="Z10" s="287"/>
      <c r="AA10" s="287"/>
      <c r="AB10" s="287"/>
      <c r="AC10" s="287"/>
      <c r="AD10" s="286"/>
    </row>
    <row r="11" spans="2:30" ht="23.25" customHeight="1" x14ac:dyDescent="0.15">
      <c r="B11" s="906" t="s">
        <v>570</v>
      </c>
      <c r="C11" s="907"/>
      <c r="D11" s="907"/>
      <c r="E11" s="907"/>
      <c r="F11" s="908"/>
      <c r="G11" s="285" t="s">
        <v>0</v>
      </c>
      <c r="H11" s="157" t="s">
        <v>569</v>
      </c>
      <c r="I11" s="166"/>
      <c r="J11" s="166"/>
      <c r="K11" s="166"/>
      <c r="L11" s="166"/>
      <c r="M11" s="166"/>
      <c r="N11" s="166"/>
      <c r="O11" s="166"/>
      <c r="P11" s="166"/>
      <c r="Q11" s="166"/>
      <c r="R11" s="166"/>
      <c r="S11" s="284" t="s">
        <v>0</v>
      </c>
      <c r="T11" s="157" t="s">
        <v>568</v>
      </c>
      <c r="U11" s="157"/>
      <c r="V11" s="283"/>
      <c r="W11" s="283"/>
      <c r="X11" s="283"/>
      <c r="Y11" s="283"/>
      <c r="Z11" s="283"/>
      <c r="AA11" s="283"/>
      <c r="AB11" s="283"/>
      <c r="AC11" s="283"/>
      <c r="AD11" s="282"/>
    </row>
    <row r="12" spans="2:30" ht="23.25" customHeight="1" x14ac:dyDescent="0.15">
      <c r="B12" s="909"/>
      <c r="C12" s="910"/>
      <c r="D12" s="910"/>
      <c r="E12" s="910"/>
      <c r="F12" s="911"/>
      <c r="G12" s="192" t="s">
        <v>0</v>
      </c>
      <c r="H12" s="172" t="s">
        <v>567</v>
      </c>
      <c r="I12" s="162"/>
      <c r="J12" s="162"/>
      <c r="K12" s="162"/>
      <c r="L12" s="162"/>
      <c r="M12" s="162"/>
      <c r="N12" s="162"/>
      <c r="O12" s="162"/>
      <c r="P12" s="162"/>
      <c r="Q12" s="162"/>
      <c r="R12" s="162"/>
      <c r="S12" s="281"/>
      <c r="T12" s="272"/>
      <c r="U12" s="272"/>
      <c r="V12" s="272"/>
      <c r="W12" s="272"/>
      <c r="X12" s="272"/>
      <c r="Y12" s="272"/>
      <c r="Z12" s="272"/>
      <c r="AA12" s="272"/>
      <c r="AB12" s="272"/>
      <c r="AC12" s="272"/>
      <c r="AD12" s="306"/>
    </row>
    <row r="13" spans="2:30" s="8" customFormat="1" ht="9" customHeight="1" x14ac:dyDescent="0.15"/>
    <row r="14" spans="2:30" s="8" customFormat="1" x14ac:dyDescent="0.15">
      <c r="B14" s="937" t="s">
        <v>566</v>
      </c>
      <c r="C14" s="938"/>
      <c r="D14" s="938"/>
      <c r="E14" s="938"/>
      <c r="F14" s="939"/>
      <c r="G14" s="989"/>
      <c r="H14" s="990"/>
      <c r="I14" s="990"/>
      <c r="J14" s="990"/>
      <c r="K14" s="990"/>
      <c r="L14" s="990"/>
      <c r="M14" s="990"/>
      <c r="N14" s="990"/>
      <c r="O14" s="990"/>
      <c r="P14" s="990"/>
      <c r="Q14" s="990"/>
      <c r="R14" s="990"/>
      <c r="S14" s="990"/>
      <c r="T14" s="990"/>
      <c r="U14" s="990"/>
      <c r="V14" s="990"/>
      <c r="W14" s="990"/>
      <c r="X14" s="990"/>
      <c r="Y14" s="991"/>
      <c r="Z14" s="279"/>
      <c r="AA14" s="278" t="s">
        <v>227</v>
      </c>
      <c r="AB14" s="278" t="s">
        <v>217</v>
      </c>
      <c r="AC14" s="278" t="s">
        <v>226</v>
      </c>
      <c r="AD14" s="251"/>
    </row>
    <row r="15" spans="2:30" s="8" customFormat="1" ht="27" customHeight="1" x14ac:dyDescent="0.15">
      <c r="B15" s="822"/>
      <c r="C15" s="789"/>
      <c r="D15" s="789"/>
      <c r="E15" s="789"/>
      <c r="F15" s="805"/>
      <c r="G15" s="992" t="s">
        <v>565</v>
      </c>
      <c r="H15" s="993"/>
      <c r="I15" s="993"/>
      <c r="J15" s="993"/>
      <c r="K15" s="993"/>
      <c r="L15" s="993"/>
      <c r="M15" s="993"/>
      <c r="N15" s="993"/>
      <c r="O15" s="993"/>
      <c r="P15" s="993"/>
      <c r="Q15" s="993"/>
      <c r="R15" s="993"/>
      <c r="S15" s="993"/>
      <c r="T15" s="993"/>
      <c r="U15" s="993"/>
      <c r="V15" s="993"/>
      <c r="W15" s="993"/>
      <c r="X15" s="993"/>
      <c r="Y15" s="994"/>
      <c r="Z15" s="20"/>
      <c r="AA15" s="178" t="s">
        <v>0</v>
      </c>
      <c r="AB15" s="178" t="s">
        <v>217</v>
      </c>
      <c r="AC15" s="178" t="s">
        <v>0</v>
      </c>
      <c r="AD15" s="150"/>
    </row>
    <row r="16" spans="2:30" s="8" customFormat="1" ht="27" customHeight="1" x14ac:dyDescent="0.15">
      <c r="B16" s="940"/>
      <c r="C16" s="779"/>
      <c r="D16" s="779"/>
      <c r="E16" s="779"/>
      <c r="F16" s="941"/>
      <c r="G16" s="995" t="s">
        <v>564</v>
      </c>
      <c r="H16" s="996"/>
      <c r="I16" s="996"/>
      <c r="J16" s="996"/>
      <c r="K16" s="996"/>
      <c r="L16" s="996"/>
      <c r="M16" s="996"/>
      <c r="N16" s="996"/>
      <c r="O16" s="996"/>
      <c r="P16" s="996"/>
      <c r="Q16" s="996"/>
      <c r="R16" s="996"/>
      <c r="S16" s="996"/>
      <c r="T16" s="996"/>
      <c r="U16" s="996"/>
      <c r="V16" s="996"/>
      <c r="W16" s="996"/>
      <c r="X16" s="996"/>
      <c r="Y16" s="997"/>
      <c r="Z16" s="288"/>
      <c r="AA16" s="191" t="s">
        <v>0</v>
      </c>
      <c r="AB16" s="191" t="s">
        <v>217</v>
      </c>
      <c r="AC16" s="191" t="s">
        <v>0</v>
      </c>
      <c r="AD16" s="266"/>
    </row>
    <row r="17" spans="2:30" s="8" customFormat="1" ht="9" customHeight="1" x14ac:dyDescent="0.15"/>
    <row r="18" spans="2:30" s="8" customFormat="1" x14ac:dyDescent="0.15">
      <c r="B18" s="8" t="s">
        <v>562</v>
      </c>
    </row>
    <row r="19" spans="2:30" s="8" customFormat="1" x14ac:dyDescent="0.15">
      <c r="B19" s="8" t="s">
        <v>561</v>
      </c>
      <c r="AC19" s="16"/>
      <c r="AD19" s="16"/>
    </row>
    <row r="20" spans="2:30" s="8" customFormat="1" ht="4.5" customHeight="1" x14ac:dyDescent="0.15"/>
    <row r="21" spans="2:30" s="8" customFormat="1" ht="4.5" customHeight="1" x14ac:dyDescent="0.15">
      <c r="B21" s="923" t="s">
        <v>553</v>
      </c>
      <c r="C21" s="924"/>
      <c r="D21" s="924"/>
      <c r="E21" s="924"/>
      <c r="F21" s="925"/>
      <c r="G21" s="158"/>
      <c r="H21" s="157"/>
      <c r="I21" s="157"/>
      <c r="J21" s="157"/>
      <c r="K21" s="157"/>
      <c r="L21" s="157"/>
      <c r="M21" s="157"/>
      <c r="N21" s="157"/>
      <c r="O21" s="157"/>
      <c r="P21" s="157"/>
      <c r="Q21" s="157"/>
      <c r="R21" s="157"/>
      <c r="S21" s="157"/>
      <c r="T21" s="157"/>
      <c r="U21" s="157"/>
      <c r="V21" s="157"/>
      <c r="W21" s="157"/>
      <c r="X21" s="157"/>
      <c r="Y21" s="157"/>
      <c r="Z21" s="158"/>
      <c r="AA21" s="157"/>
      <c r="AB21" s="157"/>
      <c r="AC21" s="166"/>
      <c r="AD21" s="251"/>
    </row>
    <row r="22" spans="2:30" s="8" customFormat="1" ht="15.75" customHeight="1" x14ac:dyDescent="0.15">
      <c r="B22" s="926"/>
      <c r="C22" s="807"/>
      <c r="D22" s="807"/>
      <c r="E22" s="807"/>
      <c r="F22" s="927"/>
      <c r="G22" s="9"/>
      <c r="H22" s="8" t="s">
        <v>607</v>
      </c>
      <c r="Z22" s="9"/>
      <c r="AA22" s="152" t="s">
        <v>227</v>
      </c>
      <c r="AB22" s="152" t="s">
        <v>217</v>
      </c>
      <c r="AC22" s="152" t="s">
        <v>226</v>
      </c>
      <c r="AD22" s="270"/>
    </row>
    <row r="23" spans="2:30" s="8" customFormat="1" ht="29.25" customHeight="1" x14ac:dyDescent="0.15">
      <c r="B23" s="926"/>
      <c r="C23" s="807"/>
      <c r="D23" s="807"/>
      <c r="E23" s="807"/>
      <c r="F23" s="927"/>
      <c r="G23" s="9"/>
      <c r="I23" s="188" t="s">
        <v>279</v>
      </c>
      <c r="J23" s="933" t="s">
        <v>640</v>
      </c>
      <c r="K23" s="934"/>
      <c r="L23" s="934"/>
      <c r="M23" s="934"/>
      <c r="N23" s="934"/>
      <c r="O23" s="934"/>
      <c r="P23" s="934"/>
      <c r="Q23" s="934"/>
      <c r="R23" s="934"/>
      <c r="S23" s="934"/>
      <c r="T23" s="934"/>
      <c r="U23" s="974"/>
      <c r="V23" s="790"/>
      <c r="W23" s="780"/>
      <c r="X23" s="197" t="s">
        <v>175</v>
      </c>
      <c r="Z23" s="9"/>
      <c r="AA23" s="249"/>
      <c r="AB23" s="18"/>
      <c r="AC23" s="249"/>
      <c r="AD23" s="150"/>
    </row>
    <row r="24" spans="2:30" s="8" customFormat="1" ht="15.75" customHeight="1" x14ac:dyDescent="0.15">
      <c r="B24" s="926"/>
      <c r="C24" s="807"/>
      <c r="D24" s="807"/>
      <c r="E24" s="807"/>
      <c r="F24" s="927"/>
      <c r="G24" s="9"/>
      <c r="I24" s="269" t="s">
        <v>277</v>
      </c>
      <c r="J24" s="295" t="s">
        <v>551</v>
      </c>
      <c r="K24" s="172"/>
      <c r="L24" s="172"/>
      <c r="M24" s="172"/>
      <c r="N24" s="172"/>
      <c r="O24" s="172"/>
      <c r="P24" s="172"/>
      <c r="Q24" s="172"/>
      <c r="R24" s="172"/>
      <c r="S24" s="172"/>
      <c r="T24" s="172"/>
      <c r="U24" s="171"/>
      <c r="V24" s="790"/>
      <c r="W24" s="780"/>
      <c r="X24" s="171" t="s">
        <v>175</v>
      </c>
      <c r="Y24" s="264"/>
      <c r="Z24" s="20"/>
      <c r="AA24" s="178" t="s">
        <v>0</v>
      </c>
      <c r="AB24" s="178" t="s">
        <v>217</v>
      </c>
      <c r="AC24" s="178" t="s">
        <v>0</v>
      </c>
      <c r="AD24" s="150"/>
    </row>
    <row r="25" spans="2:30" s="8" customFormat="1" ht="24" customHeight="1" x14ac:dyDescent="0.15">
      <c r="B25" s="926"/>
      <c r="C25" s="807"/>
      <c r="D25" s="807"/>
      <c r="E25" s="807"/>
      <c r="F25" s="927"/>
      <c r="G25" s="9"/>
      <c r="I25" s="987" t="s">
        <v>639</v>
      </c>
      <c r="J25" s="987"/>
      <c r="K25" s="987"/>
      <c r="L25" s="987"/>
      <c r="M25" s="987"/>
      <c r="N25" s="987"/>
      <c r="O25" s="987"/>
      <c r="P25" s="987"/>
      <c r="Q25" s="987"/>
      <c r="R25" s="987"/>
      <c r="S25" s="987"/>
      <c r="T25" s="987"/>
      <c r="U25" s="987"/>
      <c r="V25" s="987"/>
      <c r="W25" s="987"/>
      <c r="X25" s="987"/>
      <c r="Y25" s="264"/>
      <c r="Z25" s="151"/>
      <c r="AA25" s="18"/>
      <c r="AB25" s="18"/>
      <c r="AC25" s="18"/>
      <c r="AD25" s="174"/>
    </row>
    <row r="26" spans="2:30" s="8" customFormat="1" x14ac:dyDescent="0.15">
      <c r="B26" s="926"/>
      <c r="C26" s="807"/>
      <c r="D26" s="807"/>
      <c r="E26" s="807"/>
      <c r="F26" s="927"/>
      <c r="G26" s="9"/>
      <c r="H26" s="8" t="s">
        <v>550</v>
      </c>
      <c r="Z26" s="9"/>
      <c r="AC26" s="16"/>
      <c r="AD26" s="150"/>
    </row>
    <row r="27" spans="2:30" s="8" customFormat="1" ht="15.75" customHeight="1" x14ac:dyDescent="0.15">
      <c r="B27" s="926"/>
      <c r="C27" s="807"/>
      <c r="D27" s="807"/>
      <c r="E27" s="807"/>
      <c r="F27" s="927"/>
      <c r="G27" s="9"/>
      <c r="H27" s="8" t="s">
        <v>560</v>
      </c>
      <c r="T27" s="264"/>
      <c r="V27" s="264"/>
      <c r="Z27" s="9"/>
      <c r="AC27" s="16"/>
      <c r="AD27" s="150"/>
    </row>
    <row r="28" spans="2:30" s="8" customFormat="1" ht="29.25" customHeight="1" x14ac:dyDescent="0.15">
      <c r="B28" s="926"/>
      <c r="C28" s="807"/>
      <c r="D28" s="807"/>
      <c r="E28" s="807"/>
      <c r="F28" s="927"/>
      <c r="G28" s="9"/>
      <c r="I28" s="188" t="s">
        <v>293</v>
      </c>
      <c r="J28" s="988" t="s">
        <v>559</v>
      </c>
      <c r="K28" s="988"/>
      <c r="L28" s="988"/>
      <c r="M28" s="988"/>
      <c r="N28" s="988"/>
      <c r="O28" s="988"/>
      <c r="P28" s="988"/>
      <c r="Q28" s="988"/>
      <c r="R28" s="988"/>
      <c r="S28" s="988"/>
      <c r="T28" s="988"/>
      <c r="U28" s="988"/>
      <c r="V28" s="790"/>
      <c r="W28" s="780"/>
      <c r="X28" s="197" t="s">
        <v>175</v>
      </c>
      <c r="Y28" s="264"/>
      <c r="Z28" s="20"/>
      <c r="AA28" s="178" t="s">
        <v>0</v>
      </c>
      <c r="AB28" s="178" t="s">
        <v>217</v>
      </c>
      <c r="AC28" s="178" t="s">
        <v>0</v>
      </c>
      <c r="AD28" s="150"/>
    </row>
    <row r="29" spans="2:30" s="8" customFormat="1" ht="4.5" customHeight="1" x14ac:dyDescent="0.15">
      <c r="B29" s="928"/>
      <c r="C29" s="929"/>
      <c r="D29" s="929"/>
      <c r="E29" s="929"/>
      <c r="F29" s="930"/>
      <c r="G29" s="173"/>
      <c r="H29" s="172"/>
      <c r="I29" s="172"/>
      <c r="J29" s="172"/>
      <c r="K29" s="172"/>
      <c r="L29" s="172"/>
      <c r="M29" s="172"/>
      <c r="N29" s="172"/>
      <c r="O29" s="172"/>
      <c r="P29" s="172"/>
      <c r="Q29" s="172"/>
      <c r="R29" s="172"/>
      <c r="S29" s="172"/>
      <c r="T29" s="267"/>
      <c r="U29" s="267"/>
      <c r="V29" s="172"/>
      <c r="W29" s="172"/>
      <c r="X29" s="172"/>
      <c r="Y29" s="172"/>
      <c r="Z29" s="173"/>
      <c r="AA29" s="172"/>
      <c r="AB29" s="172"/>
      <c r="AC29" s="162"/>
      <c r="AD29" s="266"/>
    </row>
    <row r="30" spans="2:30" s="8" customFormat="1" ht="7.5" customHeight="1" x14ac:dyDescent="0.15">
      <c r="B30" s="265"/>
      <c r="C30" s="265"/>
      <c r="D30" s="265"/>
      <c r="E30" s="265"/>
      <c r="F30" s="265"/>
      <c r="T30" s="264"/>
      <c r="U30" s="264"/>
    </row>
    <row r="31" spans="2:30" s="8" customFormat="1" x14ac:dyDescent="0.15">
      <c r="B31" s="8" t="s">
        <v>558</v>
      </c>
      <c r="C31" s="265"/>
      <c r="D31" s="265"/>
      <c r="E31" s="265"/>
      <c r="F31" s="265"/>
      <c r="T31" s="264"/>
      <c r="U31" s="264"/>
    </row>
    <row r="32" spans="2:30" s="8" customFormat="1" ht="4.5" customHeight="1" x14ac:dyDescent="0.15">
      <c r="B32" s="265"/>
      <c r="C32" s="265"/>
      <c r="D32" s="265"/>
      <c r="E32" s="265"/>
      <c r="F32" s="265"/>
      <c r="T32" s="264"/>
      <c r="U32" s="264"/>
    </row>
    <row r="33" spans="1:31" s="8" customFormat="1" ht="4.5" customHeight="1" x14ac:dyDescent="0.15">
      <c r="B33" s="923" t="s">
        <v>553</v>
      </c>
      <c r="C33" s="924"/>
      <c r="D33" s="924"/>
      <c r="E33" s="924"/>
      <c r="F33" s="925"/>
      <c r="G33" s="158"/>
      <c r="H33" s="157"/>
      <c r="I33" s="157"/>
      <c r="J33" s="157"/>
      <c r="K33" s="157"/>
      <c r="L33" s="157"/>
      <c r="M33" s="157"/>
      <c r="N33" s="157"/>
      <c r="O33" s="157"/>
      <c r="P33" s="157"/>
      <c r="Q33" s="157"/>
      <c r="R33" s="157"/>
      <c r="S33" s="157"/>
      <c r="T33" s="157"/>
      <c r="U33" s="157"/>
      <c r="V33" s="157"/>
      <c r="W33" s="157"/>
      <c r="X33" s="157"/>
      <c r="Y33" s="157"/>
      <c r="Z33" s="158"/>
      <c r="AA33" s="157"/>
      <c r="AB33" s="157"/>
      <c r="AC33" s="166"/>
      <c r="AD33" s="251"/>
    </row>
    <row r="34" spans="1:31" s="8" customFormat="1" ht="16.5" customHeight="1" x14ac:dyDescent="0.15">
      <c r="B34" s="926"/>
      <c r="C34" s="807"/>
      <c r="D34" s="807"/>
      <c r="E34" s="807"/>
      <c r="F34" s="927"/>
      <c r="G34" s="9"/>
      <c r="H34" s="8" t="s">
        <v>606</v>
      </c>
      <c r="V34" s="18"/>
      <c r="W34" s="18"/>
      <c r="Z34" s="9"/>
      <c r="AA34" s="152" t="s">
        <v>227</v>
      </c>
      <c r="AB34" s="152" t="s">
        <v>217</v>
      </c>
      <c r="AC34" s="152" t="s">
        <v>226</v>
      </c>
      <c r="AD34" s="270"/>
    </row>
    <row r="35" spans="1:31" s="8" customFormat="1" ht="29.25" customHeight="1" x14ac:dyDescent="0.15">
      <c r="B35" s="926"/>
      <c r="C35" s="807"/>
      <c r="D35" s="807"/>
      <c r="E35" s="807"/>
      <c r="F35" s="927"/>
      <c r="G35" s="9"/>
      <c r="I35" s="188" t="s">
        <v>279</v>
      </c>
      <c r="J35" s="935" t="s">
        <v>640</v>
      </c>
      <c r="K35" s="936"/>
      <c r="L35" s="936"/>
      <c r="M35" s="936"/>
      <c r="N35" s="936"/>
      <c r="O35" s="936"/>
      <c r="P35" s="936"/>
      <c r="Q35" s="936"/>
      <c r="R35" s="936"/>
      <c r="S35" s="936"/>
      <c r="T35" s="936"/>
      <c r="U35" s="181"/>
      <c r="V35" s="780"/>
      <c r="W35" s="781"/>
      <c r="X35" s="197" t="s">
        <v>175</v>
      </c>
      <c r="Z35" s="9"/>
      <c r="AA35" s="249"/>
      <c r="AB35" s="18"/>
      <c r="AC35" s="249"/>
      <c r="AD35" s="150"/>
    </row>
    <row r="36" spans="1:31" s="8" customFormat="1" ht="15.75" customHeight="1" x14ac:dyDescent="0.15">
      <c r="B36" s="926"/>
      <c r="C36" s="807"/>
      <c r="D36" s="807"/>
      <c r="E36" s="807"/>
      <c r="F36" s="927"/>
      <c r="G36" s="9"/>
      <c r="I36" s="269" t="s">
        <v>277</v>
      </c>
      <c r="J36" s="272" t="s">
        <v>551</v>
      </c>
      <c r="K36" s="172"/>
      <c r="L36" s="172"/>
      <c r="M36" s="172"/>
      <c r="N36" s="172"/>
      <c r="O36" s="172"/>
      <c r="P36" s="172"/>
      <c r="Q36" s="172"/>
      <c r="R36" s="172"/>
      <c r="S36" s="172"/>
      <c r="T36" s="172"/>
      <c r="U36" s="172"/>
      <c r="V36" s="786"/>
      <c r="W36" s="787"/>
      <c r="X36" s="171" t="s">
        <v>175</v>
      </c>
      <c r="Y36" s="264"/>
      <c r="Z36" s="20"/>
      <c r="AA36" s="178" t="s">
        <v>0</v>
      </c>
      <c r="AB36" s="178" t="s">
        <v>217</v>
      </c>
      <c r="AC36" s="178" t="s">
        <v>0</v>
      </c>
      <c r="AD36" s="150"/>
    </row>
    <row r="37" spans="1:31" s="8" customFormat="1" ht="24" customHeight="1" x14ac:dyDescent="0.15">
      <c r="B37" s="926"/>
      <c r="C37" s="807"/>
      <c r="D37" s="807"/>
      <c r="E37" s="807"/>
      <c r="F37" s="927"/>
      <c r="G37" s="9"/>
      <c r="I37" s="987" t="s">
        <v>639</v>
      </c>
      <c r="J37" s="987"/>
      <c r="K37" s="987"/>
      <c r="L37" s="987"/>
      <c r="M37" s="987"/>
      <c r="N37" s="987"/>
      <c r="O37" s="987"/>
      <c r="P37" s="987"/>
      <c r="Q37" s="987"/>
      <c r="R37" s="987"/>
      <c r="S37" s="987"/>
      <c r="T37" s="987"/>
      <c r="U37" s="987"/>
      <c r="V37" s="987"/>
      <c r="W37" s="987"/>
      <c r="X37" s="987"/>
      <c r="Y37" s="264"/>
      <c r="Z37" s="151"/>
      <c r="AA37" s="18"/>
      <c r="AB37" s="18"/>
      <c r="AC37" s="18"/>
      <c r="AD37" s="174"/>
    </row>
    <row r="38" spans="1:31" s="8" customFormat="1" ht="4.5" customHeight="1" x14ac:dyDescent="0.15">
      <c r="A38" s="149"/>
      <c r="B38" s="929"/>
      <c r="C38" s="929"/>
      <c r="D38" s="929"/>
      <c r="E38" s="929"/>
      <c r="F38" s="930"/>
      <c r="G38" s="173"/>
      <c r="H38" s="172"/>
      <c r="I38" s="172"/>
      <c r="J38" s="172"/>
      <c r="K38" s="172"/>
      <c r="L38" s="172"/>
      <c r="M38" s="172"/>
      <c r="N38" s="172"/>
      <c r="O38" s="172"/>
      <c r="P38" s="172"/>
      <c r="Q38" s="172"/>
      <c r="R38" s="172"/>
      <c r="S38" s="172"/>
      <c r="T38" s="267"/>
      <c r="U38" s="267"/>
      <c r="V38" s="172"/>
      <c r="W38" s="172"/>
      <c r="X38" s="172"/>
      <c r="Y38" s="172"/>
      <c r="Z38" s="173"/>
      <c r="AA38" s="172"/>
      <c r="AB38" s="172"/>
      <c r="AC38" s="162"/>
      <c r="AD38" s="266"/>
      <c r="AE38" s="9"/>
    </row>
    <row r="39" spans="1:31" s="8" customFormat="1" ht="7.5" customHeight="1" x14ac:dyDescent="0.15">
      <c r="B39" s="265"/>
      <c r="C39" s="304"/>
      <c r="D39" s="265"/>
      <c r="E39" s="265"/>
      <c r="F39" s="265"/>
      <c r="T39" s="264"/>
      <c r="U39" s="264"/>
    </row>
    <row r="40" spans="1:31" s="8" customFormat="1" ht="13.5" customHeight="1" x14ac:dyDescent="0.15">
      <c r="B40" s="8" t="s">
        <v>641</v>
      </c>
      <c r="C40" s="265"/>
      <c r="D40" s="265"/>
      <c r="E40" s="265"/>
      <c r="F40" s="265"/>
      <c r="T40" s="264"/>
      <c r="U40" s="264"/>
    </row>
    <row r="41" spans="1:31" s="8" customFormat="1" x14ac:dyDescent="0.15">
      <c r="B41" s="300" t="s">
        <v>554</v>
      </c>
      <c r="C41" s="14"/>
      <c r="D41" s="265"/>
      <c r="E41" s="265"/>
      <c r="F41" s="265"/>
      <c r="T41" s="264"/>
      <c r="U41" s="264"/>
    </row>
    <row r="42" spans="1:31" s="8" customFormat="1" ht="4.5" customHeight="1" x14ac:dyDescent="0.15">
      <c r="B42" s="923" t="s">
        <v>553</v>
      </c>
      <c r="C42" s="924"/>
      <c r="D42" s="924"/>
      <c r="E42" s="924"/>
      <c r="F42" s="925"/>
      <c r="G42" s="158"/>
      <c r="H42" s="157"/>
      <c r="I42" s="157"/>
      <c r="J42" s="157"/>
      <c r="K42" s="157"/>
      <c r="L42" s="157"/>
      <c r="M42" s="157"/>
      <c r="N42" s="157"/>
      <c r="O42" s="157"/>
      <c r="P42" s="157"/>
      <c r="Q42" s="157"/>
      <c r="R42" s="157"/>
      <c r="S42" s="157"/>
      <c r="T42" s="157"/>
      <c r="U42" s="157"/>
      <c r="V42" s="157"/>
      <c r="W42" s="157"/>
      <c r="X42" s="157"/>
      <c r="Y42" s="157"/>
      <c r="Z42" s="158"/>
      <c r="AA42" s="157"/>
      <c r="AB42" s="157"/>
      <c r="AC42" s="166"/>
      <c r="AD42" s="251"/>
    </row>
    <row r="43" spans="1:31" s="8" customFormat="1" ht="15.75" customHeight="1" x14ac:dyDescent="0.15">
      <c r="B43" s="926"/>
      <c r="C43" s="807"/>
      <c r="D43" s="807"/>
      <c r="E43" s="807"/>
      <c r="F43" s="927"/>
      <c r="G43" s="9"/>
      <c r="H43" s="8" t="s">
        <v>557</v>
      </c>
      <c r="Z43" s="9"/>
      <c r="AA43" s="152" t="s">
        <v>227</v>
      </c>
      <c r="AB43" s="152" t="s">
        <v>217</v>
      </c>
      <c r="AC43" s="152" t="s">
        <v>226</v>
      </c>
      <c r="AD43" s="270"/>
    </row>
    <row r="44" spans="1:31" s="8" customFormat="1" ht="29.25" customHeight="1" x14ac:dyDescent="0.15">
      <c r="B44" s="926"/>
      <c r="C44" s="807"/>
      <c r="D44" s="807"/>
      <c r="E44" s="807"/>
      <c r="F44" s="927"/>
      <c r="G44" s="9"/>
      <c r="I44" s="188" t="s">
        <v>279</v>
      </c>
      <c r="J44" s="935" t="s">
        <v>640</v>
      </c>
      <c r="K44" s="936"/>
      <c r="L44" s="936"/>
      <c r="M44" s="936"/>
      <c r="N44" s="936"/>
      <c r="O44" s="936"/>
      <c r="P44" s="936"/>
      <c r="Q44" s="936"/>
      <c r="R44" s="936"/>
      <c r="S44" s="936"/>
      <c r="T44" s="936"/>
      <c r="U44" s="197"/>
      <c r="V44" s="790"/>
      <c r="W44" s="780"/>
      <c r="X44" s="197" t="s">
        <v>175</v>
      </c>
      <c r="Z44" s="9"/>
      <c r="AA44" s="249"/>
      <c r="AB44" s="18"/>
      <c r="AC44" s="249"/>
      <c r="AD44" s="150"/>
    </row>
    <row r="45" spans="1:31" s="8" customFormat="1" ht="15.75" customHeight="1" x14ac:dyDescent="0.15">
      <c r="B45" s="926"/>
      <c r="C45" s="807"/>
      <c r="D45" s="807"/>
      <c r="E45" s="807"/>
      <c r="F45" s="927"/>
      <c r="G45" s="9"/>
      <c r="I45" s="269" t="s">
        <v>277</v>
      </c>
      <c r="J45" s="272" t="s">
        <v>551</v>
      </c>
      <c r="K45" s="172"/>
      <c r="L45" s="172"/>
      <c r="M45" s="172"/>
      <c r="N45" s="172"/>
      <c r="O45" s="172"/>
      <c r="P45" s="172"/>
      <c r="Q45" s="172"/>
      <c r="R45" s="172"/>
      <c r="S45" s="172"/>
      <c r="T45" s="172"/>
      <c r="U45" s="171"/>
      <c r="V45" s="790"/>
      <c r="W45" s="780"/>
      <c r="X45" s="171" t="s">
        <v>175</v>
      </c>
      <c r="Y45" s="264"/>
      <c r="Z45" s="20"/>
      <c r="AA45" s="178" t="s">
        <v>0</v>
      </c>
      <c r="AB45" s="178" t="s">
        <v>217</v>
      </c>
      <c r="AC45" s="178" t="s">
        <v>0</v>
      </c>
      <c r="AD45" s="150"/>
    </row>
    <row r="46" spans="1:31" s="8" customFormat="1" ht="24" customHeight="1" x14ac:dyDescent="0.15">
      <c r="B46" s="926"/>
      <c r="C46" s="807"/>
      <c r="D46" s="807"/>
      <c r="E46" s="807"/>
      <c r="F46" s="927"/>
      <c r="G46" s="9"/>
      <c r="I46" s="987" t="s">
        <v>639</v>
      </c>
      <c r="J46" s="987"/>
      <c r="K46" s="987"/>
      <c r="L46" s="987"/>
      <c r="M46" s="987"/>
      <c r="N46" s="987"/>
      <c r="O46" s="987"/>
      <c r="P46" s="987"/>
      <c r="Q46" s="987"/>
      <c r="R46" s="987"/>
      <c r="S46" s="987"/>
      <c r="T46" s="987"/>
      <c r="U46" s="987"/>
      <c r="V46" s="987"/>
      <c r="W46" s="987"/>
      <c r="X46" s="987"/>
      <c r="Y46" s="264"/>
      <c r="Z46" s="151"/>
      <c r="AA46" s="18"/>
      <c r="AB46" s="18"/>
      <c r="AC46" s="18"/>
      <c r="AD46" s="174"/>
    </row>
    <row r="47" spans="1:31" s="8" customFormat="1" ht="4.5" customHeight="1" x14ac:dyDescent="0.15">
      <c r="B47" s="928"/>
      <c r="C47" s="929"/>
      <c r="D47" s="929"/>
      <c r="E47" s="929"/>
      <c r="F47" s="930"/>
      <c r="G47" s="173"/>
      <c r="H47" s="172"/>
      <c r="I47" s="172"/>
      <c r="J47" s="172"/>
      <c r="K47" s="172"/>
      <c r="L47" s="172"/>
      <c r="M47" s="172"/>
      <c r="N47" s="172"/>
      <c r="O47" s="172"/>
      <c r="P47" s="172"/>
      <c r="Q47" s="172"/>
      <c r="R47" s="172"/>
      <c r="S47" s="172"/>
      <c r="T47" s="267"/>
      <c r="U47" s="267"/>
      <c r="V47" s="172"/>
      <c r="W47" s="172"/>
      <c r="X47" s="172"/>
      <c r="Y47" s="172"/>
      <c r="Z47" s="173"/>
      <c r="AA47" s="172"/>
      <c r="AB47" s="172"/>
      <c r="AC47" s="162"/>
      <c r="AD47" s="266"/>
    </row>
    <row r="48" spans="1:31" s="8" customFormat="1" ht="4.5" customHeight="1" x14ac:dyDescent="0.15">
      <c r="B48" s="923" t="s">
        <v>620</v>
      </c>
      <c r="C48" s="924"/>
      <c r="D48" s="924"/>
      <c r="E48" s="924"/>
      <c r="F48" s="925"/>
      <c r="G48" s="158"/>
      <c r="H48" s="157"/>
      <c r="I48" s="157"/>
      <c r="J48" s="157"/>
      <c r="K48" s="157"/>
      <c r="L48" s="157"/>
      <c r="M48" s="157"/>
      <c r="N48" s="157"/>
      <c r="O48" s="157"/>
      <c r="P48" s="157"/>
      <c r="Q48" s="157"/>
      <c r="R48" s="157"/>
      <c r="S48" s="157"/>
      <c r="T48" s="157"/>
      <c r="U48" s="157"/>
      <c r="V48" s="157"/>
      <c r="W48" s="157"/>
      <c r="X48" s="157"/>
      <c r="Y48" s="157"/>
      <c r="Z48" s="158"/>
      <c r="AA48" s="157"/>
      <c r="AB48" s="157"/>
      <c r="AC48" s="166"/>
      <c r="AD48" s="251"/>
    </row>
    <row r="49" spans="2:30" s="8" customFormat="1" ht="15.75" customHeight="1" x14ac:dyDescent="0.15">
      <c r="B49" s="926"/>
      <c r="C49" s="807"/>
      <c r="D49" s="807"/>
      <c r="E49" s="807"/>
      <c r="F49" s="927"/>
      <c r="G49" s="9"/>
      <c r="H49" s="8" t="s">
        <v>546</v>
      </c>
      <c r="Z49" s="9"/>
      <c r="AA49" s="152" t="s">
        <v>227</v>
      </c>
      <c r="AB49" s="152" t="s">
        <v>217</v>
      </c>
      <c r="AC49" s="152" t="s">
        <v>226</v>
      </c>
      <c r="AD49" s="270"/>
    </row>
    <row r="50" spans="2:30" s="8" customFormat="1" ht="18" customHeight="1" x14ac:dyDescent="0.15">
      <c r="B50" s="926"/>
      <c r="C50" s="807"/>
      <c r="D50" s="807"/>
      <c r="E50" s="807"/>
      <c r="F50" s="927"/>
      <c r="G50" s="9"/>
      <c r="I50" s="188" t="s">
        <v>279</v>
      </c>
      <c r="J50" s="933" t="s">
        <v>542</v>
      </c>
      <c r="K50" s="934"/>
      <c r="L50" s="934"/>
      <c r="M50" s="934"/>
      <c r="N50" s="934"/>
      <c r="O50" s="934"/>
      <c r="P50" s="934"/>
      <c r="Q50" s="934"/>
      <c r="R50" s="934"/>
      <c r="S50" s="934"/>
      <c r="T50" s="934"/>
      <c r="U50" s="197"/>
      <c r="V50" s="790"/>
      <c r="W50" s="780"/>
      <c r="X50" s="197" t="s">
        <v>175</v>
      </c>
      <c r="Z50" s="9"/>
      <c r="AA50" s="249"/>
      <c r="AB50" s="18"/>
      <c r="AC50" s="249"/>
      <c r="AD50" s="150"/>
    </row>
    <row r="51" spans="2:30" s="8" customFormat="1" ht="18" customHeight="1" x14ac:dyDescent="0.15">
      <c r="B51" s="926"/>
      <c r="C51" s="807"/>
      <c r="D51" s="807"/>
      <c r="E51" s="807"/>
      <c r="F51" s="927"/>
      <c r="G51" s="9"/>
      <c r="I51" s="269" t="s">
        <v>277</v>
      </c>
      <c r="J51" s="981" t="s">
        <v>545</v>
      </c>
      <c r="K51" s="982"/>
      <c r="L51" s="982"/>
      <c r="M51" s="982"/>
      <c r="N51" s="982"/>
      <c r="O51" s="982"/>
      <c r="P51" s="982"/>
      <c r="Q51" s="982"/>
      <c r="R51" s="982"/>
      <c r="S51" s="982"/>
      <c r="T51" s="982"/>
      <c r="U51" s="171"/>
      <c r="V51" s="912"/>
      <c r="W51" s="786"/>
      <c r="X51" s="171" t="s">
        <v>175</v>
      </c>
      <c r="Y51" s="264"/>
      <c r="Z51" s="20"/>
      <c r="AA51" s="178" t="s">
        <v>0</v>
      </c>
      <c r="AB51" s="178" t="s">
        <v>217</v>
      </c>
      <c r="AC51" s="178" t="s">
        <v>0</v>
      </c>
      <c r="AD51" s="150"/>
    </row>
    <row r="52" spans="2:30" s="8" customFormat="1" ht="4.5" customHeight="1" x14ac:dyDescent="0.15">
      <c r="B52" s="928"/>
      <c r="C52" s="929"/>
      <c r="D52" s="929"/>
      <c r="E52" s="929"/>
      <c r="F52" s="930"/>
      <c r="G52" s="173"/>
      <c r="H52" s="172"/>
      <c r="I52" s="172"/>
      <c r="J52" s="172"/>
      <c r="K52" s="172"/>
      <c r="L52" s="172"/>
      <c r="M52" s="172"/>
      <c r="N52" s="172"/>
      <c r="O52" s="172"/>
      <c r="P52" s="172"/>
      <c r="Q52" s="172"/>
      <c r="R52" s="172"/>
      <c r="S52" s="172"/>
      <c r="T52" s="267"/>
      <c r="U52" s="267"/>
      <c r="V52" s="143"/>
      <c r="W52" s="143"/>
      <c r="X52" s="172"/>
      <c r="Y52" s="172"/>
      <c r="Z52" s="173"/>
      <c r="AA52" s="172"/>
      <c r="AB52" s="172"/>
      <c r="AC52" s="162"/>
      <c r="AD52" s="266"/>
    </row>
    <row r="53" spans="2:30" s="8" customFormat="1" ht="4.5" customHeight="1" x14ac:dyDescent="0.15">
      <c r="B53" s="923" t="s">
        <v>544</v>
      </c>
      <c r="C53" s="924"/>
      <c r="D53" s="924"/>
      <c r="E53" s="924"/>
      <c r="F53" s="925"/>
      <c r="G53" s="158"/>
      <c r="H53" s="157"/>
      <c r="I53" s="157"/>
      <c r="J53" s="157"/>
      <c r="K53" s="157"/>
      <c r="L53" s="157"/>
      <c r="M53" s="157"/>
      <c r="N53" s="157"/>
      <c r="O53" s="157"/>
      <c r="P53" s="157"/>
      <c r="Q53" s="157"/>
      <c r="R53" s="157"/>
      <c r="S53" s="157"/>
      <c r="T53" s="157"/>
      <c r="U53" s="157"/>
      <c r="V53" s="194"/>
      <c r="W53" s="194"/>
      <c r="X53" s="157"/>
      <c r="Y53" s="157"/>
      <c r="Z53" s="158"/>
      <c r="AA53" s="157"/>
      <c r="AB53" s="157"/>
      <c r="AC53" s="166"/>
      <c r="AD53" s="251"/>
    </row>
    <row r="54" spans="2:30" s="8" customFormat="1" ht="15.75" customHeight="1" x14ac:dyDescent="0.15">
      <c r="B54" s="926"/>
      <c r="C54" s="807"/>
      <c r="D54" s="807"/>
      <c r="E54" s="807"/>
      <c r="F54" s="927"/>
      <c r="G54" s="9"/>
      <c r="H54" s="8" t="s">
        <v>543</v>
      </c>
      <c r="V54" s="18"/>
      <c r="W54" s="18"/>
      <c r="Z54" s="9"/>
      <c r="AA54" s="152" t="s">
        <v>227</v>
      </c>
      <c r="AB54" s="152" t="s">
        <v>217</v>
      </c>
      <c r="AC54" s="152" t="s">
        <v>226</v>
      </c>
      <c r="AD54" s="270"/>
    </row>
    <row r="55" spans="2:30" s="8" customFormat="1" ht="18.75" customHeight="1" x14ac:dyDescent="0.15">
      <c r="B55" s="926"/>
      <c r="C55" s="807"/>
      <c r="D55" s="807"/>
      <c r="E55" s="807"/>
      <c r="F55" s="927"/>
      <c r="G55" s="9"/>
      <c r="I55" s="188" t="s">
        <v>279</v>
      </c>
      <c r="J55" s="933" t="s">
        <v>638</v>
      </c>
      <c r="K55" s="934"/>
      <c r="L55" s="934"/>
      <c r="M55" s="934"/>
      <c r="N55" s="934"/>
      <c r="O55" s="934"/>
      <c r="P55" s="934"/>
      <c r="Q55" s="934"/>
      <c r="R55" s="934"/>
      <c r="S55" s="934"/>
      <c r="T55" s="934"/>
      <c r="U55" s="197"/>
      <c r="V55" s="790"/>
      <c r="W55" s="780"/>
      <c r="X55" s="197" t="s">
        <v>175</v>
      </c>
      <c r="Z55" s="9"/>
      <c r="AA55" s="249"/>
      <c r="AB55" s="18"/>
      <c r="AC55" s="249"/>
      <c r="AD55" s="150"/>
    </row>
    <row r="56" spans="2:30" s="8" customFormat="1" ht="29.25" customHeight="1" x14ac:dyDescent="0.15">
      <c r="B56" s="926"/>
      <c r="C56" s="807"/>
      <c r="D56" s="807"/>
      <c r="E56" s="807"/>
      <c r="F56" s="927"/>
      <c r="G56" s="9"/>
      <c r="I56" s="269" t="s">
        <v>277</v>
      </c>
      <c r="J56" s="981" t="s">
        <v>541</v>
      </c>
      <c r="K56" s="982"/>
      <c r="L56" s="982"/>
      <c r="M56" s="982"/>
      <c r="N56" s="982"/>
      <c r="O56" s="982"/>
      <c r="P56" s="982"/>
      <c r="Q56" s="982"/>
      <c r="R56" s="982"/>
      <c r="S56" s="982"/>
      <c r="T56" s="982"/>
      <c r="U56" s="171"/>
      <c r="V56" s="912"/>
      <c r="W56" s="786"/>
      <c r="X56" s="171" t="s">
        <v>175</v>
      </c>
      <c r="Y56" s="264"/>
      <c r="Z56" s="20"/>
      <c r="AA56" s="178" t="s">
        <v>0</v>
      </c>
      <c r="AB56" s="178" t="s">
        <v>217</v>
      </c>
      <c r="AC56" s="178" t="s">
        <v>0</v>
      </c>
      <c r="AD56" s="150"/>
    </row>
    <row r="57" spans="2:30" s="8" customFormat="1" ht="4.5" customHeight="1" x14ac:dyDescent="0.15">
      <c r="B57" s="928"/>
      <c r="C57" s="929"/>
      <c r="D57" s="929"/>
      <c r="E57" s="929"/>
      <c r="F57" s="930"/>
      <c r="G57" s="173"/>
      <c r="H57" s="172"/>
      <c r="I57" s="172"/>
      <c r="J57" s="172"/>
      <c r="K57" s="172"/>
      <c r="L57" s="172"/>
      <c r="M57" s="172"/>
      <c r="N57" s="172"/>
      <c r="O57" s="172"/>
      <c r="P57" s="172"/>
      <c r="Q57" s="172"/>
      <c r="R57" s="172"/>
      <c r="S57" s="172"/>
      <c r="T57" s="267"/>
      <c r="U57" s="267"/>
      <c r="V57" s="172"/>
      <c r="W57" s="172"/>
      <c r="X57" s="172"/>
      <c r="Y57" s="172"/>
      <c r="Z57" s="173"/>
      <c r="AA57" s="172"/>
      <c r="AB57" s="172"/>
      <c r="AC57" s="162"/>
      <c r="AD57" s="266"/>
    </row>
    <row r="58" spans="2:30" s="8" customFormat="1" ht="4.5" customHeight="1" x14ac:dyDescent="0.15">
      <c r="B58" s="265"/>
      <c r="C58" s="265"/>
      <c r="D58" s="265"/>
      <c r="E58" s="265"/>
      <c r="F58" s="265"/>
      <c r="T58" s="264"/>
      <c r="U58" s="264"/>
    </row>
    <row r="59" spans="2:30" s="8" customFormat="1" ht="13.5" customHeight="1" x14ac:dyDescent="0.15">
      <c r="B59" s="975" t="s">
        <v>540</v>
      </c>
      <c r="C59" s="931"/>
      <c r="D59" s="263" t="s">
        <v>602</v>
      </c>
      <c r="E59" s="263"/>
      <c r="F59" s="263"/>
      <c r="G59" s="263"/>
      <c r="H59" s="263"/>
      <c r="I59" s="263"/>
      <c r="J59" s="263"/>
      <c r="K59" s="263"/>
      <c r="L59" s="263"/>
      <c r="M59" s="263"/>
      <c r="N59" s="263"/>
      <c r="O59" s="263"/>
      <c r="P59" s="263"/>
      <c r="Q59" s="263"/>
      <c r="R59" s="263"/>
      <c r="S59" s="263"/>
      <c r="T59" s="263"/>
      <c r="U59" s="263"/>
      <c r="V59" s="263"/>
      <c r="W59" s="263"/>
      <c r="X59" s="263"/>
      <c r="Y59" s="263"/>
      <c r="Z59" s="263"/>
      <c r="AA59" s="263"/>
      <c r="AB59" s="263"/>
      <c r="AC59" s="263"/>
      <c r="AD59" s="263"/>
    </row>
    <row r="60" spans="2:30" s="8" customFormat="1" ht="34.5" customHeight="1" x14ac:dyDescent="0.15">
      <c r="B60" s="975" t="s">
        <v>616</v>
      </c>
      <c r="C60" s="931"/>
      <c r="D60" s="932" t="s">
        <v>637</v>
      </c>
      <c r="E60" s="932"/>
      <c r="F60" s="932"/>
      <c r="G60" s="932"/>
      <c r="H60" s="932"/>
      <c r="I60" s="932"/>
      <c r="J60" s="932"/>
      <c r="K60" s="932"/>
      <c r="L60" s="932"/>
      <c r="M60" s="932"/>
      <c r="N60" s="932"/>
      <c r="O60" s="932"/>
      <c r="P60" s="932"/>
      <c r="Q60" s="932"/>
      <c r="R60" s="932"/>
      <c r="S60" s="932"/>
      <c r="T60" s="932"/>
      <c r="U60" s="932"/>
      <c r="V60" s="932"/>
      <c r="W60" s="932"/>
      <c r="X60" s="932"/>
      <c r="Y60" s="932"/>
      <c r="Z60" s="932"/>
      <c r="AA60" s="932"/>
      <c r="AB60" s="932"/>
      <c r="AC60" s="932"/>
      <c r="AD60" s="932"/>
    </row>
    <row r="61" spans="2:30" s="8" customFormat="1" ht="71.25" customHeight="1" x14ac:dyDescent="0.15">
      <c r="B61" s="14"/>
      <c r="C61" s="14"/>
      <c r="D61" s="14"/>
      <c r="E61" s="14"/>
      <c r="F61" s="14"/>
      <c r="G61" s="14"/>
      <c r="H61" s="14"/>
      <c r="I61" s="14"/>
      <c r="J61" s="14"/>
      <c r="K61" s="14"/>
      <c r="L61" s="14"/>
      <c r="M61" s="14"/>
      <c r="N61" s="14"/>
      <c r="O61" s="14"/>
      <c r="P61" s="14"/>
      <c r="Q61" s="14"/>
      <c r="R61" s="14"/>
      <c r="S61" s="14"/>
      <c r="T61" s="14"/>
      <c r="U61" s="14"/>
      <c r="V61" s="14"/>
      <c r="W61" s="14"/>
      <c r="X61" s="14"/>
      <c r="Y61" s="14"/>
      <c r="Z61" s="14"/>
      <c r="AA61" s="14"/>
      <c r="AB61" s="14"/>
      <c r="AC61" s="14"/>
      <c r="AD61" s="14"/>
    </row>
    <row r="62" spans="2:30" s="8" customFormat="1" x14ac:dyDescent="0.15">
      <c r="B62" s="6"/>
      <c r="C62" s="6"/>
      <c r="D62" s="6"/>
      <c r="E62" s="6"/>
      <c r="F62" s="6"/>
      <c r="G62" s="6"/>
      <c r="H62" s="6"/>
      <c r="I62" s="6"/>
      <c r="J62" s="6"/>
      <c r="K62" s="6"/>
      <c r="L62" s="6"/>
      <c r="M62" s="6"/>
      <c r="N62" s="6"/>
      <c r="O62" s="6"/>
      <c r="P62" s="6"/>
      <c r="Q62" s="6"/>
      <c r="R62" s="6"/>
      <c r="S62" s="6"/>
      <c r="T62" s="6"/>
      <c r="U62" s="6"/>
      <c r="V62" s="6"/>
      <c r="W62" s="6"/>
      <c r="X62" s="6"/>
      <c r="Y62" s="6"/>
      <c r="Z62" s="6"/>
      <c r="AA62" s="6"/>
      <c r="AB62" s="6"/>
      <c r="AC62" s="6"/>
      <c r="AD62" s="6"/>
    </row>
    <row r="63" spans="2:30" s="6" customFormat="1" x14ac:dyDescent="0.15"/>
    <row r="64" spans="2:30" x14ac:dyDescent="0.15">
      <c r="B64" s="6"/>
      <c r="C64" s="6"/>
      <c r="D64" s="6"/>
      <c r="E64" s="6"/>
      <c r="F64" s="6"/>
      <c r="G64" s="6"/>
      <c r="H64" s="6"/>
      <c r="I64" s="6"/>
      <c r="J64" s="6"/>
      <c r="K64" s="6"/>
      <c r="L64" s="6"/>
      <c r="M64" s="6"/>
      <c r="N64" s="6"/>
      <c r="O64" s="6"/>
      <c r="P64" s="6"/>
      <c r="Q64" s="6"/>
      <c r="R64" s="6"/>
      <c r="S64" s="6"/>
      <c r="T64" s="6"/>
      <c r="U64" s="6"/>
      <c r="V64" s="6"/>
      <c r="W64" s="6"/>
      <c r="X64" s="6"/>
      <c r="Y64" s="6"/>
      <c r="Z64" s="6"/>
      <c r="AA64" s="6"/>
      <c r="AB64" s="6"/>
      <c r="AC64" s="6"/>
      <c r="AD64" s="6"/>
    </row>
    <row r="65" spans="2:30" x14ac:dyDescent="0.15">
      <c r="B65" s="6"/>
      <c r="C65" s="6"/>
      <c r="D65" s="6"/>
      <c r="E65" s="6"/>
      <c r="F65" s="6"/>
      <c r="G65" s="6"/>
      <c r="H65" s="6"/>
      <c r="I65" s="6"/>
      <c r="J65" s="6"/>
      <c r="K65" s="6"/>
      <c r="L65" s="6"/>
      <c r="M65" s="6"/>
      <c r="N65" s="6"/>
      <c r="O65" s="6"/>
      <c r="P65" s="6"/>
      <c r="Q65" s="6"/>
      <c r="R65" s="6"/>
      <c r="S65" s="6"/>
      <c r="T65" s="6"/>
      <c r="U65" s="6"/>
      <c r="V65" s="6"/>
      <c r="W65" s="6"/>
      <c r="X65" s="6"/>
      <c r="Y65" s="6"/>
      <c r="Z65" s="6"/>
      <c r="AA65" s="6"/>
      <c r="AB65" s="6"/>
      <c r="AC65" s="6"/>
      <c r="AD65" s="6"/>
    </row>
    <row r="66" spans="2:30" s="6" customFormat="1" x14ac:dyDescent="0.15">
      <c r="B66" s="140"/>
      <c r="C66" s="3"/>
      <c r="D66" s="3"/>
      <c r="E66" s="3"/>
      <c r="F66" s="3"/>
      <c r="G66" s="3"/>
      <c r="H66" s="3"/>
      <c r="I66" s="3"/>
      <c r="J66" s="3"/>
      <c r="K66" s="3"/>
      <c r="L66" s="3"/>
      <c r="M66" s="3"/>
      <c r="N66" s="3"/>
      <c r="O66" s="3"/>
      <c r="P66" s="3"/>
      <c r="Q66" s="3"/>
      <c r="R66" s="3"/>
      <c r="S66" s="3"/>
      <c r="T66" s="3"/>
      <c r="U66" s="3"/>
      <c r="V66" s="3"/>
      <c r="W66" s="3"/>
      <c r="X66" s="3"/>
      <c r="Y66" s="3"/>
      <c r="Z66" s="3"/>
      <c r="AA66" s="3"/>
      <c r="AB66" s="3"/>
      <c r="AC66" s="3"/>
      <c r="AD66" s="3"/>
    </row>
    <row r="67" spans="2:30" s="6" customFormat="1" ht="13.5" customHeight="1" x14ac:dyDescent="0.15">
      <c r="B67" s="140"/>
      <c r="C67" s="3"/>
      <c r="D67" s="3"/>
      <c r="E67" s="3"/>
      <c r="F67" s="3"/>
      <c r="G67" s="3"/>
      <c r="H67" s="3"/>
      <c r="I67" s="3"/>
      <c r="J67" s="3"/>
      <c r="K67" s="3"/>
      <c r="L67" s="3"/>
      <c r="M67" s="3"/>
      <c r="N67" s="3"/>
      <c r="O67" s="3"/>
      <c r="P67" s="3"/>
      <c r="Q67" s="3"/>
      <c r="R67" s="3"/>
      <c r="S67" s="3"/>
      <c r="T67" s="3"/>
      <c r="U67" s="3"/>
      <c r="V67" s="3"/>
      <c r="W67" s="3"/>
      <c r="X67" s="3"/>
      <c r="Y67" s="3"/>
      <c r="Z67" s="3"/>
      <c r="AA67" s="3"/>
      <c r="AB67" s="3"/>
      <c r="AC67" s="3"/>
      <c r="AD67" s="3"/>
    </row>
    <row r="68" spans="2:30" s="6" customFormat="1" ht="13.5" customHeight="1" x14ac:dyDescent="0.15">
      <c r="B68" s="140"/>
      <c r="C68" s="3"/>
      <c r="D68" s="3"/>
      <c r="E68" s="3"/>
      <c r="F68" s="3"/>
      <c r="G68" s="3"/>
      <c r="H68" s="3"/>
      <c r="I68" s="3"/>
      <c r="J68" s="3"/>
      <c r="K68" s="3"/>
      <c r="L68" s="3"/>
      <c r="M68" s="3"/>
      <c r="N68" s="3"/>
      <c r="O68" s="3"/>
      <c r="P68" s="3"/>
      <c r="Q68" s="3"/>
      <c r="R68" s="3"/>
      <c r="S68" s="3"/>
      <c r="T68" s="3"/>
      <c r="U68" s="3"/>
      <c r="V68" s="3"/>
      <c r="W68" s="3"/>
      <c r="X68" s="3"/>
      <c r="Y68" s="3"/>
      <c r="Z68" s="3"/>
      <c r="AA68" s="3"/>
      <c r="AB68" s="3"/>
      <c r="AC68" s="3"/>
      <c r="AD68" s="3"/>
    </row>
    <row r="69" spans="2:30" s="6" customFormat="1" x14ac:dyDescent="0.15">
      <c r="B69" s="140"/>
      <c r="C69" s="3"/>
      <c r="D69" s="3"/>
      <c r="E69" s="3"/>
      <c r="F69" s="3"/>
      <c r="G69" s="3"/>
      <c r="H69" s="3"/>
      <c r="I69" s="3"/>
      <c r="J69" s="3"/>
      <c r="K69" s="3"/>
      <c r="L69" s="3"/>
      <c r="M69" s="3"/>
      <c r="N69" s="3"/>
      <c r="O69" s="3"/>
      <c r="P69" s="3"/>
      <c r="Q69" s="3"/>
      <c r="R69" s="3"/>
      <c r="S69" s="3"/>
      <c r="T69" s="3"/>
      <c r="U69" s="3"/>
      <c r="V69" s="3"/>
      <c r="W69" s="3"/>
      <c r="X69" s="3"/>
      <c r="Y69" s="3"/>
      <c r="Z69" s="3"/>
      <c r="AA69" s="3"/>
      <c r="AB69" s="3"/>
      <c r="AC69" s="3"/>
      <c r="AD69" s="3"/>
    </row>
    <row r="70" spans="2:30" s="6" customFormat="1" x14ac:dyDescent="0.15">
      <c r="B70" s="140"/>
      <c r="C70" s="3"/>
      <c r="D70" s="3"/>
      <c r="E70" s="3"/>
      <c r="F70" s="3"/>
      <c r="G70" s="3"/>
      <c r="H70" s="3"/>
      <c r="I70" s="3"/>
      <c r="J70" s="3"/>
      <c r="K70" s="3"/>
      <c r="L70" s="3"/>
      <c r="M70" s="3"/>
      <c r="N70" s="3"/>
      <c r="O70" s="3"/>
      <c r="P70" s="3"/>
      <c r="Q70" s="3"/>
      <c r="R70" s="3"/>
      <c r="S70" s="3"/>
      <c r="T70" s="3"/>
      <c r="U70" s="3"/>
      <c r="V70" s="3"/>
      <c r="W70" s="3"/>
      <c r="X70" s="3"/>
      <c r="Y70" s="3"/>
      <c r="Z70" s="3"/>
      <c r="AA70" s="3"/>
      <c r="AB70" s="3"/>
      <c r="AC70" s="3"/>
      <c r="AD70" s="3"/>
    </row>
    <row r="71" spans="2:30" s="6" customFormat="1" x14ac:dyDescent="0.15">
      <c r="B71" s="140"/>
      <c r="C71" s="3"/>
      <c r="D71" s="3"/>
      <c r="E71" s="3"/>
      <c r="F71" s="3"/>
      <c r="G71" s="3"/>
      <c r="H71" s="3"/>
      <c r="I71" s="3"/>
      <c r="J71" s="3"/>
      <c r="K71" s="3"/>
      <c r="L71" s="3"/>
      <c r="M71" s="3"/>
      <c r="N71" s="3"/>
      <c r="O71" s="3"/>
      <c r="P71" s="3"/>
      <c r="Q71" s="3"/>
      <c r="R71" s="3"/>
      <c r="S71" s="3"/>
      <c r="T71" s="3"/>
      <c r="U71" s="3"/>
      <c r="V71" s="3"/>
      <c r="W71" s="3"/>
      <c r="X71" s="3"/>
      <c r="Y71" s="3"/>
      <c r="Z71" s="3"/>
      <c r="AA71" s="3"/>
      <c r="AB71" s="3"/>
      <c r="AC71" s="3"/>
      <c r="AD71" s="3"/>
    </row>
    <row r="72" spans="2:30" ht="156" customHeight="1" x14ac:dyDescent="0.15"/>
    <row r="122" spans="3:7" x14ac:dyDescent="0.15">
      <c r="C122" s="5"/>
      <c r="D122" s="5"/>
      <c r="E122" s="5"/>
      <c r="F122" s="5"/>
      <c r="G122" s="5"/>
    </row>
    <row r="123" spans="3:7" x14ac:dyDescent="0.15">
      <c r="C123" s="4"/>
    </row>
  </sheetData>
  <mergeCells count="44">
    <mergeCell ref="B8:F8"/>
    <mergeCell ref="G8:AD8"/>
    <mergeCell ref="V3:W3"/>
    <mergeCell ref="Y3:Z3"/>
    <mergeCell ref="AB3:AC3"/>
    <mergeCell ref="B5:AD5"/>
    <mergeCell ref="B6:AD6"/>
    <mergeCell ref="B9:F9"/>
    <mergeCell ref="B10:F10"/>
    <mergeCell ref="B11:F12"/>
    <mergeCell ref="B14:F16"/>
    <mergeCell ref="G14:Y14"/>
    <mergeCell ref="G15:Y15"/>
    <mergeCell ref="G16:Y16"/>
    <mergeCell ref="B21:F29"/>
    <mergeCell ref="J23:U23"/>
    <mergeCell ref="V23:W23"/>
    <mergeCell ref="V24:W24"/>
    <mergeCell ref="I25:X25"/>
    <mergeCell ref="J28:U28"/>
    <mergeCell ref="V28:W28"/>
    <mergeCell ref="B42:F47"/>
    <mergeCell ref="J44:T44"/>
    <mergeCell ref="V44:W44"/>
    <mergeCell ref="V45:W45"/>
    <mergeCell ref="I46:X46"/>
    <mergeCell ref="B33:F38"/>
    <mergeCell ref="J35:T35"/>
    <mergeCell ref="V35:W35"/>
    <mergeCell ref="V36:W36"/>
    <mergeCell ref="I37:X37"/>
    <mergeCell ref="B59:C59"/>
    <mergeCell ref="B60:C60"/>
    <mergeCell ref="D60:AD60"/>
    <mergeCell ref="B48:F52"/>
    <mergeCell ref="J50:T50"/>
    <mergeCell ref="V50:W50"/>
    <mergeCell ref="J51:T51"/>
    <mergeCell ref="V51:W51"/>
    <mergeCell ref="B53:F57"/>
    <mergeCell ref="J55:T55"/>
    <mergeCell ref="V55:W55"/>
    <mergeCell ref="J56:T56"/>
    <mergeCell ref="V56:W56"/>
  </mergeCells>
  <phoneticPr fontId="2"/>
  <dataValidations count="1">
    <dataValidation type="list" allowBlank="1" showInputMessage="1" showErrorMessage="1" sqref="G9:G12 L9 Q9 T10 S11 AA15:AA16 AC15:AC16 AA24 AC24 AA28 AC28 AA36 AC36 AA45 AC45 AA51 AC51 AA56 AC56">
      <formula1>"□,■"</formula1>
    </dataValidation>
  </dataValidations>
  <pageMargins left="0.7" right="0.7" top="0.75" bottom="0.75" header="0.3" footer="0.3"/>
  <pageSetup paperSize="9" scale="88" orientation="portrait" r:id="rId1"/>
  <rowBreaks count="1" manualBreakCount="1">
    <brk id="60" max="16383" man="1"/>
  </rowBreaks>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E123"/>
  <sheetViews>
    <sheetView zoomScaleNormal="100" zoomScaleSheetLayoutView="100" workbookViewId="0">
      <selection activeCell="C87" sqref="C87"/>
    </sheetView>
  </sheetViews>
  <sheetFormatPr defaultColWidth="3.5" defaultRowHeight="17.25" customHeight="1" x14ac:dyDescent="0.15"/>
  <cols>
    <col min="1" max="1" width="1.25" style="3" customWidth="1"/>
    <col min="2" max="2" width="3.125" style="140" customWidth="1"/>
    <col min="3" max="30" width="3.125" style="3" customWidth="1"/>
    <col min="31" max="31" width="1.25" style="3" customWidth="1"/>
    <col min="32" max="16384" width="3.5" style="3"/>
  </cols>
  <sheetData>
    <row r="1" spans="2:30" s="8" customFormat="1" ht="17.25" customHeight="1" x14ac:dyDescent="0.15"/>
    <row r="2" spans="2:30" s="8" customFormat="1" ht="17.25" customHeight="1" x14ac:dyDescent="0.15">
      <c r="B2" s="8" t="s">
        <v>653</v>
      </c>
    </row>
    <row r="3" spans="2:30" s="8" customFormat="1" ht="16.5" customHeight="1" x14ac:dyDescent="0.15">
      <c r="U3" s="17" t="s">
        <v>12</v>
      </c>
      <c r="V3" s="778"/>
      <c r="W3" s="778"/>
      <c r="X3" s="17" t="s">
        <v>11</v>
      </c>
      <c r="Y3" s="778"/>
      <c r="Z3" s="778"/>
      <c r="AA3" s="17" t="s">
        <v>10</v>
      </c>
      <c r="AB3" s="778"/>
      <c r="AC3" s="778"/>
      <c r="AD3" s="17" t="s">
        <v>20</v>
      </c>
    </row>
    <row r="4" spans="2:30" s="8" customFormat="1" ht="9.75" customHeight="1" x14ac:dyDescent="0.15">
      <c r="AD4" s="17"/>
    </row>
    <row r="5" spans="2:30" s="8" customFormat="1" ht="17.25" customHeight="1" x14ac:dyDescent="0.15">
      <c r="B5" s="778" t="s">
        <v>578</v>
      </c>
      <c r="C5" s="778"/>
      <c r="D5" s="778"/>
      <c r="E5" s="778"/>
      <c r="F5" s="778"/>
      <c r="G5" s="778"/>
      <c r="H5" s="778"/>
      <c r="I5" s="778"/>
      <c r="J5" s="778"/>
      <c r="K5" s="778"/>
      <c r="L5" s="778"/>
      <c r="M5" s="778"/>
      <c r="N5" s="778"/>
      <c r="O5" s="778"/>
      <c r="P5" s="778"/>
      <c r="Q5" s="778"/>
      <c r="R5" s="778"/>
      <c r="S5" s="778"/>
      <c r="T5" s="778"/>
      <c r="U5" s="778"/>
      <c r="V5" s="778"/>
      <c r="W5" s="778"/>
      <c r="X5" s="778"/>
      <c r="Y5" s="778"/>
      <c r="Z5" s="778"/>
      <c r="AA5" s="778"/>
      <c r="AB5" s="778"/>
      <c r="AC5" s="778"/>
      <c r="AD5" s="778"/>
    </row>
    <row r="6" spans="2:30" s="8" customFormat="1" ht="32.25" customHeight="1" x14ac:dyDescent="0.15">
      <c r="B6" s="807" t="s">
        <v>652</v>
      </c>
      <c r="C6" s="807"/>
      <c r="D6" s="807"/>
      <c r="E6" s="807"/>
      <c r="F6" s="807"/>
      <c r="G6" s="807"/>
      <c r="H6" s="807"/>
      <c r="I6" s="807"/>
      <c r="J6" s="807"/>
      <c r="K6" s="807"/>
      <c r="L6" s="807"/>
      <c r="M6" s="807"/>
      <c r="N6" s="807"/>
      <c r="O6" s="807"/>
      <c r="P6" s="807"/>
      <c r="Q6" s="807"/>
      <c r="R6" s="807"/>
      <c r="S6" s="807"/>
      <c r="T6" s="807"/>
      <c r="U6" s="807"/>
      <c r="V6" s="807"/>
      <c r="W6" s="807"/>
      <c r="X6" s="807"/>
      <c r="Y6" s="807"/>
      <c r="Z6" s="807"/>
      <c r="AA6" s="807"/>
      <c r="AB6" s="807"/>
      <c r="AC6" s="807"/>
      <c r="AD6" s="807"/>
    </row>
    <row r="7" spans="2:30" s="8" customFormat="1" ht="17.25" customHeight="1" x14ac:dyDescent="0.15"/>
    <row r="8" spans="2:30" s="8" customFormat="1" ht="17.25" customHeight="1" x14ac:dyDescent="0.15">
      <c r="B8" s="804" t="s">
        <v>576</v>
      </c>
      <c r="C8" s="804"/>
      <c r="D8" s="804"/>
      <c r="E8" s="804"/>
      <c r="F8" s="791"/>
      <c r="G8" s="954"/>
      <c r="H8" s="955"/>
      <c r="I8" s="955"/>
      <c r="J8" s="955"/>
      <c r="K8" s="955"/>
      <c r="L8" s="955"/>
      <c r="M8" s="955"/>
      <c r="N8" s="955"/>
      <c r="O8" s="955"/>
      <c r="P8" s="955"/>
      <c r="Q8" s="955"/>
      <c r="R8" s="955"/>
      <c r="S8" s="955"/>
      <c r="T8" s="955"/>
      <c r="U8" s="955"/>
      <c r="V8" s="955"/>
      <c r="W8" s="955"/>
      <c r="X8" s="955"/>
      <c r="Y8" s="955"/>
      <c r="Z8" s="955"/>
      <c r="AA8" s="955"/>
      <c r="AB8" s="955"/>
      <c r="AC8" s="955"/>
      <c r="AD8" s="956"/>
    </row>
    <row r="9" spans="2:30" ht="17.25" customHeight="1" x14ac:dyDescent="0.15">
      <c r="B9" s="791" t="s">
        <v>575</v>
      </c>
      <c r="C9" s="792"/>
      <c r="D9" s="792"/>
      <c r="E9" s="792"/>
      <c r="F9" s="792"/>
      <c r="G9" s="180" t="s">
        <v>0</v>
      </c>
      <c r="H9" s="168" t="s">
        <v>242</v>
      </c>
      <c r="I9" s="168"/>
      <c r="J9" s="168"/>
      <c r="K9" s="168"/>
      <c r="L9" s="179" t="s">
        <v>0</v>
      </c>
      <c r="M9" s="168" t="s">
        <v>241</v>
      </c>
      <c r="N9" s="168"/>
      <c r="O9" s="168"/>
      <c r="P9" s="168"/>
      <c r="Q9" s="179" t="s">
        <v>0</v>
      </c>
      <c r="R9" s="168" t="s">
        <v>240</v>
      </c>
      <c r="S9" s="287"/>
      <c r="T9" s="287"/>
      <c r="U9" s="287"/>
      <c r="V9" s="287"/>
      <c r="W9" s="287"/>
      <c r="X9" s="287"/>
      <c r="Y9" s="287"/>
      <c r="Z9" s="287"/>
      <c r="AA9" s="287"/>
      <c r="AB9" s="287"/>
      <c r="AC9" s="287"/>
      <c r="AD9" s="286"/>
    </row>
    <row r="10" spans="2:30" ht="17.25" customHeight="1" x14ac:dyDescent="0.15">
      <c r="B10" s="906" t="s">
        <v>574</v>
      </c>
      <c r="C10" s="907"/>
      <c r="D10" s="907"/>
      <c r="E10" s="907"/>
      <c r="F10" s="908"/>
      <c r="G10" s="178" t="s">
        <v>0</v>
      </c>
      <c r="H10" s="8" t="s">
        <v>651</v>
      </c>
      <c r="I10" s="16"/>
      <c r="J10" s="16"/>
      <c r="K10" s="16"/>
      <c r="L10" s="16"/>
      <c r="M10" s="16"/>
      <c r="N10" s="16"/>
      <c r="O10" s="16"/>
      <c r="P10" s="16"/>
      <c r="Q10" s="16"/>
      <c r="R10" s="16"/>
      <c r="S10" s="290"/>
      <c r="T10" s="290"/>
      <c r="U10" s="290"/>
      <c r="V10" s="290"/>
      <c r="W10" s="290"/>
      <c r="X10" s="290"/>
      <c r="Y10" s="290"/>
      <c r="Z10" s="290"/>
      <c r="AA10" s="290"/>
      <c r="AB10" s="290"/>
      <c r="AC10" s="290"/>
      <c r="AD10" s="289"/>
    </row>
    <row r="11" spans="2:30" ht="17.25" customHeight="1" x14ac:dyDescent="0.15">
      <c r="B11" s="823"/>
      <c r="C11" s="809"/>
      <c r="D11" s="809"/>
      <c r="E11" s="809"/>
      <c r="F11" s="821"/>
      <c r="G11" s="178" t="s">
        <v>0</v>
      </c>
      <c r="H11" s="8" t="s">
        <v>650</v>
      </c>
      <c r="I11" s="16"/>
      <c r="J11" s="16"/>
      <c r="K11" s="16"/>
      <c r="L11" s="16"/>
      <c r="M11" s="16"/>
      <c r="N11" s="16"/>
      <c r="O11" s="16"/>
      <c r="P11" s="16"/>
      <c r="Q11" s="16"/>
      <c r="R11" s="16"/>
      <c r="S11" s="290"/>
      <c r="T11" s="290"/>
      <c r="U11" s="290"/>
      <c r="V11" s="290"/>
      <c r="W11" s="290"/>
      <c r="X11" s="290"/>
      <c r="Y11" s="290"/>
      <c r="Z11" s="290"/>
      <c r="AA11" s="290"/>
      <c r="AB11" s="290"/>
      <c r="AC11" s="290"/>
      <c r="AD11" s="289"/>
    </row>
    <row r="12" spans="2:30" ht="17.25" customHeight="1" x14ac:dyDescent="0.15">
      <c r="B12" s="909"/>
      <c r="C12" s="910"/>
      <c r="D12" s="910"/>
      <c r="E12" s="910"/>
      <c r="F12" s="911"/>
      <c r="G12" s="178" t="s">
        <v>0</v>
      </c>
      <c r="H12" s="8" t="s">
        <v>649</v>
      </c>
      <c r="I12" s="16"/>
      <c r="J12" s="16"/>
      <c r="K12" s="16"/>
      <c r="L12" s="16"/>
      <c r="M12" s="16"/>
      <c r="N12" s="16"/>
      <c r="O12" s="16"/>
      <c r="P12" s="16"/>
      <c r="Q12" s="16"/>
      <c r="R12" s="16"/>
      <c r="S12" s="290"/>
      <c r="T12" s="290"/>
      <c r="U12" s="290"/>
      <c r="V12" s="290"/>
      <c r="W12" s="290"/>
      <c r="X12" s="290"/>
      <c r="Y12" s="290"/>
      <c r="Z12" s="290"/>
      <c r="AA12" s="290"/>
      <c r="AB12" s="290"/>
      <c r="AC12" s="290"/>
      <c r="AD12" s="289"/>
    </row>
    <row r="13" spans="2:30" ht="17.25" customHeight="1" x14ac:dyDescent="0.15">
      <c r="B13" s="906" t="s">
        <v>570</v>
      </c>
      <c r="C13" s="907"/>
      <c r="D13" s="907"/>
      <c r="E13" s="907"/>
      <c r="F13" s="908"/>
      <c r="G13" s="285" t="s">
        <v>0</v>
      </c>
      <c r="H13" s="157" t="s">
        <v>569</v>
      </c>
      <c r="I13" s="166"/>
      <c r="J13" s="166"/>
      <c r="K13" s="166"/>
      <c r="L13" s="166"/>
      <c r="M13" s="166"/>
      <c r="N13" s="166"/>
      <c r="O13" s="166"/>
      <c r="P13" s="166"/>
      <c r="Q13" s="166"/>
      <c r="R13" s="166"/>
      <c r="S13" s="284" t="s">
        <v>0</v>
      </c>
      <c r="T13" s="157" t="s">
        <v>568</v>
      </c>
      <c r="U13" s="283"/>
      <c r="V13" s="283"/>
      <c r="W13" s="283"/>
      <c r="X13" s="283"/>
      <c r="Y13" s="283"/>
      <c r="Z13" s="283"/>
      <c r="AA13" s="283"/>
      <c r="AB13" s="283"/>
      <c r="AC13" s="283"/>
      <c r="AD13" s="282"/>
    </row>
    <row r="14" spans="2:30" ht="17.25" customHeight="1" x14ac:dyDescent="0.15">
      <c r="B14" s="909"/>
      <c r="C14" s="910"/>
      <c r="D14" s="910"/>
      <c r="E14" s="910"/>
      <c r="F14" s="911"/>
      <c r="G14" s="192" t="s">
        <v>0</v>
      </c>
      <c r="H14" s="172" t="s">
        <v>567</v>
      </c>
      <c r="I14" s="162"/>
      <c r="J14" s="162"/>
      <c r="K14" s="162"/>
      <c r="L14" s="162"/>
      <c r="M14" s="162"/>
      <c r="N14" s="162"/>
      <c r="O14" s="162"/>
      <c r="P14" s="162"/>
      <c r="Q14" s="162"/>
      <c r="R14" s="162"/>
      <c r="S14" s="281"/>
      <c r="T14" s="281"/>
      <c r="U14" s="281"/>
      <c r="V14" s="281"/>
      <c r="W14" s="281"/>
      <c r="X14" s="281"/>
      <c r="Y14" s="281"/>
      <c r="Z14" s="281"/>
      <c r="AA14" s="281"/>
      <c r="AB14" s="281"/>
      <c r="AC14" s="281"/>
      <c r="AD14" s="280"/>
    </row>
    <row r="15" spans="2:30" s="8" customFormat="1" ht="17.25" customHeight="1" x14ac:dyDescent="0.15"/>
    <row r="16" spans="2:30" s="8" customFormat="1" ht="17.25" customHeight="1" x14ac:dyDescent="0.15">
      <c r="B16" s="8" t="s">
        <v>608</v>
      </c>
    </row>
    <row r="17" spans="2:30" s="8" customFormat="1" ht="17.25" customHeight="1" x14ac:dyDescent="0.15">
      <c r="B17" s="8" t="s">
        <v>561</v>
      </c>
      <c r="AC17" s="16"/>
      <c r="AD17" s="16"/>
    </row>
    <row r="18" spans="2:30" s="8" customFormat="1" ht="17.25" customHeight="1" x14ac:dyDescent="0.15"/>
    <row r="19" spans="2:30" s="8" customFormat="1" ht="17.25" customHeight="1" x14ac:dyDescent="0.15">
      <c r="B19" s="923" t="s">
        <v>553</v>
      </c>
      <c r="C19" s="924"/>
      <c r="D19" s="924"/>
      <c r="E19" s="924"/>
      <c r="F19" s="925"/>
      <c r="G19" s="158"/>
      <c r="H19" s="157"/>
      <c r="I19" s="157"/>
      <c r="J19" s="157"/>
      <c r="K19" s="157"/>
      <c r="L19" s="157"/>
      <c r="M19" s="157"/>
      <c r="N19" s="157"/>
      <c r="O19" s="157"/>
      <c r="P19" s="157"/>
      <c r="Q19" s="157"/>
      <c r="R19" s="157"/>
      <c r="S19" s="157"/>
      <c r="T19" s="157"/>
      <c r="U19" s="157"/>
      <c r="V19" s="157"/>
      <c r="W19" s="157"/>
      <c r="X19" s="157"/>
      <c r="Y19" s="157"/>
      <c r="Z19" s="158"/>
      <c r="AA19" s="157"/>
      <c r="AB19" s="157"/>
      <c r="AC19" s="166"/>
      <c r="AD19" s="251"/>
    </row>
    <row r="20" spans="2:30" s="8" customFormat="1" ht="17.25" customHeight="1" x14ac:dyDescent="0.15">
      <c r="B20" s="926"/>
      <c r="C20" s="807"/>
      <c r="D20" s="807"/>
      <c r="E20" s="807"/>
      <c r="F20" s="927"/>
      <c r="G20" s="9"/>
      <c r="H20" s="8" t="s">
        <v>607</v>
      </c>
      <c r="Z20" s="9"/>
      <c r="AA20" s="152" t="s">
        <v>227</v>
      </c>
      <c r="AB20" s="152" t="s">
        <v>217</v>
      </c>
      <c r="AC20" s="152" t="s">
        <v>226</v>
      </c>
      <c r="AD20" s="270"/>
    </row>
    <row r="21" spans="2:30" s="8" customFormat="1" ht="17.25" customHeight="1" x14ac:dyDescent="0.15">
      <c r="B21" s="926"/>
      <c r="C21" s="807"/>
      <c r="D21" s="807"/>
      <c r="E21" s="807"/>
      <c r="F21" s="927"/>
      <c r="G21" s="9"/>
      <c r="I21" s="188" t="s">
        <v>279</v>
      </c>
      <c r="J21" s="935" t="s">
        <v>552</v>
      </c>
      <c r="K21" s="936"/>
      <c r="L21" s="936"/>
      <c r="M21" s="936"/>
      <c r="N21" s="936"/>
      <c r="O21" s="936"/>
      <c r="P21" s="936"/>
      <c r="Q21" s="936"/>
      <c r="R21" s="936"/>
      <c r="S21" s="936"/>
      <c r="T21" s="936"/>
      <c r="U21" s="780"/>
      <c r="V21" s="781"/>
      <c r="W21" s="197" t="s">
        <v>175</v>
      </c>
      <c r="Z21" s="9"/>
      <c r="AA21" s="249"/>
      <c r="AB21" s="18"/>
      <c r="AC21" s="249"/>
      <c r="AD21" s="150"/>
    </row>
    <row r="22" spans="2:30" s="8" customFormat="1" ht="17.25" customHeight="1" x14ac:dyDescent="0.15">
      <c r="B22" s="926"/>
      <c r="C22" s="807"/>
      <c r="D22" s="807"/>
      <c r="E22" s="807"/>
      <c r="F22" s="927"/>
      <c r="G22" s="9"/>
      <c r="I22" s="269" t="s">
        <v>277</v>
      </c>
      <c r="J22" s="272" t="s">
        <v>551</v>
      </c>
      <c r="K22" s="172"/>
      <c r="L22" s="172"/>
      <c r="M22" s="172"/>
      <c r="N22" s="172"/>
      <c r="O22" s="172"/>
      <c r="P22" s="172"/>
      <c r="Q22" s="172"/>
      <c r="R22" s="172"/>
      <c r="S22" s="172"/>
      <c r="T22" s="172"/>
      <c r="U22" s="786"/>
      <c r="V22" s="787"/>
      <c r="W22" s="171" t="s">
        <v>175</v>
      </c>
      <c r="Y22" s="264"/>
      <c r="Z22" s="20"/>
      <c r="AA22" s="178" t="s">
        <v>0</v>
      </c>
      <c r="AB22" s="178" t="s">
        <v>217</v>
      </c>
      <c r="AC22" s="178" t="s">
        <v>0</v>
      </c>
      <c r="AD22" s="150"/>
    </row>
    <row r="23" spans="2:30" s="8" customFormat="1" ht="17.25" customHeight="1" x14ac:dyDescent="0.15">
      <c r="B23" s="926"/>
      <c r="C23" s="807"/>
      <c r="D23" s="807"/>
      <c r="E23" s="807"/>
      <c r="F23" s="927"/>
      <c r="G23" s="9"/>
      <c r="H23" s="8" t="s">
        <v>550</v>
      </c>
      <c r="U23" s="18"/>
      <c r="V23" s="18"/>
      <c r="Z23" s="9"/>
      <c r="AC23" s="16"/>
      <c r="AD23" s="150"/>
    </row>
    <row r="24" spans="2:30" s="8" customFormat="1" ht="17.25" customHeight="1" x14ac:dyDescent="0.15">
      <c r="B24" s="926"/>
      <c r="C24" s="807"/>
      <c r="D24" s="807"/>
      <c r="E24" s="807"/>
      <c r="F24" s="927"/>
      <c r="G24" s="9"/>
      <c r="H24" s="8" t="s">
        <v>560</v>
      </c>
      <c r="T24" s="264"/>
      <c r="U24" s="268"/>
      <c r="V24" s="18"/>
      <c r="Z24" s="9"/>
      <c r="AC24" s="16"/>
      <c r="AD24" s="150"/>
    </row>
    <row r="25" spans="2:30" s="8" customFormat="1" ht="25.5" customHeight="1" x14ac:dyDescent="0.15">
      <c r="B25" s="926"/>
      <c r="C25" s="807"/>
      <c r="D25" s="807"/>
      <c r="E25" s="807"/>
      <c r="F25" s="927"/>
      <c r="G25" s="9"/>
      <c r="I25" s="188" t="s">
        <v>293</v>
      </c>
      <c r="J25" s="936" t="s">
        <v>559</v>
      </c>
      <c r="K25" s="936"/>
      <c r="L25" s="936"/>
      <c r="M25" s="936"/>
      <c r="N25" s="936"/>
      <c r="O25" s="936"/>
      <c r="P25" s="936"/>
      <c r="Q25" s="936"/>
      <c r="R25" s="936"/>
      <c r="S25" s="936"/>
      <c r="T25" s="936"/>
      <c r="U25" s="780"/>
      <c r="V25" s="781"/>
      <c r="W25" s="197" t="s">
        <v>175</v>
      </c>
      <c r="Y25" s="264"/>
      <c r="Z25" s="20"/>
      <c r="AA25" s="178" t="s">
        <v>0</v>
      </c>
      <c r="AB25" s="178" t="s">
        <v>217</v>
      </c>
      <c r="AC25" s="178" t="s">
        <v>0</v>
      </c>
      <c r="AD25" s="150"/>
    </row>
    <row r="26" spans="2:30" s="8" customFormat="1" ht="17.25" customHeight="1" x14ac:dyDescent="0.15">
      <c r="B26" s="928"/>
      <c r="C26" s="929"/>
      <c r="D26" s="929"/>
      <c r="E26" s="929"/>
      <c r="F26" s="930"/>
      <c r="G26" s="173"/>
      <c r="H26" s="172"/>
      <c r="I26" s="172"/>
      <c r="J26" s="172"/>
      <c r="K26" s="172"/>
      <c r="L26" s="172"/>
      <c r="M26" s="172"/>
      <c r="N26" s="172"/>
      <c r="O26" s="172"/>
      <c r="P26" s="172"/>
      <c r="Q26" s="172"/>
      <c r="R26" s="172"/>
      <c r="S26" s="172"/>
      <c r="T26" s="267"/>
      <c r="U26" s="267"/>
      <c r="V26" s="172"/>
      <c r="W26" s="172"/>
      <c r="X26" s="172"/>
      <c r="Y26" s="172"/>
      <c r="Z26" s="173"/>
      <c r="AA26" s="172"/>
      <c r="AB26" s="172"/>
      <c r="AC26" s="162"/>
      <c r="AD26" s="266"/>
    </row>
    <row r="27" spans="2:30" s="8" customFormat="1" ht="17.25" customHeight="1" x14ac:dyDescent="0.15">
      <c r="B27" s="305"/>
      <c r="C27" s="304"/>
      <c r="D27" s="304"/>
      <c r="E27" s="304"/>
      <c r="F27" s="303"/>
      <c r="G27" s="158"/>
      <c r="H27" s="157"/>
      <c r="I27" s="157"/>
      <c r="J27" s="157"/>
      <c r="K27" s="157"/>
      <c r="L27" s="157"/>
      <c r="M27" s="157"/>
      <c r="N27" s="157"/>
      <c r="O27" s="157"/>
      <c r="P27" s="157"/>
      <c r="Q27" s="157"/>
      <c r="R27" s="157"/>
      <c r="S27" s="157"/>
      <c r="T27" s="302"/>
      <c r="U27" s="302"/>
      <c r="V27" s="157"/>
      <c r="W27" s="157"/>
      <c r="X27" s="157"/>
      <c r="Y27" s="157"/>
      <c r="Z27" s="157"/>
      <c r="AA27" s="157"/>
      <c r="AB27" s="157"/>
      <c r="AC27" s="166"/>
      <c r="AD27" s="251"/>
    </row>
    <row r="28" spans="2:30" s="8" customFormat="1" ht="17.25" customHeight="1" x14ac:dyDescent="0.15">
      <c r="B28" s="926" t="s">
        <v>623</v>
      </c>
      <c r="C28" s="807"/>
      <c r="D28" s="807"/>
      <c r="E28" s="807"/>
      <c r="F28" s="927"/>
      <c r="G28" s="307" t="s">
        <v>648</v>
      </c>
      <c r="T28" s="264"/>
      <c r="U28" s="264"/>
      <c r="AC28" s="16"/>
      <c r="AD28" s="150"/>
    </row>
    <row r="29" spans="2:30" s="8" customFormat="1" ht="24" customHeight="1" x14ac:dyDescent="0.15">
      <c r="B29" s="926"/>
      <c r="C29" s="807"/>
      <c r="D29" s="807"/>
      <c r="E29" s="807"/>
      <c r="F29" s="927"/>
      <c r="G29" s="797"/>
      <c r="H29" s="798"/>
      <c r="I29" s="798"/>
      <c r="J29" s="798"/>
      <c r="K29" s="798"/>
      <c r="L29" s="798"/>
      <c r="M29" s="798"/>
      <c r="N29" s="798"/>
      <c r="O29" s="798"/>
      <c r="P29" s="798"/>
      <c r="Q29" s="798"/>
      <c r="R29" s="798"/>
      <c r="S29" s="798"/>
      <c r="T29" s="798"/>
      <c r="U29" s="798"/>
      <c r="V29" s="798"/>
      <c r="W29" s="798"/>
      <c r="X29" s="798"/>
      <c r="Y29" s="798"/>
      <c r="Z29" s="798"/>
      <c r="AA29" s="798"/>
      <c r="AB29" s="798"/>
      <c r="AC29" s="798"/>
      <c r="AD29" s="799"/>
    </row>
    <row r="30" spans="2:30" s="8" customFormat="1" ht="17.25" customHeight="1" x14ac:dyDescent="0.15">
      <c r="B30" s="299"/>
      <c r="C30" s="298"/>
      <c r="D30" s="298"/>
      <c r="E30" s="298"/>
      <c r="F30" s="297"/>
      <c r="G30" s="173"/>
      <c r="H30" s="172"/>
      <c r="I30" s="172"/>
      <c r="J30" s="172"/>
      <c r="K30" s="172"/>
      <c r="L30" s="172"/>
      <c r="M30" s="172"/>
      <c r="N30" s="172"/>
      <c r="O30" s="172"/>
      <c r="P30" s="172"/>
      <c r="Q30" s="172"/>
      <c r="R30" s="172"/>
      <c r="S30" s="172"/>
      <c r="T30" s="267"/>
      <c r="U30" s="267"/>
      <c r="V30" s="172"/>
      <c r="W30" s="172"/>
      <c r="X30" s="172"/>
      <c r="Y30" s="172"/>
      <c r="Z30" s="172"/>
      <c r="AA30" s="172"/>
      <c r="AB30" s="172"/>
      <c r="AC30" s="162"/>
      <c r="AD30" s="266"/>
    </row>
    <row r="31" spans="2:30" s="8" customFormat="1" ht="17.25" customHeight="1" x14ac:dyDescent="0.15">
      <c r="B31" s="265"/>
      <c r="C31" s="265"/>
      <c r="D31" s="265"/>
      <c r="E31" s="265"/>
      <c r="F31" s="265"/>
      <c r="T31" s="264"/>
      <c r="U31" s="264"/>
    </row>
    <row r="32" spans="2:30" s="8" customFormat="1" ht="17.25" customHeight="1" x14ac:dyDescent="0.15">
      <c r="B32" s="8" t="s">
        <v>558</v>
      </c>
      <c r="C32" s="265"/>
      <c r="D32" s="265"/>
      <c r="E32" s="265"/>
      <c r="F32" s="265"/>
      <c r="T32" s="264"/>
      <c r="U32" s="264"/>
    </row>
    <row r="33" spans="1:31" s="8" customFormat="1" ht="17.25" customHeight="1" x14ac:dyDescent="0.15">
      <c r="B33" s="265"/>
      <c r="C33" s="265"/>
      <c r="D33" s="265"/>
      <c r="E33" s="265"/>
      <c r="F33" s="265"/>
      <c r="T33" s="264"/>
      <c r="U33" s="264"/>
    </row>
    <row r="34" spans="1:31" s="8" customFormat="1" ht="17.25" customHeight="1" x14ac:dyDescent="0.15">
      <c r="B34" s="923" t="s">
        <v>553</v>
      </c>
      <c r="C34" s="924"/>
      <c r="D34" s="924"/>
      <c r="E34" s="924"/>
      <c r="F34" s="925"/>
      <c r="G34" s="158"/>
      <c r="H34" s="157"/>
      <c r="I34" s="157"/>
      <c r="J34" s="157"/>
      <c r="K34" s="157"/>
      <c r="L34" s="157"/>
      <c r="M34" s="157"/>
      <c r="N34" s="157"/>
      <c r="O34" s="157"/>
      <c r="P34" s="157"/>
      <c r="Q34" s="157"/>
      <c r="R34" s="157"/>
      <c r="S34" s="157"/>
      <c r="T34" s="157"/>
      <c r="U34" s="157"/>
      <c r="V34" s="157"/>
      <c r="W34" s="157"/>
      <c r="X34" s="157"/>
      <c r="Y34" s="157"/>
      <c r="Z34" s="158"/>
      <c r="AA34" s="157"/>
      <c r="AB34" s="157"/>
      <c r="AC34" s="166"/>
      <c r="AD34" s="251"/>
    </row>
    <row r="35" spans="1:31" s="8" customFormat="1" ht="17.25" customHeight="1" x14ac:dyDescent="0.15">
      <c r="B35" s="926"/>
      <c r="C35" s="807"/>
      <c r="D35" s="807"/>
      <c r="E35" s="807"/>
      <c r="F35" s="927"/>
      <c r="G35" s="9"/>
      <c r="H35" s="8" t="s">
        <v>546</v>
      </c>
      <c r="Z35" s="9"/>
      <c r="AA35" s="152" t="s">
        <v>227</v>
      </c>
      <c r="AB35" s="152" t="s">
        <v>217</v>
      </c>
      <c r="AC35" s="152" t="s">
        <v>226</v>
      </c>
      <c r="AD35" s="270"/>
    </row>
    <row r="36" spans="1:31" s="8" customFormat="1" ht="17.25" customHeight="1" x14ac:dyDescent="0.15">
      <c r="B36" s="926"/>
      <c r="C36" s="807"/>
      <c r="D36" s="807"/>
      <c r="E36" s="807"/>
      <c r="F36" s="927"/>
      <c r="G36" s="9"/>
      <c r="I36" s="188" t="s">
        <v>279</v>
      </c>
      <c r="J36" s="935" t="s">
        <v>552</v>
      </c>
      <c r="K36" s="936"/>
      <c r="L36" s="936"/>
      <c r="M36" s="936"/>
      <c r="N36" s="936"/>
      <c r="O36" s="936"/>
      <c r="P36" s="936"/>
      <c r="Q36" s="936"/>
      <c r="R36" s="936"/>
      <c r="S36" s="936"/>
      <c r="T36" s="936"/>
      <c r="U36" s="790"/>
      <c r="V36" s="780"/>
      <c r="W36" s="197" t="s">
        <v>175</v>
      </c>
      <c r="Z36" s="9"/>
      <c r="AA36" s="249"/>
      <c r="AB36" s="18"/>
      <c r="AC36" s="249"/>
      <c r="AD36" s="150"/>
    </row>
    <row r="37" spans="1:31" s="8" customFormat="1" ht="17.25" customHeight="1" x14ac:dyDescent="0.15">
      <c r="B37" s="926"/>
      <c r="C37" s="807"/>
      <c r="D37" s="807"/>
      <c r="E37" s="807"/>
      <c r="F37" s="927"/>
      <c r="G37" s="9"/>
      <c r="I37" s="269" t="s">
        <v>277</v>
      </c>
      <c r="J37" s="272" t="s">
        <v>551</v>
      </c>
      <c r="K37" s="172"/>
      <c r="L37" s="172"/>
      <c r="M37" s="172"/>
      <c r="N37" s="172"/>
      <c r="O37" s="172"/>
      <c r="P37" s="172"/>
      <c r="Q37" s="172"/>
      <c r="R37" s="172"/>
      <c r="S37" s="172"/>
      <c r="T37" s="172"/>
      <c r="U37" s="790"/>
      <c r="V37" s="780"/>
      <c r="W37" s="171" t="s">
        <v>175</v>
      </c>
      <c r="Y37" s="264"/>
      <c r="Z37" s="20"/>
      <c r="AA37" s="178" t="s">
        <v>0</v>
      </c>
      <c r="AB37" s="178" t="s">
        <v>217</v>
      </c>
      <c r="AC37" s="178" t="s">
        <v>0</v>
      </c>
      <c r="AD37" s="150"/>
    </row>
    <row r="38" spans="1:31" s="8" customFormat="1" ht="17.25" customHeight="1" x14ac:dyDescent="0.15">
      <c r="A38" s="149"/>
      <c r="B38" s="928"/>
      <c r="C38" s="929"/>
      <c r="D38" s="929"/>
      <c r="E38" s="929"/>
      <c r="F38" s="930"/>
      <c r="G38" s="173"/>
      <c r="H38" s="172"/>
      <c r="I38" s="172"/>
      <c r="J38" s="172"/>
      <c r="K38" s="172"/>
      <c r="L38" s="172"/>
      <c r="M38" s="172"/>
      <c r="N38" s="172"/>
      <c r="O38" s="172"/>
      <c r="P38" s="172"/>
      <c r="Q38" s="172"/>
      <c r="R38" s="172"/>
      <c r="S38" s="172"/>
      <c r="T38" s="267"/>
      <c r="U38" s="267"/>
      <c r="V38" s="172"/>
      <c r="W38" s="172"/>
      <c r="X38" s="172"/>
      <c r="Y38" s="172"/>
      <c r="Z38" s="173"/>
      <c r="AA38" s="172"/>
      <c r="AB38" s="172"/>
      <c r="AC38" s="162"/>
      <c r="AD38" s="266"/>
      <c r="AE38" s="9"/>
    </row>
    <row r="39" spans="1:31" s="8" customFormat="1" ht="17.25" customHeight="1" x14ac:dyDescent="0.15">
      <c r="B39" s="265"/>
      <c r="C39" s="304"/>
      <c r="D39" s="265"/>
      <c r="E39" s="265"/>
      <c r="F39" s="265"/>
      <c r="T39" s="264"/>
      <c r="U39" s="264"/>
    </row>
    <row r="40" spans="1:31" s="8" customFormat="1" ht="17.25" customHeight="1" x14ac:dyDescent="0.15">
      <c r="B40" s="8" t="s">
        <v>555</v>
      </c>
      <c r="C40" s="265"/>
      <c r="D40" s="265"/>
      <c r="E40" s="265"/>
      <c r="F40" s="265"/>
      <c r="T40" s="264"/>
      <c r="U40" s="264"/>
    </row>
    <row r="41" spans="1:31" s="8" customFormat="1" ht="17.25" customHeight="1" x14ac:dyDescent="0.15">
      <c r="B41" s="248" t="s">
        <v>647</v>
      </c>
      <c r="C41" s="265"/>
      <c r="D41" s="265"/>
      <c r="E41" s="265"/>
      <c r="F41" s="265"/>
      <c r="T41" s="264"/>
      <c r="U41" s="264"/>
    </row>
    <row r="42" spans="1:31" s="8" customFormat="1" ht="17.25" customHeight="1" x14ac:dyDescent="0.15">
      <c r="B42" s="923" t="s">
        <v>553</v>
      </c>
      <c r="C42" s="924"/>
      <c r="D42" s="924"/>
      <c r="E42" s="924"/>
      <c r="F42" s="925"/>
      <c r="G42" s="158"/>
      <c r="H42" s="157"/>
      <c r="I42" s="157"/>
      <c r="J42" s="157"/>
      <c r="K42" s="157"/>
      <c r="L42" s="157"/>
      <c r="M42" s="157"/>
      <c r="N42" s="157"/>
      <c r="O42" s="157"/>
      <c r="P42" s="157"/>
      <c r="Q42" s="157"/>
      <c r="R42" s="157"/>
      <c r="S42" s="157"/>
      <c r="T42" s="157"/>
      <c r="U42" s="157"/>
      <c r="V42" s="157"/>
      <c r="W42" s="157"/>
      <c r="X42" s="157"/>
      <c r="Y42" s="157"/>
      <c r="Z42" s="158"/>
      <c r="AA42" s="157"/>
      <c r="AB42" s="157"/>
      <c r="AC42" s="166"/>
      <c r="AD42" s="251"/>
    </row>
    <row r="43" spans="1:31" s="8" customFormat="1" ht="17.25" customHeight="1" x14ac:dyDescent="0.15">
      <c r="B43" s="926"/>
      <c r="C43" s="807"/>
      <c r="D43" s="807"/>
      <c r="E43" s="807"/>
      <c r="F43" s="927"/>
      <c r="G43" s="9"/>
      <c r="H43" s="8" t="s">
        <v>606</v>
      </c>
      <c r="Z43" s="9"/>
      <c r="AA43" s="152" t="s">
        <v>227</v>
      </c>
      <c r="AB43" s="152" t="s">
        <v>217</v>
      </c>
      <c r="AC43" s="152" t="s">
        <v>226</v>
      </c>
      <c r="AD43" s="270"/>
    </row>
    <row r="44" spans="1:31" s="8" customFormat="1" ht="17.25" customHeight="1" x14ac:dyDescent="0.15">
      <c r="B44" s="926"/>
      <c r="C44" s="807"/>
      <c r="D44" s="807"/>
      <c r="E44" s="807"/>
      <c r="F44" s="927"/>
      <c r="G44" s="9"/>
      <c r="I44" s="188" t="s">
        <v>279</v>
      </c>
      <c r="J44" s="935" t="s">
        <v>552</v>
      </c>
      <c r="K44" s="936"/>
      <c r="L44" s="936"/>
      <c r="M44" s="936"/>
      <c r="N44" s="936"/>
      <c r="O44" s="936"/>
      <c r="P44" s="936"/>
      <c r="Q44" s="936"/>
      <c r="R44" s="936"/>
      <c r="S44" s="936"/>
      <c r="T44" s="936"/>
      <c r="U44" s="790"/>
      <c r="V44" s="780"/>
      <c r="W44" s="197" t="s">
        <v>175</v>
      </c>
      <c r="Z44" s="9"/>
      <c r="AA44" s="249"/>
      <c r="AB44" s="18"/>
      <c r="AC44" s="249"/>
      <c r="AD44" s="150"/>
    </row>
    <row r="45" spans="1:31" s="8" customFormat="1" ht="17.25" customHeight="1" x14ac:dyDescent="0.15">
      <c r="B45" s="926"/>
      <c r="C45" s="807"/>
      <c r="D45" s="807"/>
      <c r="E45" s="807"/>
      <c r="F45" s="927"/>
      <c r="G45" s="9"/>
      <c r="I45" s="269" t="s">
        <v>277</v>
      </c>
      <c r="J45" s="272" t="s">
        <v>551</v>
      </c>
      <c r="K45" s="172"/>
      <c r="L45" s="172"/>
      <c r="M45" s="172"/>
      <c r="N45" s="172"/>
      <c r="O45" s="172"/>
      <c r="P45" s="172"/>
      <c r="Q45" s="172"/>
      <c r="R45" s="172"/>
      <c r="S45" s="172"/>
      <c r="T45" s="172"/>
      <c r="U45" s="790"/>
      <c r="V45" s="780"/>
      <c r="W45" s="171" t="s">
        <v>175</v>
      </c>
      <c r="Y45" s="264"/>
      <c r="Z45" s="20"/>
      <c r="AA45" s="178" t="s">
        <v>0</v>
      </c>
      <c r="AB45" s="178" t="s">
        <v>217</v>
      </c>
      <c r="AC45" s="178" t="s">
        <v>0</v>
      </c>
      <c r="AD45" s="150"/>
    </row>
    <row r="46" spans="1:31" s="8" customFormat="1" ht="17.25" customHeight="1" x14ac:dyDescent="0.15">
      <c r="B46" s="928"/>
      <c r="C46" s="929"/>
      <c r="D46" s="929"/>
      <c r="E46" s="929"/>
      <c r="F46" s="930"/>
      <c r="G46" s="173"/>
      <c r="H46" s="172"/>
      <c r="I46" s="172"/>
      <c r="J46" s="172"/>
      <c r="K46" s="172"/>
      <c r="L46" s="172"/>
      <c r="M46" s="172"/>
      <c r="N46" s="172"/>
      <c r="O46" s="172"/>
      <c r="P46" s="172"/>
      <c r="Q46" s="172"/>
      <c r="R46" s="172"/>
      <c r="S46" s="172"/>
      <c r="T46" s="267"/>
      <c r="U46" s="267"/>
      <c r="V46" s="172"/>
      <c r="W46" s="172"/>
      <c r="X46" s="172"/>
      <c r="Y46" s="172"/>
      <c r="Z46" s="173"/>
      <c r="AA46" s="172"/>
      <c r="AB46" s="172"/>
      <c r="AC46" s="162"/>
      <c r="AD46" s="266"/>
    </row>
    <row r="47" spans="1:31" s="8" customFormat="1" ht="17.25" customHeight="1" x14ac:dyDescent="0.15">
      <c r="B47" s="923" t="s">
        <v>620</v>
      </c>
      <c r="C47" s="924"/>
      <c r="D47" s="924"/>
      <c r="E47" s="924"/>
      <c r="F47" s="925"/>
      <c r="G47" s="158"/>
      <c r="H47" s="157"/>
      <c r="I47" s="157"/>
      <c r="J47" s="157"/>
      <c r="K47" s="157"/>
      <c r="L47" s="157"/>
      <c r="M47" s="157"/>
      <c r="N47" s="157"/>
      <c r="O47" s="157"/>
      <c r="P47" s="157"/>
      <c r="Q47" s="157"/>
      <c r="R47" s="157"/>
      <c r="S47" s="157"/>
      <c r="T47" s="157"/>
      <c r="U47" s="157"/>
      <c r="V47" s="157"/>
      <c r="W47" s="157"/>
      <c r="X47" s="157"/>
      <c r="Y47" s="157"/>
      <c r="Z47" s="158"/>
      <c r="AA47" s="157"/>
      <c r="AB47" s="157"/>
      <c r="AC47" s="166"/>
      <c r="AD47" s="251"/>
    </row>
    <row r="48" spans="1:31" s="8" customFormat="1" ht="17.25" customHeight="1" x14ac:dyDescent="0.15">
      <c r="B48" s="926"/>
      <c r="C48" s="807"/>
      <c r="D48" s="807"/>
      <c r="E48" s="807"/>
      <c r="F48" s="927"/>
      <c r="G48" s="9"/>
      <c r="H48" s="8" t="s">
        <v>619</v>
      </c>
      <c r="Z48" s="9"/>
      <c r="AA48" s="152" t="s">
        <v>227</v>
      </c>
      <c r="AB48" s="152" t="s">
        <v>217</v>
      </c>
      <c r="AC48" s="152" t="s">
        <v>226</v>
      </c>
      <c r="AD48" s="270"/>
    </row>
    <row r="49" spans="2:30" s="8" customFormat="1" ht="17.25" customHeight="1" x14ac:dyDescent="0.15">
      <c r="B49" s="926"/>
      <c r="C49" s="807"/>
      <c r="D49" s="807"/>
      <c r="E49" s="807"/>
      <c r="F49" s="927"/>
      <c r="G49" s="9"/>
      <c r="I49" s="188" t="s">
        <v>279</v>
      </c>
      <c r="J49" s="933" t="s">
        <v>618</v>
      </c>
      <c r="K49" s="934"/>
      <c r="L49" s="934"/>
      <c r="M49" s="934"/>
      <c r="N49" s="934"/>
      <c r="O49" s="934"/>
      <c r="P49" s="934"/>
      <c r="Q49" s="934"/>
      <c r="R49" s="934"/>
      <c r="S49" s="934"/>
      <c r="T49" s="934"/>
      <c r="U49" s="790"/>
      <c r="V49" s="780"/>
      <c r="W49" s="197" t="s">
        <v>175</v>
      </c>
      <c r="Z49" s="9"/>
      <c r="AA49" s="249"/>
      <c r="AB49" s="18"/>
      <c r="AC49" s="249"/>
      <c r="AD49" s="150"/>
    </row>
    <row r="50" spans="2:30" s="8" customFormat="1" ht="17.25" customHeight="1" x14ac:dyDescent="0.15">
      <c r="B50" s="926"/>
      <c r="C50" s="807"/>
      <c r="D50" s="807"/>
      <c r="E50" s="807"/>
      <c r="F50" s="927"/>
      <c r="G50" s="9"/>
      <c r="I50" s="269" t="s">
        <v>277</v>
      </c>
      <c r="J50" s="935" t="s">
        <v>545</v>
      </c>
      <c r="K50" s="936"/>
      <c r="L50" s="936"/>
      <c r="M50" s="936"/>
      <c r="N50" s="936"/>
      <c r="O50" s="936"/>
      <c r="P50" s="936"/>
      <c r="Q50" s="936"/>
      <c r="R50" s="936"/>
      <c r="S50" s="936"/>
      <c r="T50" s="936"/>
      <c r="U50" s="790"/>
      <c r="V50" s="780"/>
      <c r="W50" s="171" t="s">
        <v>175</v>
      </c>
      <c r="Y50" s="264"/>
      <c r="Z50" s="20"/>
      <c r="AA50" s="178" t="s">
        <v>0</v>
      </c>
      <c r="AB50" s="178" t="s">
        <v>217</v>
      </c>
      <c r="AC50" s="178" t="s">
        <v>0</v>
      </c>
      <c r="AD50" s="150"/>
    </row>
    <row r="51" spans="2:30" s="8" customFormat="1" ht="17.25" customHeight="1" x14ac:dyDescent="0.15">
      <c r="B51" s="928"/>
      <c r="C51" s="929"/>
      <c r="D51" s="929"/>
      <c r="E51" s="929"/>
      <c r="F51" s="930"/>
      <c r="G51" s="173"/>
      <c r="H51" s="172"/>
      <c r="I51" s="172"/>
      <c r="J51" s="172"/>
      <c r="K51" s="172"/>
      <c r="L51" s="172"/>
      <c r="M51" s="172"/>
      <c r="N51" s="172"/>
      <c r="O51" s="172"/>
      <c r="P51" s="172"/>
      <c r="Q51" s="172"/>
      <c r="R51" s="172"/>
      <c r="S51" s="172"/>
      <c r="T51" s="267"/>
      <c r="U51" s="267"/>
      <c r="V51" s="172"/>
      <c r="W51" s="172"/>
      <c r="X51" s="172"/>
      <c r="Y51" s="172"/>
      <c r="Z51" s="173"/>
      <c r="AA51" s="172"/>
      <c r="AB51" s="172"/>
      <c r="AC51" s="162"/>
      <c r="AD51" s="266"/>
    </row>
    <row r="52" spans="2:30" s="8" customFormat="1" ht="17.25" customHeight="1" x14ac:dyDescent="0.15">
      <c r="B52" s="923" t="s">
        <v>544</v>
      </c>
      <c r="C52" s="924"/>
      <c r="D52" s="924"/>
      <c r="E52" s="924"/>
      <c r="F52" s="925"/>
      <c r="G52" s="158"/>
      <c r="H52" s="157"/>
      <c r="I52" s="157"/>
      <c r="J52" s="157"/>
      <c r="K52" s="157"/>
      <c r="L52" s="157"/>
      <c r="M52" s="157"/>
      <c r="N52" s="157"/>
      <c r="O52" s="157"/>
      <c r="P52" s="157"/>
      <c r="Q52" s="157"/>
      <c r="R52" s="157"/>
      <c r="S52" s="157"/>
      <c r="T52" s="157"/>
      <c r="U52" s="157"/>
      <c r="V52" s="157"/>
      <c r="W52" s="157"/>
      <c r="X52" s="157"/>
      <c r="Y52" s="157"/>
      <c r="Z52" s="158"/>
      <c r="AA52" s="157"/>
      <c r="AB52" s="157"/>
      <c r="AC52" s="166"/>
      <c r="AD52" s="251"/>
    </row>
    <row r="53" spans="2:30" s="8" customFormat="1" ht="17.25" customHeight="1" x14ac:dyDescent="0.15">
      <c r="B53" s="926"/>
      <c r="C53" s="807"/>
      <c r="D53" s="807"/>
      <c r="E53" s="807"/>
      <c r="F53" s="927"/>
      <c r="G53" s="9"/>
      <c r="H53" s="8" t="s">
        <v>543</v>
      </c>
      <c r="Z53" s="9"/>
      <c r="AA53" s="152" t="s">
        <v>227</v>
      </c>
      <c r="AB53" s="152" t="s">
        <v>217</v>
      </c>
      <c r="AC53" s="152" t="s">
        <v>226</v>
      </c>
      <c r="AD53" s="270"/>
    </row>
    <row r="54" spans="2:30" s="8" customFormat="1" ht="25.5" customHeight="1" x14ac:dyDescent="0.15">
      <c r="B54" s="926"/>
      <c r="C54" s="807"/>
      <c r="D54" s="807"/>
      <c r="E54" s="807"/>
      <c r="F54" s="927"/>
      <c r="G54" s="9"/>
      <c r="I54" s="188" t="s">
        <v>279</v>
      </c>
      <c r="J54" s="933" t="s">
        <v>604</v>
      </c>
      <c r="K54" s="934"/>
      <c r="L54" s="934"/>
      <c r="M54" s="934"/>
      <c r="N54" s="934"/>
      <c r="O54" s="934"/>
      <c r="P54" s="934"/>
      <c r="Q54" s="934"/>
      <c r="R54" s="934"/>
      <c r="S54" s="934"/>
      <c r="T54" s="934"/>
      <c r="U54" s="790"/>
      <c r="V54" s="780"/>
      <c r="W54" s="197" t="s">
        <v>175</v>
      </c>
      <c r="Z54" s="9"/>
      <c r="AA54" s="249"/>
      <c r="AB54" s="18"/>
      <c r="AC54" s="249"/>
      <c r="AD54" s="150"/>
    </row>
    <row r="55" spans="2:30" s="8" customFormat="1" ht="26.25" customHeight="1" x14ac:dyDescent="0.15">
      <c r="B55" s="926"/>
      <c r="C55" s="807"/>
      <c r="D55" s="807"/>
      <c r="E55" s="807"/>
      <c r="F55" s="927"/>
      <c r="G55" s="9"/>
      <c r="I55" s="269" t="s">
        <v>277</v>
      </c>
      <c r="J55" s="935" t="s">
        <v>646</v>
      </c>
      <c r="K55" s="936"/>
      <c r="L55" s="936"/>
      <c r="M55" s="936"/>
      <c r="N55" s="936"/>
      <c r="O55" s="936"/>
      <c r="P55" s="936"/>
      <c r="Q55" s="936"/>
      <c r="R55" s="936"/>
      <c r="S55" s="936"/>
      <c r="T55" s="936"/>
      <c r="U55" s="790"/>
      <c r="V55" s="780"/>
      <c r="W55" s="171" t="s">
        <v>175</v>
      </c>
      <c r="Y55" s="264"/>
      <c r="Z55" s="20"/>
      <c r="AA55" s="178" t="s">
        <v>0</v>
      </c>
      <c r="AB55" s="178" t="s">
        <v>217</v>
      </c>
      <c r="AC55" s="178" t="s">
        <v>0</v>
      </c>
      <c r="AD55" s="150"/>
    </row>
    <row r="56" spans="2:30" s="8" customFormat="1" ht="17.25" customHeight="1" x14ac:dyDescent="0.15">
      <c r="B56" s="928"/>
      <c r="C56" s="929"/>
      <c r="D56" s="929"/>
      <c r="E56" s="929"/>
      <c r="F56" s="930"/>
      <c r="G56" s="173"/>
      <c r="H56" s="172"/>
      <c r="I56" s="172"/>
      <c r="J56" s="172"/>
      <c r="K56" s="172"/>
      <c r="L56" s="172"/>
      <c r="M56" s="172"/>
      <c r="N56" s="172"/>
      <c r="O56" s="172"/>
      <c r="P56" s="172"/>
      <c r="Q56" s="172"/>
      <c r="R56" s="172"/>
      <c r="S56" s="172"/>
      <c r="T56" s="267"/>
      <c r="U56" s="267"/>
      <c r="V56" s="172"/>
      <c r="W56" s="172"/>
      <c r="X56" s="172"/>
      <c r="Y56" s="172"/>
      <c r="Z56" s="173"/>
      <c r="AA56" s="172"/>
      <c r="AB56" s="172"/>
      <c r="AC56" s="162"/>
      <c r="AD56" s="266"/>
    </row>
    <row r="57" spans="2:30" s="8" customFormat="1" ht="17.25" customHeight="1" x14ac:dyDescent="0.15">
      <c r="B57" s="265"/>
      <c r="C57" s="265"/>
      <c r="D57" s="265"/>
      <c r="E57" s="265"/>
      <c r="F57" s="265"/>
      <c r="T57" s="264"/>
      <c r="U57" s="264"/>
    </row>
    <row r="58" spans="2:30" s="8" customFormat="1" ht="17.25" customHeight="1" x14ac:dyDescent="0.15">
      <c r="B58" s="975" t="s">
        <v>170</v>
      </c>
      <c r="C58" s="931"/>
      <c r="D58" s="263" t="s">
        <v>602</v>
      </c>
      <c r="E58" s="263"/>
      <c r="F58" s="263"/>
      <c r="G58" s="263"/>
      <c r="H58" s="263"/>
      <c r="I58" s="263"/>
      <c r="J58" s="263"/>
      <c r="K58" s="263"/>
      <c r="L58" s="263"/>
      <c r="M58" s="263"/>
      <c r="N58" s="263"/>
      <c r="O58" s="263"/>
      <c r="P58" s="263"/>
      <c r="Q58" s="263"/>
      <c r="R58" s="263"/>
      <c r="S58" s="263"/>
      <c r="T58" s="263"/>
      <c r="U58" s="263"/>
      <c r="V58" s="263"/>
      <c r="W58" s="263"/>
      <c r="X58" s="263"/>
      <c r="Y58" s="263"/>
      <c r="Z58" s="263"/>
      <c r="AA58" s="263"/>
      <c r="AB58" s="263"/>
      <c r="AC58" s="263"/>
      <c r="AD58" s="263"/>
    </row>
    <row r="59" spans="2:30" s="8" customFormat="1" ht="17.25" customHeight="1" x14ac:dyDescent="0.15">
      <c r="B59" s="998"/>
      <c r="C59" s="999"/>
      <c r="D59" s="1000"/>
      <c r="E59" s="1000"/>
      <c r="F59" s="1000"/>
      <c r="G59" s="1000"/>
      <c r="H59" s="1000"/>
      <c r="I59" s="1000"/>
      <c r="J59" s="1000"/>
      <c r="K59" s="1000"/>
      <c r="L59" s="1000"/>
      <c r="M59" s="1000"/>
      <c r="N59" s="1000"/>
      <c r="O59" s="1000"/>
      <c r="P59" s="1000"/>
      <c r="Q59" s="1000"/>
      <c r="R59" s="1000"/>
      <c r="S59" s="1000"/>
      <c r="T59" s="1000"/>
      <c r="U59" s="1000"/>
      <c r="V59" s="1000"/>
      <c r="W59" s="1000"/>
      <c r="X59" s="1000"/>
      <c r="Y59" s="1000"/>
      <c r="Z59" s="1000"/>
      <c r="AA59" s="1000"/>
      <c r="AB59" s="1000"/>
      <c r="AC59" s="1000"/>
      <c r="AD59" s="1000"/>
    </row>
    <row r="60" spans="2:30" s="8" customFormat="1" ht="17.25" customHeight="1" x14ac:dyDescent="0.15">
      <c r="B60" s="14"/>
      <c r="C60" s="14"/>
      <c r="D60" s="14"/>
      <c r="E60" s="14"/>
      <c r="F60" s="14"/>
      <c r="G60" s="14"/>
      <c r="H60" s="14"/>
      <c r="I60" s="14"/>
      <c r="J60" s="14"/>
      <c r="K60" s="14"/>
      <c r="L60" s="14"/>
      <c r="M60" s="14"/>
      <c r="N60" s="14"/>
      <c r="O60" s="14"/>
      <c r="P60" s="14"/>
      <c r="Q60" s="14"/>
      <c r="R60" s="14"/>
      <c r="S60" s="14"/>
      <c r="T60" s="14"/>
      <c r="U60" s="14"/>
      <c r="V60" s="14"/>
      <c r="W60" s="14"/>
      <c r="X60" s="14"/>
      <c r="Y60" s="14"/>
      <c r="Z60" s="14"/>
      <c r="AA60" s="14"/>
      <c r="AB60" s="14"/>
      <c r="AC60" s="14"/>
      <c r="AD60" s="14"/>
    </row>
    <row r="61" spans="2:30" s="8" customFormat="1" ht="17.25" customHeight="1" x14ac:dyDescent="0.15">
      <c r="B61" s="6"/>
      <c r="C61" s="6"/>
      <c r="D61" s="6"/>
      <c r="E61" s="6"/>
      <c r="F61" s="6"/>
      <c r="G61" s="6"/>
      <c r="H61" s="6"/>
      <c r="I61" s="6"/>
      <c r="J61" s="6"/>
      <c r="K61" s="6"/>
      <c r="L61" s="6"/>
      <c r="M61" s="6"/>
      <c r="N61" s="6"/>
      <c r="O61" s="6"/>
      <c r="P61" s="6"/>
      <c r="Q61" s="6"/>
      <c r="R61" s="6"/>
      <c r="S61" s="6"/>
      <c r="T61" s="6"/>
      <c r="U61" s="6"/>
      <c r="V61" s="6"/>
      <c r="W61" s="6"/>
      <c r="X61" s="6"/>
      <c r="Y61" s="6"/>
      <c r="Z61" s="6"/>
      <c r="AA61" s="6"/>
      <c r="AB61" s="6"/>
      <c r="AC61" s="6"/>
      <c r="AD61" s="6"/>
    </row>
    <row r="62" spans="2:30" s="6" customFormat="1" ht="17.25" customHeight="1" x14ac:dyDescent="0.15"/>
    <row r="63" spans="2:30" ht="17.25" customHeight="1" x14ac:dyDescent="0.15">
      <c r="B63" s="6"/>
      <c r="C63" s="6"/>
      <c r="D63" s="6"/>
      <c r="E63" s="6"/>
      <c r="F63" s="6"/>
      <c r="G63" s="6"/>
      <c r="H63" s="6"/>
      <c r="I63" s="6"/>
      <c r="J63" s="6"/>
      <c r="K63" s="6"/>
      <c r="L63" s="6"/>
      <c r="M63" s="6"/>
      <c r="N63" s="6"/>
      <c r="O63" s="6"/>
      <c r="P63" s="6"/>
      <c r="Q63" s="6"/>
      <c r="R63" s="6"/>
      <c r="S63" s="6"/>
      <c r="T63" s="6"/>
      <c r="U63" s="6"/>
      <c r="V63" s="6"/>
      <c r="W63" s="6"/>
      <c r="X63" s="6"/>
      <c r="Y63" s="6"/>
      <c r="Z63" s="6"/>
      <c r="AA63" s="6"/>
      <c r="AB63" s="6"/>
      <c r="AC63" s="6"/>
      <c r="AD63" s="6"/>
    </row>
    <row r="64" spans="2:30" ht="17.25" customHeight="1" x14ac:dyDescent="0.15">
      <c r="B64" s="6"/>
      <c r="C64" s="6"/>
      <c r="D64" s="6"/>
      <c r="E64" s="6"/>
      <c r="F64" s="6"/>
      <c r="G64" s="6"/>
      <c r="H64" s="6"/>
      <c r="I64" s="6"/>
      <c r="J64" s="6"/>
      <c r="K64" s="6"/>
      <c r="L64" s="6"/>
      <c r="M64" s="6"/>
      <c r="N64" s="6"/>
      <c r="O64" s="6"/>
      <c r="P64" s="6"/>
      <c r="Q64" s="6"/>
      <c r="R64" s="6"/>
      <c r="S64" s="6"/>
      <c r="T64" s="6"/>
      <c r="U64" s="6"/>
      <c r="V64" s="6"/>
      <c r="W64" s="6"/>
      <c r="X64" s="6"/>
      <c r="Y64" s="6"/>
      <c r="Z64" s="6"/>
      <c r="AA64" s="6"/>
      <c r="AB64" s="6"/>
      <c r="AC64" s="6"/>
      <c r="AD64" s="6"/>
    </row>
    <row r="65" spans="2:30" s="6" customFormat="1" ht="17.25" customHeight="1" x14ac:dyDescent="0.15">
      <c r="B65" s="140"/>
      <c r="C65" s="3"/>
      <c r="D65" s="3"/>
      <c r="E65" s="3"/>
      <c r="F65" s="3"/>
      <c r="G65" s="3"/>
      <c r="H65" s="3"/>
      <c r="I65" s="3"/>
      <c r="J65" s="3"/>
      <c r="K65" s="3"/>
      <c r="L65" s="3"/>
      <c r="M65" s="3"/>
      <c r="N65" s="3"/>
      <c r="O65" s="3"/>
      <c r="P65" s="3"/>
      <c r="Q65" s="3"/>
      <c r="R65" s="3"/>
      <c r="S65" s="3"/>
      <c r="T65" s="3"/>
      <c r="U65" s="3"/>
      <c r="V65" s="3"/>
      <c r="W65" s="3"/>
      <c r="X65" s="3"/>
      <c r="Y65" s="3"/>
      <c r="Z65" s="3"/>
      <c r="AA65" s="3"/>
      <c r="AB65" s="3"/>
      <c r="AC65" s="3"/>
      <c r="AD65" s="3"/>
    </row>
    <row r="66" spans="2:30" s="6" customFormat="1" ht="17.25" customHeight="1" x14ac:dyDescent="0.15">
      <c r="B66" s="140"/>
      <c r="C66" s="3"/>
      <c r="D66" s="3"/>
      <c r="E66" s="3"/>
      <c r="F66" s="3"/>
      <c r="G66" s="3"/>
      <c r="H66" s="3"/>
      <c r="I66" s="3"/>
      <c r="J66" s="3"/>
      <c r="K66" s="3"/>
      <c r="L66" s="3"/>
      <c r="M66" s="3"/>
      <c r="N66" s="3"/>
      <c r="O66" s="3"/>
      <c r="P66" s="3"/>
      <c r="Q66" s="3"/>
      <c r="R66" s="3"/>
      <c r="S66" s="3"/>
      <c r="T66" s="3"/>
      <c r="U66" s="3"/>
      <c r="V66" s="3"/>
      <c r="W66" s="3"/>
      <c r="X66" s="3"/>
      <c r="Y66" s="3"/>
      <c r="Z66" s="3"/>
      <c r="AA66" s="3"/>
      <c r="AB66" s="3"/>
      <c r="AC66" s="3"/>
      <c r="AD66" s="3"/>
    </row>
    <row r="67" spans="2:30" s="6" customFormat="1" ht="17.25" customHeight="1" x14ac:dyDescent="0.15">
      <c r="B67" s="140"/>
      <c r="C67" s="3"/>
      <c r="D67" s="3"/>
      <c r="E67" s="3"/>
      <c r="F67" s="3"/>
      <c r="G67" s="3"/>
      <c r="H67" s="3"/>
      <c r="I67" s="3"/>
      <c r="J67" s="3"/>
      <c r="K67" s="3"/>
      <c r="L67" s="3"/>
      <c r="M67" s="3"/>
      <c r="N67" s="3"/>
      <c r="O67" s="3"/>
      <c r="P67" s="3"/>
      <c r="Q67" s="3"/>
      <c r="R67" s="3"/>
      <c r="S67" s="3"/>
      <c r="T67" s="3"/>
      <c r="U67" s="3"/>
      <c r="V67" s="3"/>
      <c r="W67" s="3"/>
      <c r="X67" s="3"/>
      <c r="Y67" s="3"/>
      <c r="Z67" s="3"/>
      <c r="AA67" s="3"/>
      <c r="AB67" s="3"/>
      <c r="AC67" s="3"/>
      <c r="AD67" s="3"/>
    </row>
    <row r="68" spans="2:30" s="6" customFormat="1" ht="17.25" customHeight="1" x14ac:dyDescent="0.15">
      <c r="B68" s="140"/>
      <c r="C68" s="3"/>
      <c r="D68" s="3"/>
      <c r="E68" s="3"/>
      <c r="F68" s="3"/>
      <c r="G68" s="3"/>
      <c r="H68" s="3"/>
      <c r="I68" s="3"/>
      <c r="J68" s="3"/>
      <c r="K68" s="3"/>
      <c r="L68" s="3"/>
      <c r="M68" s="3"/>
      <c r="N68" s="3"/>
      <c r="O68" s="3"/>
      <c r="P68" s="3"/>
      <c r="Q68" s="3"/>
      <c r="R68" s="3"/>
      <c r="S68" s="3"/>
      <c r="T68" s="3"/>
      <c r="U68" s="3"/>
      <c r="V68" s="3"/>
      <c r="W68" s="3"/>
      <c r="X68" s="3"/>
      <c r="Y68" s="3"/>
      <c r="Z68" s="3"/>
      <c r="AA68" s="3"/>
      <c r="AB68" s="3"/>
      <c r="AC68" s="3"/>
      <c r="AD68" s="3"/>
    </row>
    <row r="69" spans="2:30" s="6" customFormat="1" ht="17.25" customHeight="1" x14ac:dyDescent="0.15">
      <c r="B69" s="140"/>
      <c r="C69" s="3"/>
      <c r="D69" s="3"/>
      <c r="E69" s="3"/>
      <c r="F69" s="3"/>
      <c r="G69" s="3"/>
      <c r="H69" s="3"/>
      <c r="I69" s="3"/>
      <c r="J69" s="3"/>
      <c r="K69" s="3"/>
      <c r="L69" s="3"/>
      <c r="M69" s="3"/>
      <c r="N69" s="3"/>
      <c r="O69" s="3"/>
      <c r="P69" s="3"/>
      <c r="Q69" s="3"/>
      <c r="R69" s="3"/>
      <c r="S69" s="3"/>
      <c r="T69" s="3"/>
      <c r="U69" s="3"/>
      <c r="V69" s="3"/>
      <c r="W69" s="3"/>
      <c r="X69" s="3"/>
      <c r="Y69" s="3"/>
      <c r="Z69" s="3"/>
      <c r="AA69" s="3"/>
      <c r="AB69" s="3"/>
      <c r="AC69" s="3"/>
      <c r="AD69" s="3"/>
    </row>
    <row r="70" spans="2:30" s="6" customFormat="1" ht="17.25" customHeight="1" x14ac:dyDescent="0.15">
      <c r="B70" s="140"/>
      <c r="C70" s="3"/>
      <c r="D70" s="3"/>
      <c r="E70" s="3"/>
      <c r="F70" s="3"/>
      <c r="G70" s="3"/>
      <c r="H70" s="3"/>
      <c r="I70" s="3"/>
      <c r="J70" s="3"/>
      <c r="K70" s="3"/>
      <c r="L70" s="3"/>
      <c r="M70" s="3"/>
      <c r="N70" s="3"/>
      <c r="O70" s="3"/>
      <c r="P70" s="3"/>
      <c r="Q70" s="3"/>
      <c r="R70" s="3"/>
      <c r="S70" s="3"/>
      <c r="T70" s="3"/>
      <c r="U70" s="3"/>
      <c r="V70" s="3"/>
      <c r="W70" s="3"/>
      <c r="X70" s="3"/>
      <c r="Y70" s="3"/>
      <c r="Z70" s="3"/>
      <c r="AA70" s="3"/>
      <c r="AB70" s="3"/>
      <c r="AC70" s="3"/>
      <c r="AD70" s="3"/>
    </row>
    <row r="122" spans="3:7" ht="17.25" customHeight="1" x14ac:dyDescent="0.15">
      <c r="C122" s="5"/>
      <c r="D122" s="5"/>
      <c r="E122" s="5"/>
      <c r="F122" s="5"/>
      <c r="G122" s="5"/>
    </row>
    <row r="123" spans="3:7" ht="17.25" customHeight="1" x14ac:dyDescent="0.15">
      <c r="C123" s="4"/>
    </row>
  </sheetData>
  <mergeCells count="39">
    <mergeCell ref="V3:W3"/>
    <mergeCell ref="Y3:Z3"/>
    <mergeCell ref="AB3:AC3"/>
    <mergeCell ref="B5:AD5"/>
    <mergeCell ref="B6:AD6"/>
    <mergeCell ref="B8:F8"/>
    <mergeCell ref="G8:AD8"/>
    <mergeCell ref="B9:F9"/>
    <mergeCell ref="B10:F12"/>
    <mergeCell ref="B13:F14"/>
    <mergeCell ref="B19:F26"/>
    <mergeCell ref="J21:T21"/>
    <mergeCell ref="U21:V21"/>
    <mergeCell ref="U22:V22"/>
    <mergeCell ref="J25:T25"/>
    <mergeCell ref="U25:V25"/>
    <mergeCell ref="B28:F29"/>
    <mergeCell ref="G29:AD29"/>
    <mergeCell ref="B34:F38"/>
    <mergeCell ref="J36:T36"/>
    <mergeCell ref="U36:V36"/>
    <mergeCell ref="U37:V37"/>
    <mergeCell ref="B42:F46"/>
    <mergeCell ref="J44:T44"/>
    <mergeCell ref="U44:V44"/>
    <mergeCell ref="U45:V45"/>
    <mergeCell ref="B47:F51"/>
    <mergeCell ref="J49:T49"/>
    <mergeCell ref="U49:V49"/>
    <mergeCell ref="J50:T50"/>
    <mergeCell ref="U50:V50"/>
    <mergeCell ref="B59:C59"/>
    <mergeCell ref="D59:AD59"/>
    <mergeCell ref="B52:F56"/>
    <mergeCell ref="J54:T54"/>
    <mergeCell ref="U54:V54"/>
    <mergeCell ref="J55:T55"/>
    <mergeCell ref="U55:V55"/>
    <mergeCell ref="B58:C58"/>
  </mergeCells>
  <phoneticPr fontId="2"/>
  <dataValidations count="1">
    <dataValidation type="list" allowBlank="1" showInputMessage="1" showErrorMessage="1" sqref="G9:G14 L9 Q9 S13 AA22 AC22 AA25 AC25 AA37 AC37 AA45 AC45 AA50 AC50 AA55 AC55">
      <formula1>"□,■"</formula1>
    </dataValidation>
  </dataValidations>
  <pageMargins left="0.70866141732283472" right="0.70866141732283472" top="0.74803149606299213" bottom="0.74803149606299213" header="0.31496062992125984" footer="0.31496062992125984"/>
  <pageSetup paperSize="9" scale="77" orientation="portrait" r:id="rId1"/>
  <rowBreaks count="1" manualBreakCount="1">
    <brk id="59" max="16383" man="1"/>
  </rowBreaks>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AD123"/>
  <sheetViews>
    <sheetView zoomScaleNormal="100" zoomScaleSheetLayoutView="40" workbookViewId="0">
      <selection activeCell="C87" sqref="C87"/>
    </sheetView>
  </sheetViews>
  <sheetFormatPr defaultColWidth="3.5" defaultRowHeight="13.5" x14ac:dyDescent="0.15"/>
  <cols>
    <col min="1" max="1" width="1.25" style="3" customWidth="1"/>
    <col min="2" max="2" width="3.125" style="140" customWidth="1"/>
    <col min="3" max="30" width="3.125" style="3" customWidth="1"/>
    <col min="31" max="31" width="1.25" style="3" customWidth="1"/>
    <col min="32" max="16384" width="3.5" style="3"/>
  </cols>
  <sheetData>
    <row r="1" spans="2:30" s="8" customFormat="1" x14ac:dyDescent="0.15"/>
    <row r="2" spans="2:30" s="8" customFormat="1" x14ac:dyDescent="0.15">
      <c r="B2" s="8" t="s">
        <v>660</v>
      </c>
    </row>
    <row r="3" spans="2:30" s="8" customFormat="1" x14ac:dyDescent="0.15">
      <c r="U3" s="17" t="s">
        <v>12</v>
      </c>
      <c r="V3" s="778"/>
      <c r="W3" s="778"/>
      <c r="X3" s="18" t="s">
        <v>11</v>
      </c>
      <c r="Y3" s="778"/>
      <c r="Z3" s="778"/>
      <c r="AA3" s="18" t="s">
        <v>10</v>
      </c>
      <c r="AB3" s="778"/>
      <c r="AC3" s="778"/>
      <c r="AD3" s="18" t="s">
        <v>20</v>
      </c>
    </row>
    <row r="4" spans="2:30" s="8" customFormat="1" x14ac:dyDescent="0.15">
      <c r="AD4" s="17"/>
    </row>
    <row r="5" spans="2:30" s="8" customFormat="1" ht="27.75" customHeight="1" x14ac:dyDescent="0.15">
      <c r="B5" s="807" t="s">
        <v>659</v>
      </c>
      <c r="C5" s="807"/>
      <c r="D5" s="807"/>
      <c r="E5" s="807"/>
      <c r="F5" s="807"/>
      <c r="G5" s="807"/>
      <c r="H5" s="807"/>
      <c r="I5" s="807"/>
      <c r="J5" s="807"/>
      <c r="K5" s="807"/>
      <c r="L5" s="807"/>
      <c r="M5" s="807"/>
      <c r="N5" s="807"/>
      <c r="O5" s="807"/>
      <c r="P5" s="807"/>
      <c r="Q5" s="807"/>
      <c r="R5" s="807"/>
      <c r="S5" s="807"/>
      <c r="T5" s="807"/>
      <c r="U5" s="807"/>
      <c r="V5" s="807"/>
      <c r="W5" s="807"/>
      <c r="X5" s="807"/>
      <c r="Y5" s="807"/>
      <c r="Z5" s="807"/>
      <c r="AA5" s="807"/>
      <c r="AB5" s="807"/>
      <c r="AC5" s="807"/>
      <c r="AD5" s="807"/>
    </row>
    <row r="6" spans="2:30" s="8" customFormat="1" x14ac:dyDescent="0.15"/>
    <row r="7" spans="2:30" s="8" customFormat="1" ht="23.25" customHeight="1" x14ac:dyDescent="0.15">
      <c r="B7" s="804" t="s">
        <v>576</v>
      </c>
      <c r="C7" s="804"/>
      <c r="D7" s="804"/>
      <c r="E7" s="804"/>
      <c r="F7" s="791"/>
      <c r="G7" s="791"/>
      <c r="H7" s="792"/>
      <c r="I7" s="792"/>
      <c r="J7" s="792"/>
      <c r="K7" s="792"/>
      <c r="L7" s="792"/>
      <c r="M7" s="792"/>
      <c r="N7" s="792"/>
      <c r="O7" s="792"/>
      <c r="P7" s="792"/>
      <c r="Q7" s="792"/>
      <c r="R7" s="792"/>
      <c r="S7" s="792"/>
      <c r="T7" s="792"/>
      <c r="U7" s="792"/>
      <c r="V7" s="792"/>
      <c r="W7" s="792"/>
      <c r="X7" s="792"/>
      <c r="Y7" s="792"/>
      <c r="Z7" s="792"/>
      <c r="AA7" s="792"/>
      <c r="AB7" s="792"/>
      <c r="AC7" s="792"/>
      <c r="AD7" s="793"/>
    </row>
    <row r="8" spans="2:30" ht="23.25" customHeight="1" x14ac:dyDescent="0.15">
      <c r="B8" s="791" t="s">
        <v>575</v>
      </c>
      <c r="C8" s="792"/>
      <c r="D8" s="792"/>
      <c r="E8" s="792"/>
      <c r="F8" s="793"/>
      <c r="G8" s="180" t="s">
        <v>0</v>
      </c>
      <c r="H8" s="168" t="s">
        <v>242</v>
      </c>
      <c r="I8" s="168"/>
      <c r="J8" s="168"/>
      <c r="K8" s="168"/>
      <c r="L8" s="178" t="s">
        <v>0</v>
      </c>
      <c r="M8" s="168" t="s">
        <v>241</v>
      </c>
      <c r="N8" s="168"/>
      <c r="O8" s="168"/>
      <c r="P8" s="168"/>
      <c r="Q8" s="178" t="s">
        <v>0</v>
      </c>
      <c r="R8" s="168" t="s">
        <v>240</v>
      </c>
      <c r="S8" s="287"/>
      <c r="T8" s="287"/>
      <c r="U8" s="287"/>
      <c r="V8" s="287"/>
      <c r="W8" s="287"/>
      <c r="X8" s="287"/>
      <c r="Y8" s="287"/>
      <c r="Z8" s="287"/>
      <c r="AA8" s="287"/>
      <c r="AB8" s="287"/>
      <c r="AC8" s="287"/>
      <c r="AD8" s="286"/>
    </row>
    <row r="9" spans="2:30" ht="23.25" customHeight="1" x14ac:dyDescent="0.15">
      <c r="B9" s="906" t="s">
        <v>658</v>
      </c>
      <c r="C9" s="907"/>
      <c r="D9" s="907"/>
      <c r="E9" s="907"/>
      <c r="F9" s="908"/>
      <c r="G9" s="178" t="s">
        <v>0</v>
      </c>
      <c r="H9" s="166" t="s">
        <v>657</v>
      </c>
      <c r="I9" s="166"/>
      <c r="J9" s="166"/>
      <c r="K9" s="166"/>
      <c r="L9" s="166"/>
      <c r="M9" s="166"/>
      <c r="N9" s="166"/>
      <c r="O9" s="166"/>
      <c r="P9" s="166"/>
      <c r="Q9" s="166"/>
      <c r="R9" s="166"/>
      <c r="S9" s="283"/>
      <c r="T9" s="283"/>
      <c r="U9" s="283"/>
      <c r="V9" s="283"/>
      <c r="W9" s="283"/>
      <c r="X9" s="283"/>
      <c r="Y9" s="283"/>
      <c r="Z9" s="283"/>
      <c r="AA9" s="283"/>
      <c r="AB9" s="283"/>
      <c r="AC9" s="283"/>
      <c r="AD9" s="282"/>
    </row>
    <row r="10" spans="2:30" ht="23.25" customHeight="1" x14ac:dyDescent="0.15">
      <c r="B10" s="823"/>
      <c r="C10" s="809"/>
      <c r="D10" s="809"/>
      <c r="E10" s="809"/>
      <c r="F10" s="821"/>
      <c r="G10" s="178" t="s">
        <v>0</v>
      </c>
      <c r="H10" s="16" t="s">
        <v>656</v>
      </c>
      <c r="I10" s="16"/>
      <c r="J10" s="16"/>
      <c r="K10" s="16"/>
      <c r="L10" s="16"/>
      <c r="M10" s="16"/>
      <c r="N10" s="16"/>
      <c r="O10" s="16"/>
      <c r="P10" s="16"/>
      <c r="Q10" s="16"/>
      <c r="R10" s="16"/>
      <c r="S10" s="290"/>
      <c r="T10" s="290"/>
      <c r="U10" s="290"/>
      <c r="V10" s="290"/>
      <c r="W10" s="290"/>
      <c r="X10" s="290"/>
      <c r="Y10" s="290"/>
      <c r="Z10" s="290"/>
      <c r="AA10" s="290"/>
      <c r="AB10" s="290"/>
      <c r="AC10" s="290"/>
      <c r="AD10" s="289"/>
    </row>
    <row r="11" spans="2:30" ht="23.25" customHeight="1" x14ac:dyDescent="0.15">
      <c r="B11" s="909"/>
      <c r="C11" s="910"/>
      <c r="D11" s="910"/>
      <c r="E11" s="910"/>
      <c r="F11" s="911"/>
      <c r="G11" s="192" t="s">
        <v>0</v>
      </c>
      <c r="H11" s="162" t="s">
        <v>655</v>
      </c>
      <c r="I11" s="281"/>
      <c r="J11" s="281"/>
      <c r="K11" s="281"/>
      <c r="L11" s="281"/>
      <c r="M11" s="281"/>
      <c r="N11" s="281"/>
      <c r="O11" s="281"/>
      <c r="P11" s="281"/>
      <c r="Q11" s="281"/>
      <c r="R11" s="281"/>
      <c r="S11" s="281"/>
      <c r="T11" s="281"/>
      <c r="U11" s="281"/>
      <c r="V11" s="281"/>
      <c r="W11" s="281"/>
      <c r="X11" s="281"/>
      <c r="Y11" s="281"/>
      <c r="Z11" s="281"/>
      <c r="AA11" s="281"/>
      <c r="AB11" s="281"/>
      <c r="AC11" s="281"/>
      <c r="AD11" s="280"/>
    </row>
    <row r="12" spans="2:30" s="8" customFormat="1" x14ac:dyDescent="0.15"/>
    <row r="13" spans="2:30" s="8" customFormat="1" x14ac:dyDescent="0.15">
      <c r="B13" s="8" t="s">
        <v>608</v>
      </c>
    </row>
    <row r="14" spans="2:30" s="8" customFormat="1" x14ac:dyDescent="0.15">
      <c r="B14" s="8" t="s">
        <v>561</v>
      </c>
      <c r="AC14" s="16"/>
      <c r="AD14" s="16"/>
    </row>
    <row r="15" spans="2:30" s="8" customFormat="1" ht="6" customHeight="1" x14ac:dyDescent="0.15"/>
    <row r="16" spans="2:30" s="8" customFormat="1" ht="4.5" customHeight="1" x14ac:dyDescent="0.15">
      <c r="B16" s="923" t="s">
        <v>553</v>
      </c>
      <c r="C16" s="924"/>
      <c r="D16" s="924"/>
      <c r="E16" s="924"/>
      <c r="F16" s="925"/>
      <c r="G16" s="158"/>
      <c r="H16" s="157"/>
      <c r="I16" s="157"/>
      <c r="J16" s="157"/>
      <c r="K16" s="157"/>
      <c r="L16" s="157"/>
      <c r="M16" s="157"/>
      <c r="N16" s="157"/>
      <c r="O16" s="157"/>
      <c r="P16" s="157"/>
      <c r="Q16" s="157"/>
      <c r="R16" s="157"/>
      <c r="S16" s="157"/>
      <c r="T16" s="157"/>
      <c r="U16" s="157"/>
      <c r="V16" s="157"/>
      <c r="W16" s="157"/>
      <c r="X16" s="157"/>
      <c r="Y16" s="157"/>
      <c r="Z16" s="158"/>
      <c r="AA16" s="157"/>
      <c r="AB16" s="157"/>
      <c r="AC16" s="984"/>
      <c r="AD16" s="985"/>
    </row>
    <row r="17" spans="2:30" s="8" customFormat="1" ht="15.75" customHeight="1" x14ac:dyDescent="0.15">
      <c r="B17" s="926"/>
      <c r="C17" s="807"/>
      <c r="D17" s="807"/>
      <c r="E17" s="807"/>
      <c r="F17" s="927"/>
      <c r="G17" s="9"/>
      <c r="H17" s="8" t="s">
        <v>607</v>
      </c>
      <c r="Z17" s="273"/>
      <c r="AA17" s="152" t="s">
        <v>227</v>
      </c>
      <c r="AB17" s="152" t="s">
        <v>217</v>
      </c>
      <c r="AC17" s="152" t="s">
        <v>226</v>
      </c>
      <c r="AD17" s="150"/>
    </row>
    <row r="18" spans="2:30" s="8" customFormat="1" ht="18.75" customHeight="1" x14ac:dyDescent="0.15">
      <c r="B18" s="926"/>
      <c r="C18" s="807"/>
      <c r="D18" s="807"/>
      <c r="E18" s="807"/>
      <c r="F18" s="927"/>
      <c r="G18" s="9"/>
      <c r="I18" s="188" t="s">
        <v>279</v>
      </c>
      <c r="J18" s="935" t="s">
        <v>552</v>
      </c>
      <c r="K18" s="936"/>
      <c r="L18" s="936"/>
      <c r="M18" s="936"/>
      <c r="N18" s="936"/>
      <c r="O18" s="936"/>
      <c r="P18" s="936"/>
      <c r="Q18" s="936"/>
      <c r="R18" s="936"/>
      <c r="S18" s="936"/>
      <c r="T18" s="936"/>
      <c r="U18" s="181"/>
      <c r="V18" s="780"/>
      <c r="W18" s="781"/>
      <c r="X18" s="197" t="s">
        <v>175</v>
      </c>
      <c r="Z18" s="20"/>
      <c r="AA18" s="152"/>
      <c r="AB18" s="152"/>
      <c r="AC18" s="152"/>
      <c r="AD18" s="150"/>
    </row>
    <row r="19" spans="2:30" s="8" customFormat="1" ht="18.75" customHeight="1" x14ac:dyDescent="0.15">
      <c r="B19" s="926"/>
      <c r="C19" s="807"/>
      <c r="D19" s="807"/>
      <c r="E19" s="807"/>
      <c r="F19" s="927"/>
      <c r="G19" s="9"/>
      <c r="I19" s="188" t="s">
        <v>277</v>
      </c>
      <c r="J19" s="274" t="s">
        <v>551</v>
      </c>
      <c r="K19" s="181"/>
      <c r="L19" s="181"/>
      <c r="M19" s="181"/>
      <c r="N19" s="181"/>
      <c r="O19" s="181"/>
      <c r="P19" s="181"/>
      <c r="Q19" s="181"/>
      <c r="R19" s="181"/>
      <c r="S19" s="181"/>
      <c r="T19" s="181"/>
      <c r="U19" s="197"/>
      <c r="V19" s="786"/>
      <c r="W19" s="787"/>
      <c r="X19" s="171" t="s">
        <v>175</v>
      </c>
      <c r="Y19" s="264"/>
      <c r="Z19" s="20"/>
      <c r="AA19" s="178" t="s">
        <v>0</v>
      </c>
      <c r="AB19" s="178" t="s">
        <v>217</v>
      </c>
      <c r="AC19" s="178" t="s">
        <v>0</v>
      </c>
      <c r="AD19" s="150"/>
    </row>
    <row r="20" spans="2:30" s="8" customFormat="1" x14ac:dyDescent="0.15">
      <c r="B20" s="926"/>
      <c r="C20" s="807"/>
      <c r="D20" s="807"/>
      <c r="E20" s="807"/>
      <c r="F20" s="927"/>
      <c r="G20" s="9"/>
      <c r="H20" s="8" t="s">
        <v>550</v>
      </c>
      <c r="Z20" s="9"/>
      <c r="AA20" s="16"/>
      <c r="AB20" s="18"/>
      <c r="AC20" s="16"/>
      <c r="AD20" s="150"/>
    </row>
    <row r="21" spans="2:30" s="8" customFormat="1" ht="15.75" customHeight="1" x14ac:dyDescent="0.15">
      <c r="B21" s="926"/>
      <c r="C21" s="807"/>
      <c r="D21" s="807"/>
      <c r="E21" s="807"/>
      <c r="F21" s="927"/>
      <c r="G21" s="9"/>
      <c r="H21" s="8" t="s">
        <v>560</v>
      </c>
      <c r="T21" s="264"/>
      <c r="V21" s="264"/>
      <c r="Z21" s="20"/>
      <c r="AA21" s="16"/>
      <c r="AB21" s="16"/>
      <c r="AC21" s="16"/>
      <c r="AD21" s="150"/>
    </row>
    <row r="22" spans="2:30" s="8" customFormat="1" ht="30" customHeight="1" x14ac:dyDescent="0.15">
      <c r="B22" s="926"/>
      <c r="C22" s="807"/>
      <c r="D22" s="807"/>
      <c r="E22" s="807"/>
      <c r="F22" s="927"/>
      <c r="G22" s="9"/>
      <c r="I22" s="188" t="s">
        <v>293</v>
      </c>
      <c r="J22" s="935" t="s">
        <v>559</v>
      </c>
      <c r="K22" s="936"/>
      <c r="L22" s="936"/>
      <c r="M22" s="936"/>
      <c r="N22" s="936"/>
      <c r="O22" s="936"/>
      <c r="P22" s="936"/>
      <c r="Q22" s="936"/>
      <c r="R22" s="936"/>
      <c r="S22" s="936"/>
      <c r="T22" s="936"/>
      <c r="U22" s="986"/>
      <c r="V22" s="780"/>
      <c r="W22" s="781"/>
      <c r="X22" s="197" t="s">
        <v>175</v>
      </c>
      <c r="Y22" s="264"/>
      <c r="Z22" s="20"/>
      <c r="AA22" s="178" t="s">
        <v>0</v>
      </c>
      <c r="AB22" s="178" t="s">
        <v>217</v>
      </c>
      <c r="AC22" s="178" t="s">
        <v>0</v>
      </c>
      <c r="AD22" s="150"/>
    </row>
    <row r="23" spans="2:30" s="8" customFormat="1" ht="6" customHeight="1" x14ac:dyDescent="0.15">
      <c r="B23" s="928"/>
      <c r="C23" s="929"/>
      <c r="D23" s="929"/>
      <c r="E23" s="929"/>
      <c r="F23" s="930"/>
      <c r="G23" s="173"/>
      <c r="H23" s="172"/>
      <c r="I23" s="172"/>
      <c r="J23" s="172"/>
      <c r="K23" s="172"/>
      <c r="L23" s="172"/>
      <c r="M23" s="172"/>
      <c r="N23" s="172"/>
      <c r="O23" s="172"/>
      <c r="P23" s="172"/>
      <c r="Q23" s="172"/>
      <c r="R23" s="172"/>
      <c r="S23" s="172"/>
      <c r="T23" s="267"/>
      <c r="U23" s="267"/>
      <c r="V23" s="172"/>
      <c r="W23" s="172"/>
      <c r="X23" s="172"/>
      <c r="Y23" s="172"/>
      <c r="Z23" s="173"/>
      <c r="AA23" s="172"/>
      <c r="AB23" s="172"/>
      <c r="AC23" s="162"/>
      <c r="AD23" s="266"/>
    </row>
    <row r="24" spans="2:30" s="8" customFormat="1" ht="9.75" customHeight="1" x14ac:dyDescent="0.15">
      <c r="B24" s="265"/>
      <c r="C24" s="265"/>
      <c r="D24" s="265"/>
      <c r="E24" s="265"/>
      <c r="F24" s="265"/>
      <c r="T24" s="264"/>
      <c r="U24" s="264"/>
    </row>
    <row r="25" spans="2:30" s="8" customFormat="1" x14ac:dyDescent="0.15">
      <c r="B25" s="8" t="s">
        <v>558</v>
      </c>
      <c r="C25" s="265"/>
      <c r="D25" s="265"/>
      <c r="E25" s="265"/>
      <c r="F25" s="265"/>
      <c r="T25" s="264"/>
      <c r="U25" s="264"/>
    </row>
    <row r="26" spans="2:30" s="8" customFormat="1" ht="6.75" customHeight="1" x14ac:dyDescent="0.15">
      <c r="B26" s="265"/>
      <c r="C26" s="265"/>
      <c r="D26" s="265"/>
      <c r="E26" s="265"/>
      <c r="F26" s="265"/>
      <c r="T26" s="264"/>
      <c r="U26" s="264"/>
    </row>
    <row r="27" spans="2:30" s="8" customFormat="1" ht="4.5" customHeight="1" x14ac:dyDescent="0.15">
      <c r="B27" s="923" t="s">
        <v>553</v>
      </c>
      <c r="C27" s="924"/>
      <c r="D27" s="924"/>
      <c r="E27" s="924"/>
      <c r="F27" s="925"/>
      <c r="G27" s="158"/>
      <c r="H27" s="157"/>
      <c r="I27" s="157"/>
      <c r="J27" s="157"/>
      <c r="K27" s="157"/>
      <c r="L27" s="157"/>
      <c r="M27" s="157"/>
      <c r="N27" s="157"/>
      <c r="O27" s="157"/>
      <c r="P27" s="157"/>
      <c r="Q27" s="157"/>
      <c r="R27" s="157"/>
      <c r="S27" s="157"/>
      <c r="T27" s="157"/>
      <c r="U27" s="157"/>
      <c r="V27" s="157"/>
      <c r="W27" s="157"/>
      <c r="X27" s="157"/>
      <c r="Y27" s="157"/>
      <c r="Z27" s="158"/>
      <c r="AA27" s="157"/>
      <c r="AB27" s="157"/>
      <c r="AC27" s="166"/>
      <c r="AD27" s="251"/>
    </row>
    <row r="28" spans="2:30" s="8" customFormat="1" ht="15.75" customHeight="1" x14ac:dyDescent="0.15">
      <c r="B28" s="926"/>
      <c r="C28" s="807"/>
      <c r="D28" s="807"/>
      <c r="E28" s="807"/>
      <c r="F28" s="927"/>
      <c r="G28" s="9"/>
      <c r="H28" s="8" t="s">
        <v>606</v>
      </c>
      <c r="Z28" s="9"/>
      <c r="AA28" s="152" t="s">
        <v>227</v>
      </c>
      <c r="AB28" s="152" t="s">
        <v>217</v>
      </c>
      <c r="AC28" s="152" t="s">
        <v>226</v>
      </c>
      <c r="AD28" s="270"/>
    </row>
    <row r="29" spans="2:30" s="8" customFormat="1" ht="18.75" customHeight="1" x14ac:dyDescent="0.15">
      <c r="B29" s="926"/>
      <c r="C29" s="807"/>
      <c r="D29" s="807"/>
      <c r="E29" s="807"/>
      <c r="F29" s="927"/>
      <c r="G29" s="9"/>
      <c r="I29" s="188" t="s">
        <v>279</v>
      </c>
      <c r="J29" s="935" t="s">
        <v>552</v>
      </c>
      <c r="K29" s="936"/>
      <c r="L29" s="936"/>
      <c r="M29" s="936"/>
      <c r="N29" s="936"/>
      <c r="O29" s="936"/>
      <c r="P29" s="936"/>
      <c r="Q29" s="936"/>
      <c r="R29" s="936"/>
      <c r="S29" s="936"/>
      <c r="T29" s="936"/>
      <c r="U29" s="197"/>
      <c r="V29" s="780"/>
      <c r="W29" s="781"/>
      <c r="X29" s="197" t="s">
        <v>175</v>
      </c>
      <c r="Z29" s="9"/>
      <c r="AA29" s="152"/>
      <c r="AB29" s="152"/>
      <c r="AC29" s="152"/>
      <c r="AD29" s="150"/>
    </row>
    <row r="30" spans="2:30" s="8" customFormat="1" ht="18.75" customHeight="1" x14ac:dyDescent="0.15">
      <c r="B30" s="926"/>
      <c r="C30" s="807"/>
      <c r="D30" s="807"/>
      <c r="E30" s="807"/>
      <c r="F30" s="927"/>
      <c r="G30" s="9"/>
      <c r="I30" s="269" t="s">
        <v>277</v>
      </c>
      <c r="J30" s="295" t="s">
        <v>551</v>
      </c>
      <c r="K30" s="172"/>
      <c r="L30" s="172"/>
      <c r="M30" s="172"/>
      <c r="N30" s="172"/>
      <c r="O30" s="172"/>
      <c r="P30" s="172"/>
      <c r="Q30" s="172"/>
      <c r="R30" s="172"/>
      <c r="S30" s="172"/>
      <c r="T30" s="172"/>
      <c r="U30" s="171"/>
      <c r="V30" s="786"/>
      <c r="W30" s="787"/>
      <c r="X30" s="171" t="s">
        <v>175</v>
      </c>
      <c r="Y30" s="264"/>
      <c r="Z30" s="20"/>
      <c r="AA30" s="178" t="s">
        <v>0</v>
      </c>
      <c r="AB30" s="178" t="s">
        <v>217</v>
      </c>
      <c r="AC30" s="178" t="s">
        <v>0</v>
      </c>
      <c r="AD30" s="150"/>
    </row>
    <row r="31" spans="2:30" s="8" customFormat="1" ht="6" customHeight="1" x14ac:dyDescent="0.15">
      <c r="B31" s="928"/>
      <c r="C31" s="929"/>
      <c r="D31" s="929"/>
      <c r="E31" s="929"/>
      <c r="F31" s="930"/>
      <c r="G31" s="173"/>
      <c r="H31" s="172"/>
      <c r="I31" s="172"/>
      <c r="J31" s="172"/>
      <c r="K31" s="172"/>
      <c r="L31" s="172"/>
      <c r="M31" s="172"/>
      <c r="N31" s="172"/>
      <c r="O31" s="172"/>
      <c r="P31" s="172"/>
      <c r="Q31" s="172"/>
      <c r="R31" s="172"/>
      <c r="S31" s="172"/>
      <c r="T31" s="267"/>
      <c r="U31" s="267"/>
      <c r="V31" s="172"/>
      <c r="W31" s="172"/>
      <c r="X31" s="172"/>
      <c r="Y31" s="172"/>
      <c r="Z31" s="173"/>
      <c r="AA31" s="172"/>
      <c r="AB31" s="172"/>
      <c r="AC31" s="162"/>
      <c r="AD31" s="266"/>
    </row>
    <row r="32" spans="2:30" s="8" customFormat="1" ht="9.75" customHeight="1" x14ac:dyDescent="0.15">
      <c r="B32" s="265"/>
      <c r="C32" s="265"/>
      <c r="D32" s="265"/>
      <c r="E32" s="265"/>
      <c r="F32" s="265"/>
      <c r="T32" s="264"/>
      <c r="U32" s="264"/>
    </row>
    <row r="33" spans="2:30" s="8" customFormat="1" ht="13.5" customHeight="1" x14ac:dyDescent="0.15">
      <c r="B33" s="8" t="s">
        <v>605</v>
      </c>
      <c r="C33" s="265"/>
      <c r="D33" s="265"/>
      <c r="E33" s="265"/>
      <c r="F33" s="265"/>
      <c r="T33" s="264"/>
      <c r="U33" s="264"/>
    </row>
    <row r="34" spans="2:30" s="8" customFormat="1" ht="6.75" customHeight="1" x14ac:dyDescent="0.15">
      <c r="B34" s="265"/>
      <c r="C34" s="265"/>
      <c r="D34" s="265"/>
      <c r="E34" s="265"/>
      <c r="F34" s="265"/>
      <c r="T34" s="264"/>
      <c r="U34" s="264"/>
    </row>
    <row r="35" spans="2:30" s="8" customFormat="1" ht="4.5" customHeight="1" x14ac:dyDescent="0.15">
      <c r="B35" s="923" t="s">
        <v>553</v>
      </c>
      <c r="C35" s="924"/>
      <c r="D35" s="924"/>
      <c r="E35" s="924"/>
      <c r="F35" s="925"/>
      <c r="G35" s="158"/>
      <c r="H35" s="157"/>
      <c r="I35" s="157"/>
      <c r="J35" s="157"/>
      <c r="K35" s="157"/>
      <c r="L35" s="157"/>
      <c r="M35" s="157"/>
      <c r="N35" s="157"/>
      <c r="O35" s="157"/>
      <c r="P35" s="157"/>
      <c r="Q35" s="157"/>
      <c r="R35" s="157"/>
      <c r="S35" s="157"/>
      <c r="T35" s="157"/>
      <c r="U35" s="157"/>
      <c r="V35" s="157"/>
      <c r="W35" s="157"/>
      <c r="X35" s="157"/>
      <c r="Y35" s="157"/>
      <c r="Z35" s="158"/>
      <c r="AA35" s="157"/>
      <c r="AB35" s="157"/>
      <c r="AC35" s="166"/>
      <c r="AD35" s="251"/>
    </row>
    <row r="36" spans="2:30" s="8" customFormat="1" ht="15.75" customHeight="1" x14ac:dyDescent="0.15">
      <c r="B36" s="926"/>
      <c r="C36" s="807"/>
      <c r="D36" s="807"/>
      <c r="E36" s="807"/>
      <c r="F36" s="927"/>
      <c r="G36" s="9"/>
      <c r="H36" s="8" t="s">
        <v>557</v>
      </c>
      <c r="Z36" s="9"/>
      <c r="AA36" s="152" t="s">
        <v>227</v>
      </c>
      <c r="AB36" s="152" t="s">
        <v>217</v>
      </c>
      <c r="AC36" s="152" t="s">
        <v>226</v>
      </c>
      <c r="AD36" s="270"/>
    </row>
    <row r="37" spans="2:30" s="8" customFormat="1" ht="18.75" customHeight="1" x14ac:dyDescent="0.15">
      <c r="B37" s="926"/>
      <c r="C37" s="807"/>
      <c r="D37" s="807"/>
      <c r="E37" s="807"/>
      <c r="F37" s="927"/>
      <c r="G37" s="9"/>
      <c r="I37" s="188" t="s">
        <v>279</v>
      </c>
      <c r="J37" s="935" t="s">
        <v>552</v>
      </c>
      <c r="K37" s="936"/>
      <c r="L37" s="936"/>
      <c r="M37" s="936"/>
      <c r="N37" s="936"/>
      <c r="O37" s="936"/>
      <c r="P37" s="936"/>
      <c r="Q37" s="936"/>
      <c r="R37" s="936"/>
      <c r="S37" s="936"/>
      <c r="T37" s="936"/>
      <c r="U37" s="197"/>
      <c r="V37" s="790"/>
      <c r="W37" s="780"/>
      <c r="X37" s="197" t="s">
        <v>175</v>
      </c>
      <c r="Z37" s="9"/>
      <c r="AA37" s="152"/>
      <c r="AB37" s="152"/>
      <c r="AC37" s="152"/>
      <c r="AD37" s="150"/>
    </row>
    <row r="38" spans="2:30" s="8" customFormat="1" ht="18.75" customHeight="1" x14ac:dyDescent="0.15">
      <c r="B38" s="928"/>
      <c r="C38" s="929"/>
      <c r="D38" s="929"/>
      <c r="E38" s="929"/>
      <c r="F38" s="930"/>
      <c r="G38" s="9"/>
      <c r="I38" s="188" t="s">
        <v>277</v>
      </c>
      <c r="J38" s="275" t="s">
        <v>551</v>
      </c>
      <c r="K38" s="181"/>
      <c r="L38" s="181"/>
      <c r="M38" s="181"/>
      <c r="N38" s="181"/>
      <c r="O38" s="181"/>
      <c r="P38" s="181"/>
      <c r="Q38" s="181"/>
      <c r="R38" s="181"/>
      <c r="S38" s="181"/>
      <c r="T38" s="181"/>
      <c r="U38" s="197"/>
      <c r="V38" s="790"/>
      <c r="W38" s="780"/>
      <c r="X38" s="197" t="s">
        <v>175</v>
      </c>
      <c r="Y38" s="264"/>
      <c r="Z38" s="20"/>
      <c r="AA38" s="178" t="s">
        <v>0</v>
      </c>
      <c r="AB38" s="178" t="s">
        <v>217</v>
      </c>
      <c r="AC38" s="178" t="s">
        <v>0</v>
      </c>
      <c r="AD38" s="150"/>
    </row>
    <row r="39" spans="2:30" s="8" customFormat="1" ht="6" customHeight="1" x14ac:dyDescent="0.15">
      <c r="B39" s="928"/>
      <c r="C39" s="825"/>
      <c r="D39" s="929"/>
      <c r="E39" s="929"/>
      <c r="F39" s="930"/>
      <c r="G39" s="173"/>
      <c r="H39" s="172"/>
      <c r="I39" s="172"/>
      <c r="J39" s="172"/>
      <c r="K39" s="172"/>
      <c r="L39" s="172"/>
      <c r="M39" s="172"/>
      <c r="N39" s="172"/>
      <c r="O39" s="172"/>
      <c r="P39" s="172"/>
      <c r="Q39" s="172"/>
      <c r="R39" s="172"/>
      <c r="S39" s="172"/>
      <c r="T39" s="267"/>
      <c r="U39" s="267"/>
      <c r="V39" s="172"/>
      <c r="W39" s="172"/>
      <c r="X39" s="172"/>
      <c r="Y39" s="172"/>
      <c r="Z39" s="173"/>
      <c r="AA39" s="172"/>
      <c r="AB39" s="172"/>
      <c r="AC39" s="162"/>
      <c r="AD39" s="266"/>
    </row>
    <row r="40" spans="2:30" s="8" customFormat="1" ht="4.5" customHeight="1" x14ac:dyDescent="0.15">
      <c r="B40" s="923" t="s">
        <v>544</v>
      </c>
      <c r="C40" s="924"/>
      <c r="D40" s="924"/>
      <c r="E40" s="924"/>
      <c r="F40" s="925"/>
      <c r="G40" s="158"/>
      <c r="H40" s="157"/>
      <c r="I40" s="157"/>
      <c r="J40" s="157"/>
      <c r="K40" s="157"/>
      <c r="L40" s="157"/>
      <c r="M40" s="157"/>
      <c r="N40" s="157"/>
      <c r="O40" s="157"/>
      <c r="P40" s="157"/>
      <c r="Q40" s="157"/>
      <c r="R40" s="157"/>
      <c r="S40" s="157"/>
      <c r="T40" s="157"/>
      <c r="U40" s="157"/>
      <c r="V40" s="157"/>
      <c r="W40" s="157"/>
      <c r="X40" s="157"/>
      <c r="Y40" s="157"/>
      <c r="Z40" s="158"/>
      <c r="AA40" s="157"/>
      <c r="AB40" s="157"/>
      <c r="AC40" s="166"/>
      <c r="AD40" s="251"/>
    </row>
    <row r="41" spans="2:30" s="8" customFormat="1" ht="15.75" customHeight="1" x14ac:dyDescent="0.15">
      <c r="B41" s="926"/>
      <c r="C41" s="807"/>
      <c r="D41" s="807"/>
      <c r="E41" s="807"/>
      <c r="F41" s="927"/>
      <c r="G41" s="9"/>
      <c r="H41" s="8" t="s">
        <v>543</v>
      </c>
      <c r="Z41" s="9"/>
      <c r="AA41" s="152" t="s">
        <v>227</v>
      </c>
      <c r="AB41" s="152" t="s">
        <v>217</v>
      </c>
      <c r="AC41" s="152" t="s">
        <v>226</v>
      </c>
      <c r="AD41" s="270"/>
    </row>
    <row r="42" spans="2:30" s="8" customFormat="1" ht="30" customHeight="1" x14ac:dyDescent="0.15">
      <c r="B42" s="926"/>
      <c r="C42" s="807"/>
      <c r="D42" s="807"/>
      <c r="E42" s="807"/>
      <c r="F42" s="927"/>
      <c r="G42" s="9"/>
      <c r="I42" s="188" t="s">
        <v>279</v>
      </c>
      <c r="J42" s="933" t="s">
        <v>604</v>
      </c>
      <c r="K42" s="934"/>
      <c r="L42" s="934"/>
      <c r="M42" s="934"/>
      <c r="N42" s="934"/>
      <c r="O42" s="934"/>
      <c r="P42" s="934"/>
      <c r="Q42" s="934"/>
      <c r="R42" s="934"/>
      <c r="S42" s="934"/>
      <c r="T42" s="934"/>
      <c r="U42" s="974"/>
      <c r="V42" s="790"/>
      <c r="W42" s="780"/>
      <c r="X42" s="197" t="s">
        <v>175</v>
      </c>
      <c r="Z42" s="9"/>
      <c r="AC42" s="16"/>
      <c r="AD42" s="150"/>
    </row>
    <row r="43" spans="2:30" s="8" customFormat="1" ht="33" customHeight="1" x14ac:dyDescent="0.15">
      <c r="B43" s="926"/>
      <c r="C43" s="807"/>
      <c r="D43" s="807"/>
      <c r="E43" s="807"/>
      <c r="F43" s="927"/>
      <c r="G43" s="9"/>
      <c r="I43" s="188" t="s">
        <v>277</v>
      </c>
      <c r="J43" s="933" t="s">
        <v>603</v>
      </c>
      <c r="K43" s="934"/>
      <c r="L43" s="934"/>
      <c r="M43" s="934"/>
      <c r="N43" s="934"/>
      <c r="O43" s="934"/>
      <c r="P43" s="934"/>
      <c r="Q43" s="934"/>
      <c r="R43" s="934"/>
      <c r="S43" s="934"/>
      <c r="T43" s="934"/>
      <c r="U43" s="974"/>
      <c r="V43" s="790"/>
      <c r="W43" s="780"/>
      <c r="X43" s="171" t="s">
        <v>175</v>
      </c>
      <c r="Y43" s="264"/>
      <c r="Z43" s="20"/>
      <c r="AA43" s="178" t="s">
        <v>0</v>
      </c>
      <c r="AB43" s="178" t="s">
        <v>217</v>
      </c>
      <c r="AC43" s="178" t="s">
        <v>0</v>
      </c>
      <c r="AD43" s="150"/>
    </row>
    <row r="44" spans="2:30" s="8" customFormat="1" ht="6" customHeight="1" x14ac:dyDescent="0.15">
      <c r="B44" s="928"/>
      <c r="C44" s="929"/>
      <c r="D44" s="929"/>
      <c r="E44" s="929"/>
      <c r="F44" s="930"/>
      <c r="G44" s="173"/>
      <c r="H44" s="172"/>
      <c r="I44" s="172"/>
      <c r="J44" s="172"/>
      <c r="K44" s="172"/>
      <c r="L44" s="172"/>
      <c r="M44" s="172"/>
      <c r="N44" s="172"/>
      <c r="O44" s="172"/>
      <c r="P44" s="172"/>
      <c r="Q44" s="172"/>
      <c r="R44" s="172"/>
      <c r="S44" s="172"/>
      <c r="T44" s="267"/>
      <c r="U44" s="267"/>
      <c r="V44" s="172"/>
      <c r="W44" s="172"/>
      <c r="X44" s="172"/>
      <c r="Y44" s="172"/>
      <c r="Z44" s="173"/>
      <c r="AA44" s="172"/>
      <c r="AB44" s="172"/>
      <c r="AC44" s="162"/>
      <c r="AD44" s="266"/>
    </row>
    <row r="45" spans="2:30" s="8" customFormat="1" ht="6" customHeight="1" x14ac:dyDescent="0.15">
      <c r="B45" s="265"/>
      <c r="C45" s="265"/>
      <c r="D45" s="265"/>
      <c r="E45" s="265"/>
      <c r="F45" s="265"/>
      <c r="T45" s="264"/>
      <c r="U45" s="264"/>
    </row>
    <row r="46" spans="2:30" s="8" customFormat="1" x14ac:dyDescent="0.15">
      <c r="B46" s="975" t="s">
        <v>170</v>
      </c>
      <c r="C46" s="931"/>
      <c r="D46" s="932" t="s">
        <v>654</v>
      </c>
      <c r="E46" s="932"/>
      <c r="F46" s="932"/>
      <c r="G46" s="932"/>
      <c r="H46" s="932"/>
      <c r="I46" s="932"/>
      <c r="J46" s="932"/>
      <c r="K46" s="932"/>
      <c r="L46" s="932"/>
      <c r="M46" s="932"/>
      <c r="N46" s="932"/>
      <c r="O46" s="932"/>
      <c r="P46" s="932"/>
      <c r="Q46" s="932"/>
      <c r="R46" s="932"/>
      <c r="S46" s="932"/>
      <c r="T46" s="932"/>
      <c r="U46" s="932"/>
      <c r="V46" s="932"/>
      <c r="W46" s="932"/>
      <c r="X46" s="932"/>
      <c r="Y46" s="932"/>
      <c r="Z46" s="932"/>
      <c r="AA46" s="932"/>
      <c r="AB46" s="932"/>
      <c r="AC46" s="932"/>
      <c r="AD46" s="932"/>
    </row>
    <row r="47" spans="2:30" s="8" customFormat="1" ht="29.25" customHeight="1" x14ac:dyDescent="0.15">
      <c r="B47" s="975"/>
      <c r="C47" s="931"/>
      <c r="D47" s="932"/>
      <c r="E47" s="932"/>
      <c r="F47" s="932"/>
      <c r="G47" s="932"/>
      <c r="H47" s="932"/>
      <c r="I47" s="932"/>
      <c r="J47" s="932"/>
      <c r="K47" s="932"/>
      <c r="L47" s="932"/>
      <c r="M47" s="932"/>
      <c r="N47" s="932"/>
      <c r="O47" s="932"/>
      <c r="P47" s="932"/>
      <c r="Q47" s="932"/>
      <c r="R47" s="932"/>
      <c r="S47" s="932"/>
      <c r="T47" s="932"/>
      <c r="U47" s="932"/>
      <c r="V47" s="932"/>
      <c r="W47" s="932"/>
      <c r="X47" s="932"/>
      <c r="Y47" s="932"/>
      <c r="Z47" s="932"/>
      <c r="AA47" s="932"/>
      <c r="AB47" s="932"/>
      <c r="AC47" s="932"/>
      <c r="AD47" s="932"/>
    </row>
    <row r="122" spans="3:7" x14ac:dyDescent="0.15">
      <c r="C122" s="5"/>
      <c r="D122" s="5"/>
      <c r="E122" s="5"/>
      <c r="F122" s="5"/>
      <c r="G122" s="5"/>
    </row>
    <row r="123" spans="3:7" x14ac:dyDescent="0.15">
      <c r="C123" s="4"/>
    </row>
  </sheetData>
  <mergeCells count="32">
    <mergeCell ref="V3:W3"/>
    <mergeCell ref="Y3:Z3"/>
    <mergeCell ref="AB3:AC3"/>
    <mergeCell ref="B5:AD5"/>
    <mergeCell ref="B7:F7"/>
    <mergeCell ref="G7:AD7"/>
    <mergeCell ref="B8:F8"/>
    <mergeCell ref="B9:F11"/>
    <mergeCell ref="B16:F23"/>
    <mergeCell ref="AC16:AD16"/>
    <mergeCell ref="J18:T18"/>
    <mergeCell ref="V18:W18"/>
    <mergeCell ref="V19:W19"/>
    <mergeCell ref="J22:U22"/>
    <mergeCell ref="V22:W22"/>
    <mergeCell ref="B27:F31"/>
    <mergeCell ref="J29:T29"/>
    <mergeCell ref="V29:W29"/>
    <mergeCell ref="V30:W30"/>
    <mergeCell ref="B35:F39"/>
    <mergeCell ref="J37:T37"/>
    <mergeCell ref="V37:W37"/>
    <mergeCell ref="V38:W38"/>
    <mergeCell ref="B47:C47"/>
    <mergeCell ref="D47:AD47"/>
    <mergeCell ref="B40:F44"/>
    <mergeCell ref="J42:U42"/>
    <mergeCell ref="V42:W42"/>
    <mergeCell ref="J43:U43"/>
    <mergeCell ref="V43:W43"/>
    <mergeCell ref="B46:C46"/>
    <mergeCell ref="D46:AD46"/>
  </mergeCells>
  <phoneticPr fontId="2"/>
  <dataValidations count="1">
    <dataValidation type="list" allowBlank="1" showInputMessage="1" showErrorMessage="1" sqref="G8:G11 L8 Q8 AA19 AC19 AA22 AC22 AA30 AC30 AA38 AC38 AA43 AC43">
      <formula1>"□,■"</formula1>
    </dataValidation>
  </dataValidations>
  <pageMargins left="0.7" right="0.7" top="0.75" bottom="0.75" header="0.3" footer="0.3"/>
  <pageSetup paperSize="9" scale="96" orientation="portrait" r:id="rId1"/>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AF123"/>
  <sheetViews>
    <sheetView zoomScaleNormal="100" zoomScaleSheetLayoutView="115" workbookViewId="0">
      <selection activeCell="C87" sqref="C87"/>
    </sheetView>
  </sheetViews>
  <sheetFormatPr defaultColWidth="3.5" defaultRowHeight="13.5" x14ac:dyDescent="0.15"/>
  <cols>
    <col min="1" max="1" width="1.25" style="3" customWidth="1"/>
    <col min="2" max="2" width="2" style="140" customWidth="1"/>
    <col min="3" max="27" width="3.5" style="3"/>
    <col min="28" max="28" width="2" style="3" customWidth="1"/>
    <col min="29" max="29" width="1.25" style="3" customWidth="1"/>
    <col min="30" max="16384" width="3.5" style="3"/>
  </cols>
  <sheetData>
    <row r="1" spans="2:28" s="8" customFormat="1" x14ac:dyDescent="0.15"/>
    <row r="2" spans="2:28" s="8" customFormat="1" x14ac:dyDescent="0.15">
      <c r="B2" s="8" t="s">
        <v>666</v>
      </c>
    </row>
    <row r="3" spans="2:28" s="8" customFormat="1" x14ac:dyDescent="0.15">
      <c r="U3" s="17" t="s">
        <v>12</v>
      </c>
      <c r="V3" s="18"/>
      <c r="W3" s="18" t="s">
        <v>11</v>
      </c>
      <c r="X3" s="18"/>
      <c r="Y3" s="18" t="s">
        <v>10</v>
      </c>
      <c r="Z3" s="18"/>
      <c r="AA3" s="18" t="s">
        <v>20</v>
      </c>
      <c r="AB3" s="17"/>
    </row>
    <row r="4" spans="2:28" s="8" customFormat="1" x14ac:dyDescent="0.15"/>
    <row r="5" spans="2:28" s="8" customFormat="1" ht="47.25" customHeight="1" x14ac:dyDescent="0.15">
      <c r="B5" s="807" t="s">
        <v>665</v>
      </c>
      <c r="C5" s="778"/>
      <c r="D5" s="778"/>
      <c r="E5" s="778"/>
      <c r="F5" s="778"/>
      <c r="G5" s="778"/>
      <c r="H5" s="778"/>
      <c r="I5" s="778"/>
      <c r="J5" s="778"/>
      <c r="K5" s="778"/>
      <c r="L5" s="778"/>
      <c r="M5" s="778"/>
      <c r="N5" s="778"/>
      <c r="O5" s="778"/>
      <c r="P5" s="778"/>
      <c r="Q5" s="778"/>
      <c r="R5" s="778"/>
      <c r="S5" s="778"/>
      <c r="T5" s="778"/>
      <c r="U5" s="778"/>
      <c r="V5" s="778"/>
      <c r="W5" s="778"/>
      <c r="X5" s="778"/>
      <c r="Y5" s="778"/>
      <c r="Z5" s="778"/>
      <c r="AA5" s="778"/>
      <c r="AB5" s="778"/>
    </row>
    <row r="6" spans="2:28" s="8" customFormat="1" x14ac:dyDescent="0.15"/>
    <row r="7" spans="2:28" s="8" customFormat="1" ht="39.75" customHeight="1" x14ac:dyDescent="0.15">
      <c r="B7" s="1002" t="s">
        <v>576</v>
      </c>
      <c r="C7" s="1002"/>
      <c r="D7" s="1002"/>
      <c r="E7" s="1002"/>
      <c r="F7" s="1002"/>
      <c r="G7" s="1002"/>
      <c r="H7" s="780"/>
      <c r="I7" s="781"/>
      <c r="J7" s="781"/>
      <c r="K7" s="781"/>
      <c r="L7" s="781"/>
      <c r="M7" s="781"/>
      <c r="N7" s="781"/>
      <c r="O7" s="781"/>
      <c r="P7" s="781"/>
      <c r="Q7" s="781"/>
      <c r="R7" s="781"/>
      <c r="S7" s="781"/>
      <c r="T7" s="781"/>
      <c r="U7" s="781"/>
      <c r="V7" s="781"/>
      <c r="W7" s="781"/>
      <c r="X7" s="781"/>
      <c r="Y7" s="781"/>
      <c r="Z7" s="781"/>
      <c r="AA7" s="781"/>
      <c r="AB7" s="782"/>
    </row>
    <row r="8" spans="2:28" ht="39.75" customHeight="1" x14ac:dyDescent="0.15">
      <c r="B8" s="1003" t="s">
        <v>575</v>
      </c>
      <c r="C8" s="1004"/>
      <c r="D8" s="1004"/>
      <c r="E8" s="1004"/>
      <c r="F8" s="1004"/>
      <c r="G8" s="1005"/>
      <c r="H8" s="180" t="s">
        <v>0</v>
      </c>
      <c r="I8" s="168" t="s">
        <v>242</v>
      </c>
      <c r="J8" s="168"/>
      <c r="K8" s="168"/>
      <c r="L8" s="168"/>
      <c r="M8" s="178" t="s">
        <v>0</v>
      </c>
      <c r="N8" s="168" t="s">
        <v>241</v>
      </c>
      <c r="O8" s="168"/>
      <c r="P8" s="168"/>
      <c r="Q8" s="168"/>
      <c r="R8" s="178" t="s">
        <v>0</v>
      </c>
      <c r="S8" s="168" t="s">
        <v>240</v>
      </c>
      <c r="T8" s="168"/>
      <c r="U8" s="168"/>
      <c r="V8" s="168"/>
      <c r="W8" s="168"/>
      <c r="X8" s="168"/>
      <c r="Y8" s="168"/>
      <c r="Z8" s="168"/>
      <c r="AA8" s="168"/>
      <c r="AB8" s="167"/>
    </row>
    <row r="9" spans="2:28" ht="27" customHeight="1" x14ac:dyDescent="0.15">
      <c r="B9" s="1006" t="s">
        <v>664</v>
      </c>
      <c r="C9" s="1007"/>
      <c r="D9" s="1007"/>
      <c r="E9" s="1007"/>
      <c r="F9" s="1007"/>
      <c r="G9" s="1008"/>
      <c r="H9" s="178" t="s">
        <v>0</v>
      </c>
      <c r="I9" s="166" t="s">
        <v>663</v>
      </c>
      <c r="J9" s="166"/>
      <c r="K9" s="166"/>
      <c r="L9" s="166"/>
      <c r="M9" s="166"/>
      <c r="N9" s="166"/>
      <c r="O9" s="166"/>
      <c r="P9" s="166"/>
      <c r="Q9" s="166"/>
      <c r="R9" s="166"/>
      <c r="S9" s="166"/>
      <c r="T9" s="166"/>
      <c r="U9" s="166"/>
      <c r="V9" s="166"/>
      <c r="W9" s="166"/>
      <c r="X9" s="166"/>
      <c r="Y9" s="166"/>
      <c r="Z9" s="166"/>
      <c r="AA9" s="166"/>
      <c r="AB9" s="251"/>
    </row>
    <row r="10" spans="2:28" ht="27" customHeight="1" x14ac:dyDescent="0.15">
      <c r="B10" s="979"/>
      <c r="C10" s="980"/>
      <c r="D10" s="980"/>
      <c r="E10" s="980"/>
      <c r="F10" s="980"/>
      <c r="G10" s="1009"/>
      <c r="H10" s="192" t="s">
        <v>0</v>
      </c>
      <c r="I10" s="162" t="s">
        <v>662</v>
      </c>
      <c r="J10" s="162"/>
      <c r="K10" s="162"/>
      <c r="L10" s="162"/>
      <c r="M10" s="162"/>
      <c r="N10" s="162"/>
      <c r="O10" s="162"/>
      <c r="P10" s="162"/>
      <c r="Q10" s="162"/>
      <c r="R10" s="162"/>
      <c r="S10" s="162"/>
      <c r="T10" s="162"/>
      <c r="U10" s="162"/>
      <c r="V10" s="162"/>
      <c r="W10" s="162"/>
      <c r="X10" s="162"/>
      <c r="Y10" s="162"/>
      <c r="Z10" s="162"/>
      <c r="AA10" s="162"/>
      <c r="AB10" s="266"/>
    </row>
    <row r="11" spans="2:28" s="8" customFormat="1" x14ac:dyDescent="0.15"/>
    <row r="12" spans="2:28" s="8" customFormat="1" ht="7.5" customHeight="1" x14ac:dyDescent="0.15">
      <c r="B12" s="158"/>
      <c r="C12" s="157"/>
      <c r="D12" s="157"/>
      <c r="E12" s="157"/>
      <c r="F12" s="157"/>
      <c r="G12" s="157"/>
      <c r="H12" s="157"/>
      <c r="I12" s="157"/>
      <c r="J12" s="157"/>
      <c r="K12" s="157"/>
      <c r="L12" s="157"/>
      <c r="M12" s="157"/>
      <c r="N12" s="157"/>
      <c r="O12" s="157"/>
      <c r="P12" s="157"/>
      <c r="Q12" s="157"/>
      <c r="R12" s="157"/>
      <c r="S12" s="157"/>
      <c r="T12" s="157"/>
      <c r="U12" s="157"/>
      <c r="V12" s="157"/>
      <c r="W12" s="157"/>
      <c r="X12" s="157"/>
      <c r="Y12" s="157"/>
      <c r="Z12" s="157"/>
      <c r="AA12" s="157"/>
      <c r="AB12" s="156"/>
    </row>
    <row r="13" spans="2:28" s="8" customFormat="1" x14ac:dyDescent="0.15">
      <c r="B13" s="9"/>
      <c r="L13" s="18"/>
      <c r="Q13" s="18"/>
      <c r="W13" s="18"/>
      <c r="X13" s="18"/>
      <c r="AB13" s="149"/>
    </row>
    <row r="14" spans="2:28" s="8" customFormat="1" x14ac:dyDescent="0.15">
      <c r="B14" s="9"/>
      <c r="C14" s="8" t="s">
        <v>661</v>
      </c>
      <c r="AB14" s="149"/>
    </row>
    <row r="15" spans="2:28" s="8" customFormat="1" ht="4.5" customHeight="1" x14ac:dyDescent="0.15">
      <c r="B15" s="9"/>
      <c r="AB15" s="149"/>
    </row>
    <row r="16" spans="2:28" s="8" customFormat="1" ht="24" customHeight="1" x14ac:dyDescent="0.15">
      <c r="B16" s="9"/>
      <c r="C16" s="780" t="s">
        <v>211</v>
      </c>
      <c r="D16" s="781"/>
      <c r="E16" s="781"/>
      <c r="F16" s="781"/>
      <c r="G16" s="781"/>
      <c r="H16" s="781"/>
      <c r="I16" s="781"/>
      <c r="J16" s="781"/>
      <c r="K16" s="781"/>
      <c r="L16" s="781"/>
      <c r="M16" s="781"/>
      <c r="N16" s="781"/>
      <c r="O16" s="782"/>
      <c r="P16" s="780" t="s">
        <v>57</v>
      </c>
      <c r="Q16" s="781"/>
      <c r="R16" s="781"/>
      <c r="S16" s="781"/>
      <c r="T16" s="781"/>
      <c r="U16" s="781"/>
      <c r="V16" s="781"/>
      <c r="W16" s="781"/>
      <c r="X16" s="781"/>
      <c r="Y16" s="781"/>
      <c r="Z16" s="781"/>
      <c r="AA16" s="782"/>
      <c r="AB16" s="174"/>
    </row>
    <row r="17" spans="2:28" s="8" customFormat="1" ht="21" customHeight="1" x14ac:dyDescent="0.15">
      <c r="B17" s="9"/>
      <c r="C17" s="977"/>
      <c r="D17" s="978"/>
      <c r="E17" s="978"/>
      <c r="F17" s="978"/>
      <c r="G17" s="978"/>
      <c r="H17" s="978"/>
      <c r="I17" s="978"/>
      <c r="J17" s="978"/>
      <c r="K17" s="978"/>
      <c r="L17" s="978"/>
      <c r="M17" s="978"/>
      <c r="N17" s="978"/>
      <c r="O17" s="1001"/>
      <c r="P17" s="780"/>
      <c r="Q17" s="781"/>
      <c r="R17" s="781"/>
      <c r="S17" s="781"/>
      <c r="T17" s="781"/>
      <c r="U17" s="781"/>
      <c r="V17" s="781"/>
      <c r="W17" s="781"/>
      <c r="X17" s="781"/>
      <c r="Y17" s="781"/>
      <c r="Z17" s="781"/>
      <c r="AA17" s="782"/>
      <c r="AB17" s="149"/>
    </row>
    <row r="18" spans="2:28" s="8" customFormat="1" ht="21" customHeight="1" x14ac:dyDescent="0.15">
      <c r="B18" s="9"/>
      <c r="C18" s="977"/>
      <c r="D18" s="978"/>
      <c r="E18" s="978"/>
      <c r="F18" s="978"/>
      <c r="G18" s="978"/>
      <c r="H18" s="978"/>
      <c r="I18" s="978"/>
      <c r="J18" s="978"/>
      <c r="K18" s="978"/>
      <c r="L18" s="978"/>
      <c r="M18" s="978"/>
      <c r="N18" s="978"/>
      <c r="O18" s="1001"/>
      <c r="P18" s="780"/>
      <c r="Q18" s="781"/>
      <c r="R18" s="781"/>
      <c r="S18" s="781"/>
      <c r="T18" s="781"/>
      <c r="U18" s="781"/>
      <c r="V18" s="781"/>
      <c r="W18" s="781"/>
      <c r="X18" s="781"/>
      <c r="Y18" s="781"/>
      <c r="Z18" s="781"/>
      <c r="AA18" s="782"/>
      <c r="AB18" s="149"/>
    </row>
    <row r="19" spans="2:28" s="8" customFormat="1" ht="21" customHeight="1" x14ac:dyDescent="0.15">
      <c r="B19" s="9"/>
      <c r="C19" s="977"/>
      <c r="D19" s="978"/>
      <c r="E19" s="978"/>
      <c r="F19" s="978"/>
      <c r="G19" s="978"/>
      <c r="H19" s="978"/>
      <c r="I19" s="978"/>
      <c r="J19" s="978"/>
      <c r="K19" s="978"/>
      <c r="L19" s="978"/>
      <c r="M19" s="978"/>
      <c r="N19" s="978"/>
      <c r="O19" s="1001"/>
      <c r="P19" s="780"/>
      <c r="Q19" s="781"/>
      <c r="R19" s="781"/>
      <c r="S19" s="781"/>
      <c r="T19" s="781"/>
      <c r="U19" s="781"/>
      <c r="V19" s="781"/>
      <c r="W19" s="781"/>
      <c r="X19" s="781"/>
      <c r="Y19" s="781"/>
      <c r="Z19" s="781"/>
      <c r="AA19" s="782"/>
      <c r="AB19" s="149"/>
    </row>
    <row r="20" spans="2:28" s="8" customFormat="1" ht="21" customHeight="1" x14ac:dyDescent="0.15">
      <c r="B20" s="9"/>
      <c r="C20" s="977"/>
      <c r="D20" s="978"/>
      <c r="E20" s="978"/>
      <c r="F20" s="978"/>
      <c r="G20" s="978"/>
      <c r="H20" s="978"/>
      <c r="I20" s="978"/>
      <c r="J20" s="978"/>
      <c r="K20" s="978"/>
      <c r="L20" s="978"/>
      <c r="M20" s="978"/>
      <c r="N20" s="978"/>
      <c r="O20" s="1001"/>
      <c r="P20" s="780"/>
      <c r="Q20" s="781"/>
      <c r="R20" s="781"/>
      <c r="S20" s="781"/>
      <c r="T20" s="781"/>
      <c r="U20" s="781"/>
      <c r="V20" s="781"/>
      <c r="W20" s="781"/>
      <c r="X20" s="781"/>
      <c r="Y20" s="781"/>
      <c r="Z20" s="781"/>
      <c r="AA20" s="782"/>
      <c r="AB20" s="149"/>
    </row>
    <row r="21" spans="2:28" s="8" customFormat="1" ht="21" customHeight="1" x14ac:dyDescent="0.15">
      <c r="B21" s="9"/>
      <c r="C21" s="977"/>
      <c r="D21" s="978"/>
      <c r="E21" s="978"/>
      <c r="F21" s="978"/>
      <c r="G21" s="978"/>
      <c r="H21" s="978"/>
      <c r="I21" s="978"/>
      <c r="J21" s="978"/>
      <c r="K21" s="978"/>
      <c r="L21" s="978"/>
      <c r="M21" s="978"/>
      <c r="N21" s="978"/>
      <c r="O21" s="1001"/>
      <c r="P21" s="780"/>
      <c r="Q21" s="781"/>
      <c r="R21" s="781"/>
      <c r="S21" s="781"/>
      <c r="T21" s="781"/>
      <c r="U21" s="781"/>
      <c r="V21" s="781"/>
      <c r="W21" s="781"/>
      <c r="X21" s="781"/>
      <c r="Y21" s="781"/>
      <c r="Z21" s="781"/>
      <c r="AA21" s="782"/>
      <c r="AB21" s="149"/>
    </row>
    <row r="22" spans="2:28" s="8" customFormat="1" ht="21" customHeight="1" x14ac:dyDescent="0.15">
      <c r="B22" s="9"/>
      <c r="C22" s="977"/>
      <c r="D22" s="978"/>
      <c r="E22" s="978"/>
      <c r="F22" s="978"/>
      <c r="G22" s="978"/>
      <c r="H22" s="978"/>
      <c r="I22" s="978"/>
      <c r="J22" s="978"/>
      <c r="K22" s="978"/>
      <c r="L22" s="978"/>
      <c r="M22" s="978"/>
      <c r="N22" s="978"/>
      <c r="O22" s="1001"/>
      <c r="P22" s="780"/>
      <c r="Q22" s="781"/>
      <c r="R22" s="781"/>
      <c r="S22" s="781"/>
      <c r="T22" s="781"/>
      <c r="U22" s="781"/>
      <c r="V22" s="781"/>
      <c r="W22" s="781"/>
      <c r="X22" s="781"/>
      <c r="Y22" s="781"/>
      <c r="Z22" s="781"/>
      <c r="AA22" s="782"/>
      <c r="AB22" s="149"/>
    </row>
    <row r="23" spans="2:28" s="8" customFormat="1" ht="21" customHeight="1" x14ac:dyDescent="0.15">
      <c r="B23" s="9"/>
      <c r="C23" s="977"/>
      <c r="D23" s="978"/>
      <c r="E23" s="978"/>
      <c r="F23" s="978"/>
      <c r="G23" s="978"/>
      <c r="H23" s="978"/>
      <c r="I23" s="978"/>
      <c r="J23" s="978"/>
      <c r="K23" s="978"/>
      <c r="L23" s="978"/>
      <c r="M23" s="978"/>
      <c r="N23" s="978"/>
      <c r="O23" s="1001"/>
      <c r="P23" s="780"/>
      <c r="Q23" s="781"/>
      <c r="R23" s="781"/>
      <c r="S23" s="781"/>
      <c r="T23" s="781"/>
      <c r="U23" s="781"/>
      <c r="V23" s="781"/>
      <c r="W23" s="781"/>
      <c r="X23" s="781"/>
      <c r="Y23" s="781"/>
      <c r="Z23" s="781"/>
      <c r="AA23" s="782"/>
      <c r="AB23" s="149"/>
    </row>
    <row r="24" spans="2:28" s="6" customFormat="1" x14ac:dyDescent="0.15">
      <c r="B24" s="12"/>
      <c r="C24" s="11"/>
      <c r="D24" s="11"/>
      <c r="E24" s="11"/>
      <c r="F24" s="11"/>
      <c r="G24" s="11"/>
      <c r="H24" s="11"/>
      <c r="I24" s="11"/>
      <c r="J24" s="11"/>
      <c r="K24" s="11"/>
      <c r="L24" s="11"/>
      <c r="M24" s="11"/>
      <c r="N24" s="11"/>
      <c r="O24" s="11"/>
      <c r="P24" s="11"/>
      <c r="Q24" s="11"/>
      <c r="R24" s="11"/>
      <c r="S24" s="11"/>
      <c r="T24" s="11"/>
      <c r="U24" s="11"/>
      <c r="V24" s="11"/>
      <c r="W24" s="11"/>
      <c r="X24" s="11"/>
      <c r="Y24" s="11"/>
      <c r="Z24" s="11"/>
      <c r="AA24" s="11"/>
      <c r="AB24" s="13"/>
    </row>
    <row r="25" spans="2:28" x14ac:dyDescent="0.15">
      <c r="B25" s="6"/>
      <c r="C25" s="6"/>
      <c r="D25" s="6"/>
      <c r="E25" s="6"/>
      <c r="F25" s="6"/>
      <c r="G25" s="6"/>
      <c r="H25" s="6"/>
      <c r="I25" s="6"/>
      <c r="J25" s="6"/>
      <c r="K25" s="6"/>
      <c r="L25" s="6"/>
      <c r="M25" s="6"/>
      <c r="N25" s="6"/>
      <c r="O25" s="6"/>
      <c r="P25" s="6"/>
      <c r="Q25" s="6"/>
      <c r="R25" s="6"/>
      <c r="S25" s="6"/>
      <c r="T25" s="6"/>
      <c r="U25" s="6"/>
      <c r="V25" s="6"/>
      <c r="W25" s="6"/>
      <c r="X25" s="6"/>
      <c r="Y25" s="6"/>
      <c r="Z25" s="6"/>
      <c r="AA25" s="6"/>
      <c r="AB25" s="6"/>
    </row>
    <row r="26" spans="2:28" x14ac:dyDescent="0.15">
      <c r="B26" s="6"/>
      <c r="C26" s="6"/>
      <c r="D26" s="6"/>
      <c r="E26" s="6"/>
      <c r="F26" s="6"/>
      <c r="G26" s="6"/>
      <c r="H26" s="6"/>
      <c r="I26" s="6"/>
      <c r="J26" s="6"/>
      <c r="K26" s="6"/>
      <c r="L26" s="6"/>
      <c r="M26" s="6"/>
      <c r="N26" s="6"/>
      <c r="O26" s="6"/>
      <c r="P26" s="6"/>
      <c r="Q26" s="6"/>
      <c r="R26" s="6"/>
      <c r="S26" s="6"/>
      <c r="T26" s="6"/>
      <c r="U26" s="6"/>
      <c r="V26" s="6"/>
      <c r="W26" s="6"/>
      <c r="X26" s="6"/>
      <c r="Y26" s="6"/>
      <c r="Z26" s="6"/>
      <c r="AA26" s="6"/>
      <c r="AB26" s="6"/>
    </row>
    <row r="27" spans="2:28" s="6" customFormat="1" x14ac:dyDescent="0.15">
      <c r="B27" s="140"/>
      <c r="C27" s="3"/>
      <c r="D27" s="3"/>
      <c r="E27" s="3"/>
      <c r="F27" s="3"/>
      <c r="G27" s="3"/>
      <c r="H27" s="3"/>
      <c r="I27" s="3"/>
      <c r="J27" s="3"/>
      <c r="K27" s="3"/>
      <c r="L27" s="3"/>
      <c r="M27" s="3"/>
      <c r="N27" s="3"/>
      <c r="O27" s="3"/>
      <c r="P27" s="3"/>
      <c r="Q27" s="3"/>
      <c r="R27" s="3"/>
      <c r="S27" s="3"/>
      <c r="T27" s="3"/>
      <c r="U27" s="3"/>
      <c r="V27" s="3"/>
      <c r="W27" s="3"/>
      <c r="X27" s="3"/>
      <c r="Y27" s="3"/>
      <c r="Z27" s="3"/>
      <c r="AA27" s="3"/>
      <c r="AB27" s="3"/>
    </row>
    <row r="28" spans="2:28" s="6" customFormat="1" x14ac:dyDescent="0.15">
      <c r="B28" s="140"/>
      <c r="C28" s="3"/>
      <c r="D28" s="3"/>
      <c r="E28" s="3"/>
      <c r="F28" s="3"/>
      <c r="G28" s="3"/>
      <c r="H28" s="3"/>
      <c r="I28" s="3"/>
      <c r="J28" s="3"/>
      <c r="K28" s="3"/>
      <c r="L28" s="3"/>
      <c r="M28" s="3"/>
      <c r="N28" s="3"/>
      <c r="O28" s="3"/>
      <c r="P28" s="3"/>
      <c r="Q28" s="3"/>
      <c r="R28" s="3"/>
      <c r="S28" s="3"/>
      <c r="T28" s="3"/>
      <c r="U28" s="3"/>
      <c r="V28" s="3"/>
      <c r="W28" s="3"/>
      <c r="X28" s="3"/>
      <c r="Y28" s="3"/>
      <c r="Z28" s="3"/>
      <c r="AA28" s="3"/>
      <c r="AB28" s="3"/>
    </row>
    <row r="29" spans="2:28" s="6" customFormat="1" x14ac:dyDescent="0.15">
      <c r="B29" s="140"/>
      <c r="C29" s="3"/>
      <c r="D29" s="3"/>
      <c r="E29" s="3"/>
      <c r="F29" s="3"/>
      <c r="G29" s="3"/>
      <c r="H29" s="3"/>
      <c r="I29" s="3"/>
      <c r="J29" s="3"/>
      <c r="K29" s="3"/>
      <c r="L29" s="3"/>
      <c r="M29" s="3"/>
      <c r="N29" s="3"/>
      <c r="O29" s="3"/>
      <c r="P29" s="3"/>
      <c r="Q29" s="3"/>
      <c r="R29" s="3"/>
      <c r="S29" s="3"/>
      <c r="T29" s="3"/>
      <c r="U29" s="3"/>
      <c r="V29" s="3"/>
      <c r="W29" s="3"/>
      <c r="X29" s="3"/>
      <c r="Y29" s="3"/>
      <c r="Z29" s="3"/>
      <c r="AA29" s="3"/>
      <c r="AB29" s="3"/>
    </row>
    <row r="30" spans="2:28" s="6" customFormat="1" x14ac:dyDescent="0.15">
      <c r="B30" s="140"/>
      <c r="C30" s="3"/>
      <c r="D30" s="3"/>
      <c r="E30" s="3"/>
      <c r="F30" s="3"/>
      <c r="G30" s="3"/>
      <c r="H30" s="3"/>
      <c r="I30" s="3"/>
      <c r="J30" s="3"/>
      <c r="K30" s="3"/>
      <c r="L30" s="3"/>
      <c r="M30" s="3"/>
      <c r="N30" s="3"/>
      <c r="O30" s="3"/>
      <c r="P30" s="3"/>
      <c r="Q30" s="3"/>
      <c r="R30" s="3"/>
      <c r="S30" s="3"/>
      <c r="T30" s="3"/>
      <c r="U30" s="3"/>
      <c r="V30" s="3"/>
      <c r="W30" s="3"/>
      <c r="X30" s="3"/>
      <c r="Y30" s="3"/>
      <c r="Z30" s="3"/>
      <c r="AA30" s="3"/>
      <c r="AB30" s="3"/>
    </row>
    <row r="31" spans="2:28" s="6" customFormat="1" x14ac:dyDescent="0.15">
      <c r="B31" s="140"/>
      <c r="C31" s="3"/>
      <c r="D31" s="3"/>
      <c r="E31" s="3"/>
      <c r="F31" s="3"/>
      <c r="G31" s="3"/>
      <c r="H31" s="3"/>
      <c r="I31" s="3"/>
      <c r="J31" s="3"/>
      <c r="K31" s="3"/>
      <c r="L31" s="3"/>
      <c r="M31" s="3"/>
      <c r="N31" s="3"/>
      <c r="O31" s="3"/>
      <c r="P31" s="3"/>
      <c r="Q31" s="3"/>
      <c r="R31" s="3"/>
      <c r="S31" s="3"/>
      <c r="T31" s="3"/>
      <c r="U31" s="3"/>
      <c r="V31" s="3"/>
      <c r="W31" s="3"/>
      <c r="X31" s="3"/>
      <c r="Y31" s="3"/>
      <c r="Z31" s="3"/>
      <c r="AA31" s="3"/>
      <c r="AB31" s="3"/>
    </row>
    <row r="32" spans="2:28" s="6" customFormat="1" x14ac:dyDescent="0.15">
      <c r="B32" s="140"/>
      <c r="C32" s="3"/>
      <c r="D32" s="3"/>
      <c r="E32" s="3"/>
      <c r="F32" s="3"/>
      <c r="G32" s="3"/>
      <c r="H32" s="3"/>
      <c r="I32" s="3"/>
      <c r="J32" s="3"/>
      <c r="K32" s="3"/>
      <c r="L32" s="3"/>
      <c r="M32" s="3"/>
      <c r="N32" s="3"/>
      <c r="O32" s="3"/>
      <c r="P32" s="3"/>
      <c r="Q32" s="3"/>
      <c r="R32" s="3"/>
      <c r="S32" s="3"/>
      <c r="T32" s="3"/>
      <c r="U32" s="3"/>
      <c r="V32" s="3"/>
      <c r="W32" s="3"/>
      <c r="X32" s="3"/>
      <c r="Y32" s="3"/>
      <c r="Z32" s="3"/>
      <c r="AA32" s="3"/>
      <c r="AB32" s="3"/>
    </row>
    <row r="38" spans="3:32" x14ac:dyDescent="0.15">
      <c r="C38" s="5"/>
      <c r="D38" s="5"/>
      <c r="E38" s="5"/>
      <c r="F38" s="5"/>
      <c r="G38" s="5"/>
      <c r="H38" s="5"/>
      <c r="I38" s="5"/>
      <c r="J38" s="5"/>
      <c r="K38" s="5"/>
      <c r="L38" s="5"/>
      <c r="M38" s="5"/>
      <c r="N38" s="5"/>
      <c r="O38" s="5"/>
      <c r="P38" s="5"/>
      <c r="Q38" s="5"/>
      <c r="R38" s="5"/>
      <c r="S38" s="5"/>
      <c r="T38" s="5"/>
      <c r="U38" s="5"/>
      <c r="V38" s="5"/>
      <c r="W38" s="5"/>
      <c r="X38" s="5"/>
      <c r="Y38" s="5"/>
      <c r="Z38" s="5"/>
      <c r="AA38" s="5"/>
      <c r="AB38" s="5"/>
      <c r="AC38" s="5"/>
      <c r="AD38" s="5"/>
      <c r="AE38" s="5"/>
      <c r="AF38" s="5"/>
    </row>
    <row r="39" spans="3:32" x14ac:dyDescent="0.15">
      <c r="C39" s="4"/>
    </row>
    <row r="122" spans="3:7" x14ac:dyDescent="0.15">
      <c r="C122" s="5"/>
      <c r="D122" s="5"/>
      <c r="E122" s="5"/>
      <c r="F122" s="5"/>
      <c r="G122" s="5"/>
    </row>
    <row r="123" spans="3:7" x14ac:dyDescent="0.15">
      <c r="C123" s="4"/>
    </row>
  </sheetData>
  <mergeCells count="21">
    <mergeCell ref="C16:O16"/>
    <mergeCell ref="P16:AA16"/>
    <mergeCell ref="B5:AB5"/>
    <mergeCell ref="B7:G7"/>
    <mergeCell ref="H7:AB7"/>
    <mergeCell ref="B8:G8"/>
    <mergeCell ref="B9:G10"/>
    <mergeCell ref="C17:O17"/>
    <mergeCell ref="P17:AA17"/>
    <mergeCell ref="C18:O18"/>
    <mergeCell ref="P18:AA18"/>
    <mergeCell ref="C19:O19"/>
    <mergeCell ref="P19:AA19"/>
    <mergeCell ref="C23:O23"/>
    <mergeCell ref="P23:AA23"/>
    <mergeCell ref="C20:O20"/>
    <mergeCell ref="P20:AA20"/>
    <mergeCell ref="C21:O21"/>
    <mergeCell ref="P21:AA21"/>
    <mergeCell ref="C22:O22"/>
    <mergeCell ref="P22:AA22"/>
  </mergeCells>
  <phoneticPr fontId="2"/>
  <dataValidations count="1">
    <dataValidation type="list" allowBlank="1" showInputMessage="1" showErrorMessage="1" sqref="H8:H10 M8 R8">
      <formula1>"□,■"</formula1>
    </dataValidation>
  </dataValidations>
  <pageMargins left="0.7" right="0.7" top="0.75" bottom="0.75" header="0.3" footer="0.3"/>
  <pageSetup paperSize="9" scale="96" orientation="portrait" r:id="rId1"/>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AF123"/>
  <sheetViews>
    <sheetView zoomScaleNormal="100" zoomScaleSheetLayoutView="85" workbookViewId="0">
      <selection activeCell="C87" sqref="C87"/>
    </sheetView>
  </sheetViews>
  <sheetFormatPr defaultColWidth="4" defaultRowHeight="13.5" x14ac:dyDescent="0.15"/>
  <cols>
    <col min="1" max="1" width="1.5" style="8" customWidth="1"/>
    <col min="2" max="2" width="2.375" style="8" customWidth="1"/>
    <col min="3" max="3" width="1.125" style="8" customWidth="1"/>
    <col min="4" max="19" width="4" style="8"/>
    <col min="20" max="20" width="7.125" style="8" customWidth="1"/>
    <col min="21" max="21" width="3.875" style="8" customWidth="1"/>
    <col min="22" max="22" width="4" style="8"/>
    <col min="23" max="23" width="2.25" style="8" customWidth="1"/>
    <col min="24" max="24" width="4.625" style="8" customWidth="1"/>
    <col min="25" max="25" width="2.375" style="8" customWidth="1"/>
    <col min="26" max="26" width="1.5" style="8" customWidth="1"/>
    <col min="27" max="16384" width="4" style="8"/>
  </cols>
  <sheetData>
    <row r="2" spans="2:25" x14ac:dyDescent="0.15">
      <c r="B2" s="8" t="s">
        <v>680</v>
      </c>
      <c r="C2"/>
      <c r="D2"/>
      <c r="E2"/>
      <c r="F2"/>
      <c r="G2"/>
      <c r="H2"/>
      <c r="I2"/>
      <c r="J2"/>
      <c r="K2"/>
      <c r="L2"/>
      <c r="M2"/>
      <c r="N2"/>
      <c r="O2"/>
      <c r="P2"/>
      <c r="Q2"/>
      <c r="R2"/>
      <c r="S2"/>
      <c r="T2"/>
      <c r="U2"/>
      <c r="V2"/>
      <c r="W2"/>
      <c r="X2"/>
      <c r="Y2"/>
    </row>
    <row r="4" spans="2:25" x14ac:dyDescent="0.15">
      <c r="B4" s="1013" t="s">
        <v>729</v>
      </c>
      <c r="C4" s="1013"/>
      <c r="D4" s="1013"/>
      <c r="E4" s="1013"/>
      <c r="F4" s="1013"/>
      <c r="G4" s="1013"/>
      <c r="H4" s="1013"/>
      <c r="I4" s="1013"/>
      <c r="J4" s="1013"/>
      <c r="K4" s="1013"/>
      <c r="L4" s="1013"/>
      <c r="M4" s="1013"/>
      <c r="N4" s="1013"/>
      <c r="O4" s="1013"/>
      <c r="P4" s="1013"/>
      <c r="Q4" s="1013"/>
      <c r="R4" s="1013"/>
      <c r="S4" s="1013"/>
      <c r="T4" s="1013"/>
      <c r="U4" s="1013"/>
      <c r="V4" s="1013"/>
      <c r="W4" s="1013"/>
      <c r="X4" s="1013"/>
      <c r="Y4" s="1013"/>
    </row>
    <row r="6" spans="2:25" ht="23.25" customHeight="1" x14ac:dyDescent="0.15">
      <c r="B6" s="790" t="s">
        <v>531</v>
      </c>
      <c r="C6" s="790"/>
      <c r="D6" s="790"/>
      <c r="E6" s="790"/>
      <c r="F6" s="790"/>
      <c r="G6" s="791"/>
      <c r="H6" s="792"/>
      <c r="I6" s="792"/>
      <c r="J6" s="792"/>
      <c r="K6" s="792"/>
      <c r="L6" s="792"/>
      <c r="M6" s="792"/>
      <c r="N6" s="792"/>
      <c r="O6" s="792"/>
      <c r="P6" s="792"/>
      <c r="Q6" s="792"/>
      <c r="R6" s="792"/>
      <c r="S6" s="792"/>
      <c r="T6" s="792"/>
      <c r="U6" s="792"/>
      <c r="V6" s="792"/>
      <c r="W6" s="792"/>
      <c r="X6" s="792"/>
      <c r="Y6" s="793"/>
    </row>
    <row r="7" spans="2:25" ht="23.25" customHeight="1" x14ac:dyDescent="0.15">
      <c r="B7" s="790" t="s">
        <v>481</v>
      </c>
      <c r="C7" s="790"/>
      <c r="D7" s="790"/>
      <c r="E7" s="790"/>
      <c r="F7" s="790"/>
      <c r="G7" s="169" t="s">
        <v>0</v>
      </c>
      <c r="H7" s="168" t="s">
        <v>242</v>
      </c>
      <c r="I7" s="168"/>
      <c r="J7" s="168"/>
      <c r="K7" s="168"/>
      <c r="L7" s="18" t="s">
        <v>0</v>
      </c>
      <c r="M7" s="168" t="s">
        <v>241</v>
      </c>
      <c r="N7" s="168"/>
      <c r="O7" s="168"/>
      <c r="P7" s="168"/>
      <c r="Q7" s="18" t="s">
        <v>0</v>
      </c>
      <c r="R7" s="168" t="s">
        <v>240</v>
      </c>
      <c r="S7" s="168"/>
      <c r="T7" s="168"/>
      <c r="U7" s="168"/>
      <c r="V7" s="168"/>
      <c r="W7" s="181"/>
      <c r="X7" s="181"/>
      <c r="Y7" s="197"/>
    </row>
    <row r="8" spans="2:25" ht="20.100000000000001" customHeight="1" x14ac:dyDescent="0.15">
      <c r="B8" s="783" t="s">
        <v>678</v>
      </c>
      <c r="C8" s="784"/>
      <c r="D8" s="784"/>
      <c r="E8" s="784"/>
      <c r="F8" s="785"/>
      <c r="G8" s="18" t="s">
        <v>0</v>
      </c>
      <c r="H8" s="157" t="s">
        <v>677</v>
      </c>
      <c r="I8" s="259"/>
      <c r="J8" s="259"/>
      <c r="K8" s="259"/>
      <c r="L8" s="259"/>
      <c r="M8" s="259"/>
      <c r="N8" s="259"/>
      <c r="O8" s="259"/>
      <c r="P8" s="259"/>
      <c r="Q8" s="259"/>
      <c r="R8" s="259"/>
      <c r="S8" s="259"/>
      <c r="T8" s="259"/>
      <c r="U8" s="259"/>
      <c r="V8" s="259"/>
      <c r="W8" s="259"/>
      <c r="X8" s="259"/>
      <c r="Y8" s="258"/>
    </row>
    <row r="9" spans="2:25" ht="20.100000000000001" customHeight="1" x14ac:dyDescent="0.15">
      <c r="B9" s="810"/>
      <c r="C9" s="778"/>
      <c r="D9" s="778"/>
      <c r="E9" s="778"/>
      <c r="F9" s="811"/>
      <c r="G9" s="18" t="s">
        <v>0</v>
      </c>
      <c r="H9" s="8" t="s">
        <v>676</v>
      </c>
      <c r="I9" s="154"/>
      <c r="J9" s="154"/>
      <c r="K9" s="154"/>
      <c r="L9" s="154"/>
      <c r="M9" s="154"/>
      <c r="N9" s="154"/>
      <c r="O9" s="154"/>
      <c r="P9" s="154"/>
      <c r="Q9" s="154"/>
      <c r="R9" s="154"/>
      <c r="S9" s="154"/>
      <c r="T9" s="154"/>
      <c r="U9" s="154"/>
      <c r="V9" s="154"/>
      <c r="W9" s="154"/>
      <c r="X9" s="154"/>
      <c r="Y9" s="196"/>
    </row>
    <row r="10" spans="2:25" ht="20.100000000000001" customHeight="1" x14ac:dyDescent="0.15">
      <c r="B10" s="810"/>
      <c r="C10" s="778"/>
      <c r="D10" s="778"/>
      <c r="E10" s="778"/>
      <c r="F10" s="811"/>
      <c r="G10" s="18" t="s">
        <v>0</v>
      </c>
      <c r="H10" s="8" t="s">
        <v>675</v>
      </c>
      <c r="I10" s="154"/>
      <c r="J10" s="154"/>
      <c r="K10" s="154"/>
      <c r="L10" s="154"/>
      <c r="M10" s="154"/>
      <c r="N10" s="154"/>
      <c r="O10" s="154"/>
      <c r="P10" s="154"/>
      <c r="Q10" s="154"/>
      <c r="R10" s="154"/>
      <c r="S10" s="154"/>
      <c r="T10" s="154"/>
      <c r="U10" s="154"/>
      <c r="V10" s="154"/>
      <c r="W10" s="154"/>
      <c r="X10" s="154"/>
      <c r="Y10" s="196"/>
    </row>
    <row r="11" spans="2:25" ht="20.100000000000001" customHeight="1" x14ac:dyDescent="0.15">
      <c r="B11" s="786"/>
      <c r="C11" s="787"/>
      <c r="D11" s="787"/>
      <c r="E11" s="787"/>
      <c r="F11" s="788"/>
      <c r="G11" s="163" t="s">
        <v>0</v>
      </c>
      <c r="H11" s="172" t="s">
        <v>728</v>
      </c>
      <c r="I11" s="145"/>
      <c r="J11" s="145"/>
      <c r="K11" s="145"/>
      <c r="L11" s="145"/>
      <c r="M11" s="145"/>
      <c r="N11" s="145"/>
      <c r="O11" s="145"/>
      <c r="P11" s="145"/>
      <c r="Q11" s="145"/>
      <c r="R11" s="145"/>
      <c r="S11" s="145"/>
      <c r="T11" s="145"/>
      <c r="U11" s="145"/>
      <c r="V11" s="145"/>
      <c r="W11" s="145"/>
      <c r="X11" s="145"/>
      <c r="Y11" s="257"/>
    </row>
    <row r="12" spans="2:25" ht="20.100000000000001" customHeight="1" x14ac:dyDescent="0.15">
      <c r="B12" s="783" t="s">
        <v>318</v>
      </c>
      <c r="C12" s="784"/>
      <c r="D12" s="784"/>
      <c r="E12" s="784"/>
      <c r="F12" s="785"/>
      <c r="G12" s="18" t="s">
        <v>0</v>
      </c>
      <c r="H12" s="157" t="s">
        <v>727</v>
      </c>
      <c r="I12" s="259"/>
      <c r="J12" s="259"/>
      <c r="K12" s="259"/>
      <c r="L12" s="259"/>
      <c r="M12" s="259"/>
      <c r="N12" s="259"/>
      <c r="O12" s="259"/>
      <c r="P12" s="259"/>
      <c r="Q12" s="259"/>
      <c r="R12" s="259"/>
      <c r="S12" s="259"/>
      <c r="T12" s="259"/>
      <c r="U12" s="259"/>
      <c r="V12" s="259"/>
      <c r="W12" s="259"/>
      <c r="X12" s="259"/>
      <c r="Y12" s="258"/>
    </row>
    <row r="13" spans="2:25" ht="20.100000000000001" customHeight="1" x14ac:dyDescent="0.15">
      <c r="B13" s="810"/>
      <c r="C13" s="778"/>
      <c r="D13" s="778"/>
      <c r="E13" s="778"/>
      <c r="F13" s="811"/>
      <c r="G13" s="18" t="s">
        <v>0</v>
      </c>
      <c r="H13" s="8" t="s">
        <v>726</v>
      </c>
      <c r="I13" s="154"/>
      <c r="J13" s="154"/>
      <c r="K13" s="154"/>
      <c r="L13" s="154"/>
      <c r="M13" s="154"/>
      <c r="N13" s="154"/>
      <c r="O13" s="154"/>
      <c r="P13" s="154"/>
      <c r="Q13" s="154"/>
      <c r="R13" s="154"/>
      <c r="S13" s="154"/>
      <c r="T13" s="154"/>
      <c r="U13" s="154"/>
      <c r="V13" s="154"/>
      <c r="W13" s="154"/>
      <c r="X13" s="154"/>
      <c r="Y13" s="196"/>
    </row>
    <row r="14" spans="2:25" ht="20.100000000000001" customHeight="1" x14ac:dyDescent="0.15">
      <c r="B14" s="810"/>
      <c r="C14" s="778"/>
      <c r="D14" s="778"/>
      <c r="E14" s="778"/>
      <c r="F14" s="811"/>
      <c r="G14" s="18" t="s">
        <v>0</v>
      </c>
      <c r="H14" s="8" t="s">
        <v>725</v>
      </c>
      <c r="I14" s="154"/>
      <c r="J14" s="154"/>
      <c r="K14" s="154"/>
      <c r="L14" s="154"/>
      <c r="M14" s="154"/>
      <c r="N14" s="154"/>
      <c r="O14" s="154"/>
      <c r="P14" s="154"/>
      <c r="Q14" s="154"/>
      <c r="R14" s="154"/>
      <c r="S14" s="154"/>
      <c r="T14" s="154"/>
      <c r="U14" s="154"/>
      <c r="V14" s="154"/>
      <c r="W14" s="154"/>
      <c r="X14" s="154"/>
      <c r="Y14" s="196"/>
    </row>
    <row r="15" spans="2:25" ht="20.100000000000001" customHeight="1" x14ac:dyDescent="0.15">
      <c r="B15" s="786"/>
      <c r="C15" s="787"/>
      <c r="D15" s="787"/>
      <c r="E15" s="787"/>
      <c r="F15" s="788"/>
      <c r="G15" s="163" t="s">
        <v>0</v>
      </c>
      <c r="H15" s="172" t="s">
        <v>724</v>
      </c>
      <c r="I15" s="145"/>
      <c r="J15" s="145"/>
      <c r="K15" s="145"/>
      <c r="L15" s="145"/>
      <c r="M15" s="145"/>
      <c r="N15" s="145"/>
      <c r="O15" s="145"/>
      <c r="P15" s="145"/>
      <c r="Q15" s="145"/>
      <c r="R15" s="145"/>
      <c r="S15" s="145"/>
      <c r="T15" s="145"/>
      <c r="U15" s="145"/>
      <c r="V15" s="145"/>
      <c r="W15" s="145"/>
      <c r="X15" s="145"/>
      <c r="Y15" s="257"/>
    </row>
    <row r="17" spans="2:25" x14ac:dyDescent="0.15">
      <c r="B17" s="158"/>
      <c r="C17" s="157"/>
      <c r="D17" s="157"/>
      <c r="E17" s="157"/>
      <c r="F17" s="157"/>
      <c r="G17" s="157"/>
      <c r="H17" s="157"/>
      <c r="I17" s="157"/>
      <c r="J17" s="157"/>
      <c r="K17" s="157"/>
      <c r="L17" s="157"/>
      <c r="M17" s="157"/>
      <c r="N17" s="157"/>
      <c r="O17" s="157"/>
      <c r="P17" s="157"/>
      <c r="Q17" s="157"/>
      <c r="R17" s="157"/>
      <c r="S17" s="157"/>
      <c r="T17" s="157"/>
      <c r="U17" s="157"/>
      <c r="V17" s="157"/>
      <c r="W17" s="157"/>
      <c r="X17" s="157"/>
      <c r="Y17" s="156"/>
    </row>
    <row r="18" spans="2:25" x14ac:dyDescent="0.15">
      <c r="B18" s="9" t="s">
        <v>723</v>
      </c>
      <c r="Y18" s="149"/>
    </row>
    <row r="19" spans="2:25" x14ac:dyDescent="0.15">
      <c r="B19" s="9"/>
      <c r="Y19" s="149"/>
    </row>
    <row r="20" spans="2:25" x14ac:dyDescent="0.15">
      <c r="B20" s="9"/>
      <c r="C20" s="8" t="s">
        <v>722</v>
      </c>
      <c r="K20" s="778"/>
      <c r="L20" s="778"/>
      <c r="M20" s="8" t="s">
        <v>721</v>
      </c>
      <c r="Y20" s="149"/>
    </row>
    <row r="21" spans="2:25" ht="6.75" customHeight="1" x14ac:dyDescent="0.15">
      <c r="B21" s="9"/>
      <c r="Y21" s="149"/>
    </row>
    <row r="22" spans="2:25" ht="21" customHeight="1" x14ac:dyDescent="0.15">
      <c r="B22" s="9"/>
      <c r="D22" s="780" t="s">
        <v>720</v>
      </c>
      <c r="E22" s="781"/>
      <c r="F22" s="781"/>
      <c r="G22" s="781"/>
      <c r="H22" s="782"/>
      <c r="I22" s="791"/>
      <c r="J22" s="792"/>
      <c r="K22" s="792"/>
      <c r="L22" s="792"/>
      <c r="M22" s="176" t="s">
        <v>708</v>
      </c>
      <c r="N22" s="252" t="s">
        <v>710</v>
      </c>
      <c r="O22" s="181"/>
      <c r="P22" s="781"/>
      <c r="Q22" s="781"/>
      <c r="R22" s="176" t="s">
        <v>708</v>
      </c>
      <c r="S22" s="252" t="s">
        <v>709</v>
      </c>
      <c r="T22" s="181"/>
      <c r="U22" s="181"/>
      <c r="V22" s="781"/>
      <c r="W22" s="781"/>
      <c r="X22" s="176" t="s">
        <v>708</v>
      </c>
      <c r="Y22" s="149"/>
    </row>
    <row r="23" spans="2:25" ht="21" customHeight="1" x14ac:dyDescent="0.15">
      <c r="B23" s="9"/>
      <c r="D23" s="780" t="s">
        <v>719</v>
      </c>
      <c r="E23" s="781"/>
      <c r="F23" s="781"/>
      <c r="G23" s="781"/>
      <c r="H23" s="782"/>
      <c r="I23" s="780"/>
      <c r="J23" s="781"/>
      <c r="K23" s="781"/>
      <c r="L23" s="781"/>
      <c r="M23" s="176" t="s">
        <v>708</v>
      </c>
      <c r="N23" s="252" t="s">
        <v>710</v>
      </c>
      <c r="O23" s="181"/>
      <c r="P23" s="781"/>
      <c r="Q23" s="781"/>
      <c r="R23" s="176" t="s">
        <v>708</v>
      </c>
      <c r="S23" s="252" t="s">
        <v>709</v>
      </c>
      <c r="T23" s="181"/>
      <c r="U23" s="181"/>
      <c r="V23" s="781"/>
      <c r="W23" s="781"/>
      <c r="X23" s="176" t="s">
        <v>708</v>
      </c>
      <c r="Y23" s="149"/>
    </row>
    <row r="24" spans="2:25" ht="15.75" customHeight="1" x14ac:dyDescent="0.15">
      <c r="B24" s="9"/>
      <c r="D24" s="937" t="s">
        <v>718</v>
      </c>
      <c r="E24" s="907"/>
      <c r="F24" s="907"/>
      <c r="G24" s="907"/>
      <c r="H24" s="907"/>
      <c r="I24" s="907"/>
      <c r="J24" s="907"/>
      <c r="K24" s="907"/>
      <c r="L24" s="907"/>
      <c r="M24" s="907"/>
      <c r="N24" s="907"/>
      <c r="O24" s="907"/>
      <c r="P24" s="907"/>
      <c r="Q24" s="907"/>
      <c r="R24" s="907"/>
      <c r="S24" s="907"/>
      <c r="T24" s="907"/>
      <c r="U24" s="908"/>
      <c r="V24" s="311" t="s">
        <v>227</v>
      </c>
      <c r="W24" s="278" t="s">
        <v>217</v>
      </c>
      <c r="X24" s="310" t="s">
        <v>226</v>
      </c>
      <c r="Y24" s="149"/>
    </row>
    <row r="25" spans="2:25" ht="30.75" customHeight="1" x14ac:dyDescent="0.15">
      <c r="B25" s="9"/>
      <c r="D25" s="909"/>
      <c r="E25" s="910"/>
      <c r="F25" s="910"/>
      <c r="G25" s="910"/>
      <c r="H25" s="910"/>
      <c r="I25" s="910"/>
      <c r="J25" s="910"/>
      <c r="K25" s="910"/>
      <c r="L25" s="910"/>
      <c r="M25" s="910"/>
      <c r="N25" s="910"/>
      <c r="O25" s="910"/>
      <c r="P25" s="910"/>
      <c r="Q25" s="910"/>
      <c r="R25" s="910"/>
      <c r="S25" s="910"/>
      <c r="T25" s="910"/>
      <c r="U25" s="911"/>
      <c r="V25" s="169" t="s">
        <v>0</v>
      </c>
      <c r="W25" s="177" t="s">
        <v>717</v>
      </c>
      <c r="X25" s="176" t="s">
        <v>0</v>
      </c>
      <c r="Y25" s="149"/>
    </row>
    <row r="26" spans="2:25" ht="17.25" customHeight="1" x14ac:dyDescent="0.15">
      <c r="B26" s="9"/>
      <c r="D26" s="828" t="s">
        <v>716</v>
      </c>
      <c r="E26" s="829"/>
      <c r="F26" s="829"/>
      <c r="G26" s="829"/>
      <c r="H26" s="829"/>
      <c r="I26" s="829"/>
      <c r="J26" s="829"/>
      <c r="K26" s="829"/>
      <c r="L26" s="829"/>
      <c r="M26" s="829"/>
      <c r="N26" s="829"/>
      <c r="O26" s="829"/>
      <c r="P26" s="829"/>
      <c r="Q26" s="829"/>
      <c r="R26" s="829"/>
      <c r="S26" s="829"/>
      <c r="T26" s="829"/>
      <c r="U26" s="829"/>
      <c r="V26" s="829"/>
      <c r="W26" s="829"/>
      <c r="X26" s="830"/>
      <c r="Y26" s="149"/>
    </row>
    <row r="27" spans="2:25" ht="21" customHeight="1" x14ac:dyDescent="0.15">
      <c r="B27" s="9"/>
      <c r="D27" s="780" t="s">
        <v>715</v>
      </c>
      <c r="E27" s="781"/>
      <c r="F27" s="781"/>
      <c r="G27" s="781"/>
      <c r="H27" s="782"/>
      <c r="I27" s="780"/>
      <c r="J27" s="781"/>
      <c r="K27" s="781"/>
      <c r="L27" s="781"/>
      <c r="M27" s="176" t="s">
        <v>708</v>
      </c>
      <c r="N27" s="252" t="s">
        <v>710</v>
      </c>
      <c r="O27" s="181"/>
      <c r="P27" s="781"/>
      <c r="Q27" s="781"/>
      <c r="R27" s="176" t="s">
        <v>708</v>
      </c>
      <c r="S27" s="252" t="s">
        <v>709</v>
      </c>
      <c r="T27" s="181"/>
      <c r="U27" s="181"/>
      <c r="V27" s="781"/>
      <c r="W27" s="781"/>
      <c r="X27" s="176" t="s">
        <v>708</v>
      </c>
      <c r="Y27" s="149"/>
    </row>
    <row r="28" spans="2:25" ht="21" customHeight="1" x14ac:dyDescent="0.15">
      <c r="B28" s="9"/>
      <c r="D28" s="780" t="s">
        <v>714</v>
      </c>
      <c r="E28" s="781"/>
      <c r="F28" s="781"/>
      <c r="G28" s="781"/>
      <c r="H28" s="782"/>
      <c r="I28" s="780"/>
      <c r="J28" s="781"/>
      <c r="K28" s="781"/>
      <c r="L28" s="781"/>
      <c r="M28" s="176" t="s">
        <v>708</v>
      </c>
      <c r="N28" s="252" t="s">
        <v>710</v>
      </c>
      <c r="O28" s="181"/>
      <c r="P28" s="781"/>
      <c r="Q28" s="781"/>
      <c r="R28" s="176" t="s">
        <v>708</v>
      </c>
      <c r="S28" s="252" t="s">
        <v>709</v>
      </c>
      <c r="T28" s="181"/>
      <c r="U28" s="181"/>
      <c r="V28" s="781"/>
      <c r="W28" s="781"/>
      <c r="X28" s="176" t="s">
        <v>708</v>
      </c>
      <c r="Y28" s="149"/>
    </row>
    <row r="29" spans="2:25" ht="21" customHeight="1" x14ac:dyDescent="0.15">
      <c r="B29" s="9"/>
      <c r="D29" s="780" t="s">
        <v>713</v>
      </c>
      <c r="E29" s="781"/>
      <c r="F29" s="781"/>
      <c r="G29" s="781"/>
      <c r="H29" s="782"/>
      <c r="I29" s="780"/>
      <c r="J29" s="781"/>
      <c r="K29" s="781"/>
      <c r="L29" s="781"/>
      <c r="M29" s="176" t="s">
        <v>708</v>
      </c>
      <c r="N29" s="252" t="s">
        <v>710</v>
      </c>
      <c r="O29" s="181"/>
      <c r="P29" s="781"/>
      <c r="Q29" s="781"/>
      <c r="R29" s="176" t="s">
        <v>708</v>
      </c>
      <c r="S29" s="252" t="s">
        <v>709</v>
      </c>
      <c r="T29" s="181"/>
      <c r="U29" s="181"/>
      <c r="V29" s="781"/>
      <c r="W29" s="781"/>
      <c r="X29" s="176" t="s">
        <v>708</v>
      </c>
      <c r="Y29" s="149"/>
    </row>
    <row r="30" spans="2:25" ht="21" customHeight="1" x14ac:dyDescent="0.15">
      <c r="B30" s="9"/>
      <c r="D30" s="780" t="s">
        <v>712</v>
      </c>
      <c r="E30" s="781"/>
      <c r="F30" s="781"/>
      <c r="G30" s="781"/>
      <c r="H30" s="782"/>
      <c r="I30" s="780"/>
      <c r="J30" s="781"/>
      <c r="K30" s="781"/>
      <c r="L30" s="781"/>
      <c r="M30" s="176" t="s">
        <v>708</v>
      </c>
      <c r="N30" s="252" t="s">
        <v>710</v>
      </c>
      <c r="O30" s="181"/>
      <c r="P30" s="781"/>
      <c r="Q30" s="781"/>
      <c r="R30" s="176" t="s">
        <v>708</v>
      </c>
      <c r="S30" s="252" t="s">
        <v>709</v>
      </c>
      <c r="T30" s="181"/>
      <c r="U30" s="181"/>
      <c r="V30" s="781"/>
      <c r="W30" s="781"/>
      <c r="X30" s="176" t="s">
        <v>708</v>
      </c>
      <c r="Y30" s="149"/>
    </row>
    <row r="31" spans="2:25" ht="21" customHeight="1" x14ac:dyDescent="0.15">
      <c r="B31" s="9"/>
      <c r="D31" s="780" t="s">
        <v>711</v>
      </c>
      <c r="E31" s="781"/>
      <c r="F31" s="781"/>
      <c r="G31" s="781"/>
      <c r="H31" s="782"/>
      <c r="I31" s="780"/>
      <c r="J31" s="781"/>
      <c r="K31" s="781"/>
      <c r="L31" s="781"/>
      <c r="M31" s="176" t="s">
        <v>708</v>
      </c>
      <c r="N31" s="252" t="s">
        <v>710</v>
      </c>
      <c r="O31" s="181"/>
      <c r="P31" s="781"/>
      <c r="Q31" s="781"/>
      <c r="R31" s="176" t="s">
        <v>708</v>
      </c>
      <c r="S31" s="252" t="s">
        <v>709</v>
      </c>
      <c r="T31" s="181"/>
      <c r="U31" s="181"/>
      <c r="V31" s="781"/>
      <c r="W31" s="781"/>
      <c r="X31" s="176" t="s">
        <v>708</v>
      </c>
      <c r="Y31" s="149"/>
    </row>
    <row r="32" spans="2:25" ht="13.5" customHeight="1" x14ac:dyDescent="0.15">
      <c r="B32" s="9"/>
      <c r="D32" s="18"/>
      <c r="E32" s="18"/>
      <c r="F32" s="18"/>
      <c r="G32" s="18"/>
      <c r="H32" s="18"/>
      <c r="I32" s="18"/>
      <c r="J32" s="18"/>
      <c r="K32" s="18"/>
      <c r="L32" s="18"/>
      <c r="M32" s="18"/>
      <c r="P32" s="18"/>
      <c r="Q32" s="18"/>
      <c r="R32" s="18"/>
      <c r="V32" s="18"/>
      <c r="W32" s="18"/>
      <c r="X32" s="18"/>
      <c r="Y32" s="149"/>
    </row>
    <row r="33" spans="2:32" x14ac:dyDescent="0.15">
      <c r="B33" s="9"/>
      <c r="C33" s="8" t="s">
        <v>707</v>
      </c>
      <c r="Y33" s="149"/>
      <c r="Z33"/>
      <c r="AA33"/>
      <c r="AB33"/>
    </row>
    <row r="34" spans="2:32" ht="7.5" customHeight="1" x14ac:dyDescent="0.15">
      <c r="B34" s="9"/>
      <c r="Y34" s="149"/>
      <c r="Z34"/>
      <c r="AA34"/>
      <c r="AB34"/>
    </row>
    <row r="35" spans="2:32" ht="35.25" customHeight="1" x14ac:dyDescent="0.15">
      <c r="B35" s="9"/>
      <c r="D35" s="1010"/>
      <c r="E35" s="1011"/>
      <c r="F35" s="1011"/>
      <c r="G35" s="1011"/>
      <c r="H35" s="1011"/>
      <c r="I35" s="1011"/>
      <c r="J35" s="1011"/>
      <c r="K35" s="1011"/>
      <c r="L35" s="1011"/>
      <c r="M35" s="1011"/>
      <c r="N35" s="1011"/>
      <c r="O35" s="1011"/>
      <c r="P35" s="1011"/>
      <c r="Q35" s="1011"/>
      <c r="R35" s="1011"/>
      <c r="S35" s="1011"/>
      <c r="T35" s="1011"/>
      <c r="U35" s="1011"/>
      <c r="V35" s="1011"/>
      <c r="W35" s="1011"/>
      <c r="X35" s="1012"/>
      <c r="Y35" s="149"/>
      <c r="Z35"/>
      <c r="AA35"/>
      <c r="AB35"/>
    </row>
    <row r="36" spans="2:32" ht="12" customHeight="1" x14ac:dyDescent="0.15">
      <c r="B36" s="9"/>
      <c r="Y36" s="149"/>
      <c r="Z36"/>
      <c r="AA36"/>
      <c r="AB36"/>
    </row>
    <row r="37" spans="2:32" x14ac:dyDescent="0.15">
      <c r="B37" s="9"/>
      <c r="C37" s="8" t="s">
        <v>706</v>
      </c>
      <c r="Y37" s="149"/>
      <c r="Z37"/>
      <c r="AA37"/>
      <c r="AB37"/>
    </row>
    <row r="38" spans="2:32" ht="6.75" customHeight="1" x14ac:dyDescent="0.15">
      <c r="B38" s="9"/>
      <c r="D38" s="172"/>
      <c r="E38" s="172"/>
      <c r="F38" s="172"/>
      <c r="G38" s="172"/>
      <c r="H38" s="172"/>
      <c r="I38" s="172"/>
      <c r="J38" s="172"/>
      <c r="K38" s="172"/>
      <c r="L38" s="172"/>
      <c r="M38" s="172"/>
      <c r="N38" s="172"/>
      <c r="O38" s="172"/>
      <c r="P38" s="172"/>
      <c r="Q38" s="172"/>
      <c r="R38" s="172"/>
      <c r="S38" s="172"/>
      <c r="T38" s="172"/>
      <c r="U38" s="172"/>
      <c r="V38" s="172"/>
      <c r="W38" s="172"/>
      <c r="X38" s="172"/>
      <c r="Y38" s="149"/>
      <c r="Z38"/>
      <c r="AA38" s="309"/>
      <c r="AB38" s="309"/>
      <c r="AC38" s="172"/>
      <c r="AD38" s="172"/>
      <c r="AE38" s="172"/>
      <c r="AF38" s="172"/>
    </row>
    <row r="39" spans="2:32" ht="23.25" customHeight="1" x14ac:dyDescent="0.15">
      <c r="B39" s="9"/>
      <c r="D39" s="269">
        <v>1</v>
      </c>
      <c r="E39" s="786"/>
      <c r="F39" s="787"/>
      <c r="G39" s="162" t="s">
        <v>705</v>
      </c>
      <c r="H39" s="787"/>
      <c r="I39" s="787"/>
      <c r="J39" s="162" t="s">
        <v>7</v>
      </c>
      <c r="K39" s="787"/>
      <c r="L39" s="787"/>
      <c r="M39" s="788"/>
      <c r="N39" s="269">
        <v>4</v>
      </c>
      <c r="O39" s="786"/>
      <c r="P39" s="787"/>
      <c r="Q39" s="162" t="s">
        <v>705</v>
      </c>
      <c r="R39" s="787"/>
      <c r="S39" s="787"/>
      <c r="T39" s="162" t="s">
        <v>7</v>
      </c>
      <c r="U39" s="162"/>
      <c r="V39" s="787"/>
      <c r="W39" s="787"/>
      <c r="X39" s="787"/>
      <c r="Y39" s="189"/>
      <c r="Z39" s="308"/>
      <c r="AA39"/>
      <c r="AB39"/>
    </row>
    <row r="40" spans="2:32" ht="23.25" customHeight="1" x14ac:dyDescent="0.15">
      <c r="B40" s="9"/>
      <c r="D40" s="188">
        <v>2</v>
      </c>
      <c r="E40" s="780"/>
      <c r="F40" s="781"/>
      <c r="G40" s="168" t="s">
        <v>705</v>
      </c>
      <c r="H40" s="781"/>
      <c r="I40" s="781"/>
      <c r="J40" s="168" t="s">
        <v>7</v>
      </c>
      <c r="K40" s="781"/>
      <c r="L40" s="781"/>
      <c r="M40" s="782"/>
      <c r="N40" s="188">
        <v>5</v>
      </c>
      <c r="O40" s="780"/>
      <c r="P40" s="781"/>
      <c r="Q40" s="168" t="s">
        <v>705</v>
      </c>
      <c r="R40" s="781"/>
      <c r="S40" s="781"/>
      <c r="T40" s="168" t="s">
        <v>7</v>
      </c>
      <c r="U40" s="168"/>
      <c r="V40" s="781"/>
      <c r="W40" s="781"/>
      <c r="X40" s="782"/>
      <c r="Y40" s="149"/>
      <c r="Z40"/>
      <c r="AA40"/>
      <c r="AB40"/>
    </row>
    <row r="41" spans="2:32" ht="23.25" customHeight="1" x14ac:dyDescent="0.15">
      <c r="B41" s="9"/>
      <c r="D41" s="188">
        <v>3</v>
      </c>
      <c r="E41" s="780"/>
      <c r="F41" s="781"/>
      <c r="G41" s="168" t="s">
        <v>705</v>
      </c>
      <c r="H41" s="781"/>
      <c r="I41" s="781"/>
      <c r="J41" s="168" t="s">
        <v>7</v>
      </c>
      <c r="K41" s="781"/>
      <c r="L41" s="781"/>
      <c r="M41" s="782"/>
      <c r="N41" s="188">
        <v>6</v>
      </c>
      <c r="O41" s="780"/>
      <c r="P41" s="781"/>
      <c r="Q41" s="168" t="s">
        <v>705</v>
      </c>
      <c r="R41" s="781"/>
      <c r="S41" s="781"/>
      <c r="T41" s="168" t="s">
        <v>7</v>
      </c>
      <c r="U41" s="168"/>
      <c r="V41" s="781"/>
      <c r="W41" s="781"/>
      <c r="X41" s="782"/>
      <c r="Y41" s="149"/>
      <c r="Z41"/>
      <c r="AA41"/>
      <c r="AB41"/>
    </row>
    <row r="42" spans="2:32" x14ac:dyDescent="0.15">
      <c r="B42" s="173"/>
      <c r="C42" s="172"/>
      <c r="D42" s="172"/>
      <c r="E42" s="172"/>
      <c r="F42" s="172"/>
      <c r="G42" s="172"/>
      <c r="H42" s="172"/>
      <c r="I42" s="172"/>
      <c r="J42" s="172"/>
      <c r="K42" s="172"/>
      <c r="L42" s="172"/>
      <c r="M42" s="172"/>
      <c r="N42" s="172"/>
      <c r="O42" s="172"/>
      <c r="P42" s="172"/>
      <c r="Q42" s="172"/>
      <c r="R42" s="172"/>
      <c r="S42" s="172"/>
      <c r="T42" s="172"/>
      <c r="U42" s="172"/>
      <c r="V42" s="172"/>
      <c r="W42" s="172"/>
      <c r="X42" s="172"/>
      <c r="Y42" s="171"/>
      <c r="Z42"/>
      <c r="AA42"/>
      <c r="AB42"/>
    </row>
    <row r="44" spans="2:32" x14ac:dyDescent="0.15">
      <c r="B44" s="158"/>
      <c r="C44" s="157"/>
      <c r="D44" s="157"/>
      <c r="E44" s="157"/>
      <c r="F44" s="157"/>
      <c r="G44" s="157"/>
      <c r="H44" s="157"/>
      <c r="I44" s="157"/>
      <c r="J44" s="157"/>
      <c r="K44" s="157"/>
      <c r="L44" s="157"/>
      <c r="M44" s="157"/>
      <c r="N44" s="157"/>
      <c r="O44" s="157"/>
      <c r="P44" s="157"/>
      <c r="Q44" s="157"/>
      <c r="R44" s="157"/>
      <c r="S44" s="157"/>
      <c r="T44" s="156"/>
      <c r="U44" s="157"/>
      <c r="V44" s="157"/>
      <c r="W44" s="157"/>
      <c r="X44" s="157"/>
      <c r="Y44" s="156"/>
      <c r="Z44"/>
      <c r="AA44"/>
      <c r="AB44"/>
    </row>
    <row r="45" spans="2:32" x14ac:dyDescent="0.15">
      <c r="B45" s="9" t="s">
        <v>704</v>
      </c>
      <c r="T45" s="149"/>
      <c r="V45" s="152" t="s">
        <v>227</v>
      </c>
      <c r="W45" s="152" t="s">
        <v>217</v>
      </c>
      <c r="X45" s="152" t="s">
        <v>226</v>
      </c>
      <c r="Y45" s="149"/>
      <c r="Z45"/>
      <c r="AA45"/>
      <c r="AB45"/>
    </row>
    <row r="46" spans="2:32" x14ac:dyDescent="0.15">
      <c r="B46" s="9"/>
      <c r="D46" s="8" t="s">
        <v>703</v>
      </c>
      <c r="T46" s="149"/>
      <c r="V46" s="152"/>
      <c r="W46" s="152"/>
      <c r="X46" s="152"/>
      <c r="Y46" s="149"/>
      <c r="Z46"/>
      <c r="AA46"/>
      <c r="AB46"/>
    </row>
    <row r="47" spans="2:32" ht="14.25" customHeight="1" x14ac:dyDescent="0.15">
      <c r="B47" s="9"/>
      <c r="T47" s="149"/>
      <c r="Y47" s="149"/>
      <c r="Z47"/>
      <c r="AA47"/>
      <c r="AB47"/>
    </row>
    <row r="48" spans="2:32" ht="17.25" customHeight="1" x14ac:dyDescent="0.15">
      <c r="B48" s="9"/>
      <c r="C48" s="8" t="s">
        <v>702</v>
      </c>
      <c r="T48" s="149"/>
      <c r="V48" s="18" t="s">
        <v>0</v>
      </c>
      <c r="W48" s="18" t="s">
        <v>217</v>
      </c>
      <c r="X48" s="18" t="s">
        <v>0</v>
      </c>
      <c r="Y48" s="150"/>
      <c r="AB48" s="8" t="s">
        <v>701</v>
      </c>
    </row>
    <row r="49" spans="2:25" x14ac:dyDescent="0.15">
      <c r="B49" s="9"/>
      <c r="D49" s="8" t="s">
        <v>700</v>
      </c>
      <c r="T49" s="149"/>
      <c r="V49" s="18"/>
      <c r="W49" s="18"/>
      <c r="X49" s="18"/>
      <c r="Y49" s="174"/>
    </row>
    <row r="50" spans="2:25" x14ac:dyDescent="0.15">
      <c r="B50" s="9"/>
      <c r="T50" s="149"/>
      <c r="V50" s="18"/>
      <c r="W50" s="18"/>
      <c r="X50" s="18"/>
      <c r="Y50" s="174"/>
    </row>
    <row r="51" spans="2:25" ht="17.25" customHeight="1" x14ac:dyDescent="0.15">
      <c r="B51" s="9"/>
      <c r="C51" s="8" t="s">
        <v>699</v>
      </c>
      <c r="T51" s="149"/>
      <c r="V51" s="18" t="s">
        <v>0</v>
      </c>
      <c r="W51" s="18" t="s">
        <v>217</v>
      </c>
      <c r="X51" s="18" t="s">
        <v>0</v>
      </c>
      <c r="Y51" s="150"/>
    </row>
    <row r="52" spans="2:25" ht="17.25" customHeight="1" x14ac:dyDescent="0.15">
      <c r="B52" s="9"/>
      <c r="D52" s="8" t="s">
        <v>698</v>
      </c>
      <c r="T52" s="149"/>
      <c r="V52" s="18"/>
      <c r="W52" s="18"/>
      <c r="X52" s="18"/>
      <c r="Y52" s="150"/>
    </row>
    <row r="53" spans="2:25" x14ac:dyDescent="0.15">
      <c r="B53" s="9"/>
      <c r="T53" s="149"/>
      <c r="V53" s="18"/>
      <c r="W53" s="18"/>
      <c r="X53" s="18"/>
      <c r="Y53" s="174"/>
    </row>
    <row r="54" spans="2:25" ht="17.25" customHeight="1" x14ac:dyDescent="0.15">
      <c r="B54" s="9"/>
      <c r="C54" s="8" t="s">
        <v>697</v>
      </c>
      <c r="T54" s="149"/>
      <c r="V54" s="18" t="s">
        <v>0</v>
      </c>
      <c r="W54" s="18" t="s">
        <v>217</v>
      </c>
      <c r="X54" s="18" t="s">
        <v>0</v>
      </c>
      <c r="Y54" s="150"/>
    </row>
    <row r="55" spans="2:25" ht="17.25" customHeight="1" x14ac:dyDescent="0.15">
      <c r="B55" s="9"/>
      <c r="D55" s="8" t="s">
        <v>696</v>
      </c>
      <c r="T55" s="149"/>
      <c r="V55" s="18"/>
      <c r="W55" s="18"/>
      <c r="X55" s="18"/>
      <c r="Y55" s="150"/>
    </row>
    <row r="56" spans="2:25" ht="13.5" customHeight="1" x14ac:dyDescent="0.15">
      <c r="B56" s="9"/>
      <c r="T56" s="149"/>
      <c r="V56" s="16"/>
      <c r="W56" s="16"/>
      <c r="X56" s="16"/>
      <c r="Y56" s="150"/>
    </row>
    <row r="57" spans="2:25" ht="17.25" customHeight="1" x14ac:dyDescent="0.15">
      <c r="B57" s="9"/>
      <c r="C57" s="8" t="s">
        <v>695</v>
      </c>
      <c r="T57" s="149"/>
      <c r="V57" s="18" t="s">
        <v>0</v>
      </c>
      <c r="W57" s="18" t="s">
        <v>217</v>
      </c>
      <c r="X57" s="18" t="s">
        <v>0</v>
      </c>
      <c r="Y57" s="150"/>
    </row>
    <row r="58" spans="2:25" ht="17.25" customHeight="1" x14ac:dyDescent="0.15">
      <c r="B58" s="9"/>
      <c r="D58" s="8" t="s">
        <v>694</v>
      </c>
      <c r="T58" s="149"/>
      <c r="V58" s="18"/>
      <c r="W58" s="18"/>
      <c r="X58" s="18"/>
      <c r="Y58" s="150"/>
    </row>
    <row r="59" spans="2:25" ht="17.25" customHeight="1" x14ac:dyDescent="0.15">
      <c r="B59" s="9"/>
      <c r="D59" s="8" t="s">
        <v>693</v>
      </c>
      <c r="T59" s="149"/>
      <c r="V59" s="18"/>
      <c r="W59" s="18"/>
      <c r="X59" s="18"/>
      <c r="Y59" s="150"/>
    </row>
    <row r="60" spans="2:25" x14ac:dyDescent="0.15">
      <c r="B60" s="9"/>
      <c r="T60" s="149"/>
      <c r="V60" s="18"/>
      <c r="W60" s="18"/>
      <c r="X60" s="18"/>
      <c r="Y60" s="174"/>
    </row>
    <row r="61" spans="2:25" ht="17.25" customHeight="1" x14ac:dyDescent="0.15">
      <c r="B61" s="9"/>
      <c r="C61" s="8" t="s">
        <v>692</v>
      </c>
      <c r="T61" s="149"/>
      <c r="V61" s="18" t="s">
        <v>0</v>
      </c>
      <c r="W61" s="18" t="s">
        <v>217</v>
      </c>
      <c r="X61" s="18" t="s">
        <v>0</v>
      </c>
      <c r="Y61" s="150"/>
    </row>
    <row r="62" spans="2:25" ht="7.5" customHeight="1" x14ac:dyDescent="0.15">
      <c r="B62" s="173"/>
      <c r="C62" s="172"/>
      <c r="D62" s="172"/>
      <c r="E62" s="172"/>
      <c r="F62" s="172"/>
      <c r="G62" s="172"/>
      <c r="H62" s="172"/>
      <c r="I62" s="172"/>
      <c r="J62" s="172"/>
      <c r="K62" s="172"/>
      <c r="L62" s="172"/>
      <c r="M62" s="172"/>
      <c r="N62" s="172"/>
      <c r="O62" s="172"/>
      <c r="P62" s="172"/>
      <c r="Q62" s="172"/>
      <c r="R62" s="172"/>
      <c r="S62" s="172"/>
      <c r="T62" s="171"/>
      <c r="U62" s="172"/>
      <c r="V62" s="172"/>
      <c r="W62" s="172"/>
      <c r="X62" s="172"/>
      <c r="Y62" s="171"/>
    </row>
    <row r="64" spans="2:25" x14ac:dyDescent="0.15">
      <c r="B64" s="158"/>
      <c r="C64" s="157"/>
      <c r="D64" s="157"/>
      <c r="E64" s="157"/>
      <c r="F64" s="157"/>
      <c r="G64" s="157"/>
      <c r="H64" s="157"/>
      <c r="I64" s="157"/>
      <c r="J64" s="157"/>
      <c r="K64" s="157"/>
      <c r="L64" s="157"/>
      <c r="M64" s="157"/>
      <c r="N64" s="157"/>
      <c r="O64" s="157"/>
      <c r="P64" s="157"/>
      <c r="Q64" s="157"/>
      <c r="R64" s="157"/>
      <c r="S64" s="157"/>
      <c r="T64" s="157"/>
      <c r="U64" s="158"/>
      <c r="V64" s="157"/>
      <c r="W64" s="157"/>
      <c r="X64" s="157"/>
      <c r="Y64" s="156"/>
    </row>
    <row r="65" spans="1:28" x14ac:dyDescent="0.15">
      <c r="B65" s="9" t="s">
        <v>691</v>
      </c>
      <c r="U65" s="9"/>
      <c r="V65" s="152" t="s">
        <v>227</v>
      </c>
      <c r="W65" s="152" t="s">
        <v>217</v>
      </c>
      <c r="X65" s="152" t="s">
        <v>226</v>
      </c>
      <c r="Y65" s="149"/>
    </row>
    <row r="66" spans="1:28" x14ac:dyDescent="0.15">
      <c r="B66" s="9"/>
      <c r="D66" s="8" t="s">
        <v>690</v>
      </c>
      <c r="U66" s="9"/>
      <c r="Y66" s="149"/>
    </row>
    <row r="67" spans="1:28" ht="17.25" customHeight="1" x14ac:dyDescent="0.15">
      <c r="B67" s="9"/>
      <c r="C67" s="8" t="s">
        <v>689</v>
      </c>
      <c r="U67" s="9"/>
      <c r="V67" s="18" t="s">
        <v>0</v>
      </c>
      <c r="W67" s="18" t="s">
        <v>217</v>
      </c>
      <c r="X67" s="18" t="s">
        <v>0</v>
      </c>
      <c r="Y67" s="150"/>
    </row>
    <row r="68" spans="1:28" ht="13.5" customHeight="1" x14ac:dyDescent="0.15">
      <c r="B68" s="9"/>
      <c r="U68" s="9"/>
      <c r="V68" s="18"/>
      <c r="W68" s="18"/>
      <c r="X68" s="18"/>
      <c r="Y68" s="174"/>
    </row>
    <row r="69" spans="1:28" ht="17.25" customHeight="1" x14ac:dyDescent="0.15">
      <c r="B69" s="9"/>
      <c r="C69" s="8" t="s">
        <v>688</v>
      </c>
      <c r="U69" s="9"/>
      <c r="V69" s="18" t="s">
        <v>0</v>
      </c>
      <c r="W69" s="18" t="s">
        <v>217</v>
      </c>
      <c r="X69" s="18" t="s">
        <v>0</v>
      </c>
      <c r="Y69" s="150"/>
    </row>
    <row r="70" spans="1:28" ht="13.5" customHeight="1" x14ac:dyDescent="0.15">
      <c r="B70" s="9"/>
      <c r="U70" s="9"/>
      <c r="V70" s="18"/>
      <c r="W70" s="18"/>
      <c r="X70" s="18"/>
      <c r="Y70" s="174"/>
    </row>
    <row r="71" spans="1:28" ht="17.25" customHeight="1" x14ac:dyDescent="0.15">
      <c r="A71" s="16"/>
      <c r="B71" s="9"/>
      <c r="C71" s="8" t="s">
        <v>687</v>
      </c>
      <c r="U71" s="9"/>
      <c r="V71" s="18" t="s">
        <v>0</v>
      </c>
      <c r="W71" s="18" t="s">
        <v>217</v>
      </c>
      <c r="X71" s="18" t="s">
        <v>0</v>
      </c>
      <c r="Y71" s="150"/>
    </row>
    <row r="72" spans="1:28" ht="13.5" customHeight="1" x14ac:dyDescent="0.15">
      <c r="B72" s="9"/>
      <c r="U72" s="9"/>
      <c r="V72" s="16"/>
      <c r="W72" s="16"/>
      <c r="X72" s="16"/>
      <c r="Y72" s="150"/>
    </row>
    <row r="73" spans="1:28" x14ac:dyDescent="0.15">
      <c r="B73" s="9"/>
      <c r="C73" s="8" t="s">
        <v>686</v>
      </c>
      <c r="U73" s="9"/>
      <c r="V73" s="18" t="s">
        <v>0</v>
      </c>
      <c r="W73" s="18" t="s">
        <v>217</v>
      </c>
      <c r="X73" s="18" t="s">
        <v>0</v>
      </c>
      <c r="Y73" s="150"/>
      <c r="Z73"/>
      <c r="AA73"/>
      <c r="AB73"/>
    </row>
    <row r="74" spans="1:28" ht="13.5" customHeight="1" x14ac:dyDescent="0.15">
      <c r="B74" s="9"/>
      <c r="U74" s="9"/>
      <c r="Y74" s="149"/>
      <c r="Z74"/>
      <c r="AA74"/>
      <c r="AB74"/>
    </row>
    <row r="75" spans="1:28" x14ac:dyDescent="0.15">
      <c r="B75" s="9"/>
      <c r="C75" s="8" t="s">
        <v>685</v>
      </c>
      <c r="U75" s="9"/>
      <c r="V75" s="18" t="s">
        <v>0</v>
      </c>
      <c r="W75" s="18" t="s">
        <v>217</v>
      </c>
      <c r="X75" s="18" t="s">
        <v>0</v>
      </c>
      <c r="Y75" s="150"/>
      <c r="Z75"/>
      <c r="AA75"/>
      <c r="AB75"/>
    </row>
    <row r="76" spans="1:28" x14ac:dyDescent="0.15">
      <c r="B76" s="9"/>
      <c r="U76" s="9"/>
      <c r="Y76" s="149"/>
      <c r="Z76"/>
      <c r="AA76"/>
      <c r="AB76"/>
    </row>
    <row r="77" spans="1:28" ht="16.5" customHeight="1" x14ac:dyDescent="0.15">
      <c r="B77" s="9"/>
      <c r="C77" s="8" t="s">
        <v>684</v>
      </c>
      <c r="U77" s="9"/>
      <c r="V77" s="18" t="s">
        <v>0</v>
      </c>
      <c r="W77" s="18" t="s">
        <v>217</v>
      </c>
      <c r="X77" s="18" t="s">
        <v>0</v>
      </c>
      <c r="Y77" s="150"/>
      <c r="Z77"/>
      <c r="AA77"/>
      <c r="AB77"/>
    </row>
    <row r="78" spans="1:28" ht="5.25" customHeight="1" x14ac:dyDescent="0.15">
      <c r="B78" s="173"/>
      <c r="C78" s="172"/>
      <c r="D78" s="172"/>
      <c r="E78" s="172"/>
      <c r="F78" s="172"/>
      <c r="G78" s="172"/>
      <c r="H78" s="172"/>
      <c r="I78" s="172"/>
      <c r="J78" s="172"/>
      <c r="K78" s="172"/>
      <c r="L78" s="172"/>
      <c r="M78" s="172"/>
      <c r="N78" s="172"/>
      <c r="O78" s="172"/>
      <c r="P78" s="172"/>
      <c r="Q78" s="172"/>
      <c r="R78" s="172"/>
      <c r="S78" s="172"/>
      <c r="T78" s="172"/>
      <c r="U78" s="173"/>
      <c r="V78" s="172"/>
      <c r="W78" s="172"/>
      <c r="X78" s="172"/>
      <c r="Y78" s="171"/>
      <c r="Z78"/>
      <c r="AA78"/>
      <c r="AB78"/>
    </row>
    <row r="80" spans="1:28" x14ac:dyDescent="0.15">
      <c r="B80" s="8" t="s">
        <v>683</v>
      </c>
    </row>
    <row r="81" spans="2:28" x14ac:dyDescent="0.15">
      <c r="B81" s="8" t="s">
        <v>682</v>
      </c>
      <c r="K81"/>
      <c r="L81"/>
      <c r="M81"/>
      <c r="N81"/>
      <c r="O81"/>
      <c r="P81"/>
      <c r="Q81"/>
      <c r="R81"/>
      <c r="S81"/>
      <c r="T81"/>
      <c r="U81"/>
      <c r="V81"/>
      <c r="W81"/>
      <c r="X81"/>
      <c r="Y81"/>
      <c r="Z81"/>
      <c r="AA81"/>
      <c r="AB81"/>
    </row>
    <row r="82" spans="2:28" ht="13.5" customHeight="1" x14ac:dyDescent="0.15">
      <c r="B82" s="8" t="s">
        <v>681</v>
      </c>
      <c r="K82"/>
      <c r="L82"/>
      <c r="M82"/>
      <c r="N82"/>
      <c r="O82"/>
      <c r="P82"/>
      <c r="Q82"/>
      <c r="R82"/>
      <c r="S82"/>
      <c r="T82"/>
      <c r="U82"/>
      <c r="V82"/>
      <c r="W82"/>
      <c r="X82"/>
      <c r="Y82"/>
      <c r="Z82"/>
      <c r="AA82"/>
      <c r="AB82"/>
    </row>
    <row r="84" spans="2:28" x14ac:dyDescent="0.15">
      <c r="B84" s="8" t="s">
        <v>680</v>
      </c>
      <c r="C84"/>
      <c r="D84"/>
      <c r="E84"/>
      <c r="F84"/>
      <c r="G84"/>
      <c r="H84"/>
      <c r="I84"/>
      <c r="J84"/>
      <c r="K84"/>
      <c r="L84"/>
      <c r="M84"/>
      <c r="N84"/>
      <c r="O84"/>
      <c r="P84"/>
      <c r="Q84"/>
      <c r="R84"/>
      <c r="S84"/>
      <c r="T84"/>
      <c r="U84"/>
      <c r="V84"/>
      <c r="W84"/>
      <c r="X84"/>
      <c r="Y84"/>
    </row>
    <row r="86" spans="2:28" x14ac:dyDescent="0.15">
      <c r="B86" s="778" t="s">
        <v>679</v>
      </c>
      <c r="C86" s="778"/>
      <c r="D86" s="778"/>
      <c r="E86" s="778"/>
      <c r="F86" s="778"/>
      <c r="G86" s="778"/>
      <c r="H86" s="778"/>
      <c r="I86" s="778"/>
      <c r="J86" s="778"/>
      <c r="K86" s="778"/>
      <c r="L86" s="778"/>
      <c r="M86" s="778"/>
      <c r="N86" s="778"/>
      <c r="O86" s="778"/>
      <c r="P86" s="778"/>
      <c r="Q86" s="778"/>
      <c r="R86" s="778"/>
      <c r="S86" s="778"/>
      <c r="T86" s="778"/>
      <c r="U86" s="778"/>
      <c r="V86" s="778"/>
      <c r="W86" s="778"/>
      <c r="X86" s="778"/>
      <c r="Y86" s="778"/>
    </row>
    <row r="88" spans="2:28" ht="23.25" customHeight="1" x14ac:dyDescent="0.15">
      <c r="B88" s="790" t="s">
        <v>531</v>
      </c>
      <c r="C88" s="790"/>
      <c r="D88" s="790"/>
      <c r="E88" s="790"/>
      <c r="F88" s="790"/>
      <c r="G88" s="791"/>
      <c r="H88" s="792"/>
      <c r="I88" s="792"/>
      <c r="J88" s="792"/>
      <c r="K88" s="792"/>
      <c r="L88" s="792"/>
      <c r="M88" s="792"/>
      <c r="N88" s="792"/>
      <c r="O88" s="792"/>
      <c r="P88" s="792"/>
      <c r="Q88" s="792"/>
      <c r="R88" s="792"/>
      <c r="S88" s="792"/>
      <c r="T88" s="792"/>
      <c r="U88" s="792"/>
      <c r="V88" s="792"/>
      <c r="W88" s="792"/>
      <c r="X88" s="792"/>
      <c r="Y88" s="793"/>
    </row>
    <row r="89" spans="2:28" ht="23.25" customHeight="1" x14ac:dyDescent="0.15">
      <c r="B89" s="790" t="s">
        <v>481</v>
      </c>
      <c r="C89" s="790"/>
      <c r="D89" s="790"/>
      <c r="E89" s="790"/>
      <c r="F89" s="790"/>
      <c r="G89" s="169" t="s">
        <v>0</v>
      </c>
      <c r="H89" s="168" t="s">
        <v>242</v>
      </c>
      <c r="I89" s="168"/>
      <c r="J89" s="168"/>
      <c r="K89" s="168"/>
      <c r="L89" s="18" t="s">
        <v>0</v>
      </c>
      <c r="M89" s="168" t="s">
        <v>241</v>
      </c>
      <c r="N89" s="168"/>
      <c r="O89" s="168"/>
      <c r="P89" s="168"/>
      <c r="Q89" s="18" t="s">
        <v>0</v>
      </c>
      <c r="R89" s="168" t="s">
        <v>240</v>
      </c>
      <c r="S89" s="168"/>
      <c r="T89" s="168"/>
      <c r="U89" s="168"/>
      <c r="V89" s="168"/>
      <c r="W89" s="181"/>
      <c r="X89" s="181"/>
      <c r="Y89" s="197"/>
    </row>
    <row r="90" spans="2:28" ht="20.100000000000001" customHeight="1" x14ac:dyDescent="0.15">
      <c r="B90" s="783" t="s">
        <v>678</v>
      </c>
      <c r="C90" s="784"/>
      <c r="D90" s="784"/>
      <c r="E90" s="784"/>
      <c r="F90" s="785"/>
      <c r="G90" s="194" t="s">
        <v>0</v>
      </c>
      <c r="H90" s="157" t="s">
        <v>677</v>
      </c>
      <c r="I90" s="259"/>
      <c r="J90" s="259"/>
      <c r="K90" s="259"/>
      <c r="L90" s="259"/>
      <c r="M90" s="259"/>
      <c r="N90" s="259"/>
      <c r="O90" s="259"/>
      <c r="P90" s="259"/>
      <c r="Q90" s="259"/>
      <c r="R90" s="259"/>
      <c r="S90" s="259"/>
      <c r="T90" s="259"/>
      <c r="U90" s="259"/>
      <c r="V90" s="259"/>
      <c r="W90" s="259"/>
      <c r="X90" s="259"/>
      <c r="Y90" s="258"/>
    </row>
    <row r="91" spans="2:28" ht="20.100000000000001" customHeight="1" x14ac:dyDescent="0.15">
      <c r="B91" s="810"/>
      <c r="C91" s="778"/>
      <c r="D91" s="778"/>
      <c r="E91" s="778"/>
      <c r="F91" s="811"/>
      <c r="G91" s="18" t="s">
        <v>0</v>
      </c>
      <c r="H91" s="8" t="s">
        <v>676</v>
      </c>
      <c r="I91" s="154"/>
      <c r="J91" s="154"/>
      <c r="K91" s="154"/>
      <c r="L91" s="154"/>
      <c r="M91" s="154"/>
      <c r="N91" s="154"/>
      <c r="O91" s="154"/>
      <c r="P91" s="154"/>
      <c r="Q91" s="154"/>
      <c r="R91" s="154"/>
      <c r="S91" s="154"/>
      <c r="T91" s="154"/>
      <c r="U91" s="154"/>
      <c r="V91" s="154"/>
      <c r="W91" s="154"/>
      <c r="X91" s="154"/>
      <c r="Y91" s="196"/>
    </row>
    <row r="92" spans="2:28" ht="20.100000000000001" customHeight="1" x14ac:dyDescent="0.15">
      <c r="B92" s="786"/>
      <c r="C92" s="787"/>
      <c r="D92" s="787"/>
      <c r="E92" s="787"/>
      <c r="F92" s="788"/>
      <c r="G92" s="143" t="s">
        <v>0</v>
      </c>
      <c r="H92" s="172" t="s">
        <v>675</v>
      </c>
      <c r="I92" s="145"/>
      <c r="J92" s="145"/>
      <c r="K92" s="145"/>
      <c r="L92" s="145"/>
      <c r="M92" s="145"/>
      <c r="N92" s="145"/>
      <c r="O92" s="145"/>
      <c r="P92" s="145"/>
      <c r="Q92" s="145"/>
      <c r="R92" s="145"/>
      <c r="S92" s="145"/>
      <c r="T92" s="145"/>
      <c r="U92" s="145"/>
      <c r="V92" s="145"/>
      <c r="W92" s="145"/>
      <c r="X92" s="145"/>
      <c r="Y92" s="257"/>
    </row>
    <row r="94" spans="2:28" x14ac:dyDescent="0.15">
      <c r="B94" s="158"/>
      <c r="C94" s="157"/>
      <c r="D94" s="157"/>
      <c r="E94" s="157"/>
      <c r="F94" s="157"/>
      <c r="G94" s="157"/>
      <c r="H94" s="157"/>
      <c r="I94" s="157"/>
      <c r="J94" s="157"/>
      <c r="K94" s="157"/>
      <c r="L94" s="157"/>
      <c r="M94" s="157"/>
      <c r="N94" s="157"/>
      <c r="O94" s="157"/>
      <c r="P94" s="157"/>
      <c r="Q94" s="157"/>
      <c r="R94" s="157"/>
      <c r="S94" s="157"/>
      <c r="T94" s="156"/>
      <c r="U94" s="157"/>
      <c r="V94" s="157"/>
      <c r="W94" s="157"/>
      <c r="X94" s="157"/>
      <c r="Y94" s="156"/>
      <c r="Z94"/>
      <c r="AA94"/>
      <c r="AB94"/>
    </row>
    <row r="95" spans="2:28" x14ac:dyDescent="0.15">
      <c r="B95" s="9" t="s">
        <v>674</v>
      </c>
      <c r="T95" s="149"/>
      <c r="V95" s="152" t="s">
        <v>227</v>
      </c>
      <c r="W95" s="152" t="s">
        <v>217</v>
      </c>
      <c r="X95" s="152" t="s">
        <v>226</v>
      </c>
      <c r="Y95" s="149"/>
      <c r="Z95"/>
      <c r="AA95"/>
      <c r="AB95"/>
    </row>
    <row r="96" spans="2:28" x14ac:dyDescent="0.15">
      <c r="B96" s="9"/>
      <c r="T96" s="149"/>
      <c r="Y96" s="149"/>
      <c r="Z96"/>
      <c r="AA96"/>
      <c r="AB96"/>
    </row>
    <row r="97" spans="2:28" ht="17.25" customHeight="1" x14ac:dyDescent="0.15">
      <c r="B97" s="9"/>
      <c r="C97" s="8" t="s">
        <v>669</v>
      </c>
      <c r="T97" s="149"/>
      <c r="V97" s="18" t="s">
        <v>0</v>
      </c>
      <c r="W97" s="18" t="s">
        <v>217</v>
      </c>
      <c r="X97" s="18" t="s">
        <v>0</v>
      </c>
      <c r="Y97" s="150"/>
    </row>
    <row r="98" spans="2:28" x14ac:dyDescent="0.15">
      <c r="B98" s="9"/>
      <c r="T98" s="149"/>
      <c r="V98" s="18"/>
      <c r="W98" s="18"/>
      <c r="X98" s="18"/>
      <c r="Y98" s="174"/>
    </row>
    <row r="99" spans="2:28" ht="17.25" customHeight="1" x14ac:dyDescent="0.15">
      <c r="B99" s="9"/>
      <c r="C99" s="8" t="s">
        <v>673</v>
      </c>
      <c r="T99" s="149"/>
      <c r="V99" s="18" t="s">
        <v>0</v>
      </c>
      <c r="W99" s="18" t="s">
        <v>217</v>
      </c>
      <c r="X99" s="18" t="s">
        <v>0</v>
      </c>
      <c r="Y99" s="150"/>
    </row>
    <row r="100" spans="2:28" x14ac:dyDescent="0.15">
      <c r="B100" s="9"/>
      <c r="T100" s="149"/>
      <c r="V100" s="18"/>
      <c r="W100" s="18"/>
      <c r="X100" s="18"/>
      <c r="Y100" s="174"/>
    </row>
    <row r="101" spans="2:28" ht="17.25" customHeight="1" x14ac:dyDescent="0.15">
      <c r="B101" s="9"/>
      <c r="C101" s="8" t="s">
        <v>672</v>
      </c>
      <c r="T101" s="149"/>
      <c r="V101" s="18" t="s">
        <v>0</v>
      </c>
      <c r="W101" s="18" t="s">
        <v>217</v>
      </c>
      <c r="X101" s="18" t="s">
        <v>0</v>
      </c>
      <c r="Y101" s="150"/>
    </row>
    <row r="102" spans="2:28" ht="7.5" customHeight="1" x14ac:dyDescent="0.15">
      <c r="B102" s="9"/>
      <c r="T102" s="149"/>
      <c r="V102" s="16"/>
      <c r="W102" s="16"/>
      <c r="X102" s="16"/>
      <c r="Y102" s="150"/>
    </row>
    <row r="103" spans="2:28" x14ac:dyDescent="0.15">
      <c r="B103" s="9"/>
      <c r="C103" s="8" t="s">
        <v>671</v>
      </c>
      <c r="T103" s="149"/>
      <c r="V103" s="16"/>
      <c r="W103" s="16"/>
      <c r="X103" s="16"/>
      <c r="Y103" s="150"/>
    </row>
    <row r="104" spans="2:28" x14ac:dyDescent="0.15">
      <c r="B104" s="173"/>
      <c r="C104" s="172"/>
      <c r="D104" s="172"/>
      <c r="E104" s="172"/>
      <c r="F104" s="172"/>
      <c r="G104" s="172"/>
      <c r="H104" s="172"/>
      <c r="I104" s="172"/>
      <c r="J104" s="172"/>
      <c r="K104" s="172"/>
      <c r="L104" s="172"/>
      <c r="M104" s="172"/>
      <c r="N104" s="172"/>
      <c r="O104" s="172"/>
      <c r="P104" s="172"/>
      <c r="Q104" s="172"/>
      <c r="R104" s="172"/>
      <c r="S104" s="172"/>
      <c r="T104" s="171"/>
      <c r="U104" s="172"/>
      <c r="V104" s="172"/>
      <c r="W104" s="172"/>
      <c r="X104" s="172"/>
      <c r="Y104" s="171"/>
    </row>
    <row r="106" spans="2:28" x14ac:dyDescent="0.15">
      <c r="B106" s="158"/>
      <c r="C106" s="157"/>
      <c r="D106" s="157"/>
      <c r="E106" s="157"/>
      <c r="F106" s="157"/>
      <c r="G106" s="157"/>
      <c r="H106" s="157"/>
      <c r="I106" s="157"/>
      <c r="J106" s="157"/>
      <c r="K106" s="157"/>
      <c r="L106" s="157"/>
      <c r="M106" s="157"/>
      <c r="N106" s="157"/>
      <c r="O106" s="157"/>
      <c r="P106" s="157"/>
      <c r="Q106" s="157"/>
      <c r="R106" s="157"/>
      <c r="S106" s="157"/>
      <c r="T106" s="156"/>
      <c r="U106" s="157"/>
      <c r="V106" s="157"/>
      <c r="W106" s="157"/>
      <c r="X106" s="157"/>
      <c r="Y106" s="156"/>
      <c r="Z106"/>
      <c r="AA106"/>
      <c r="AB106"/>
    </row>
    <row r="107" spans="2:28" x14ac:dyDescent="0.15">
      <c r="B107" s="9" t="s">
        <v>670</v>
      </c>
      <c r="T107" s="149"/>
      <c r="V107" s="152" t="s">
        <v>227</v>
      </c>
      <c r="W107" s="152" t="s">
        <v>217</v>
      </c>
      <c r="X107" s="152" t="s">
        <v>226</v>
      </c>
      <c r="Y107" s="149"/>
      <c r="Z107"/>
      <c r="AA107"/>
      <c r="AB107"/>
    </row>
    <row r="108" spans="2:28" x14ac:dyDescent="0.15">
      <c r="B108" s="9"/>
      <c r="T108" s="149"/>
      <c r="Y108" s="149"/>
      <c r="Z108"/>
      <c r="AA108"/>
      <c r="AB108"/>
    </row>
    <row r="109" spans="2:28" ht="17.25" customHeight="1" x14ac:dyDescent="0.15">
      <c r="B109" s="9"/>
      <c r="C109" s="8" t="s">
        <v>669</v>
      </c>
      <c r="T109" s="149"/>
      <c r="V109" s="18" t="s">
        <v>0</v>
      </c>
      <c r="W109" s="18" t="s">
        <v>217</v>
      </c>
      <c r="X109" s="18" t="s">
        <v>0</v>
      </c>
      <c r="Y109" s="150"/>
    </row>
    <row r="110" spans="2:28" x14ac:dyDescent="0.15">
      <c r="B110" s="9"/>
      <c r="T110" s="149"/>
      <c r="V110" s="18"/>
      <c r="W110" s="18"/>
      <c r="X110" s="18"/>
      <c r="Y110" s="174"/>
    </row>
    <row r="111" spans="2:28" ht="13.5" customHeight="1" x14ac:dyDescent="0.15">
      <c r="B111" s="9"/>
      <c r="C111" s="8" t="s">
        <v>668</v>
      </c>
      <c r="T111" s="149"/>
      <c r="V111" s="18" t="s">
        <v>0</v>
      </c>
      <c r="W111" s="18" t="s">
        <v>217</v>
      </c>
      <c r="X111" s="18" t="s">
        <v>0</v>
      </c>
      <c r="Y111" s="150"/>
    </row>
    <row r="112" spans="2:28" ht="7.5" customHeight="1" x14ac:dyDescent="0.15">
      <c r="B112" s="9"/>
      <c r="T112" s="149"/>
      <c r="V112" s="16"/>
      <c r="W112" s="16"/>
      <c r="X112" s="16"/>
      <c r="Y112" s="150"/>
    </row>
    <row r="113" spans="2:28" ht="17.25" customHeight="1" x14ac:dyDescent="0.15">
      <c r="B113" s="9"/>
      <c r="C113" s="8" t="s">
        <v>667</v>
      </c>
      <c r="T113" s="149"/>
      <c r="V113" s="16"/>
      <c r="W113" s="16"/>
      <c r="X113" s="16"/>
      <c r="Y113" s="150"/>
    </row>
    <row r="114" spans="2:28" x14ac:dyDescent="0.15">
      <c r="B114" s="173"/>
      <c r="C114" s="172"/>
      <c r="D114" s="172"/>
      <c r="E114" s="172"/>
      <c r="F114" s="172"/>
      <c r="G114" s="172"/>
      <c r="H114" s="172"/>
      <c r="I114" s="172"/>
      <c r="J114" s="172"/>
      <c r="K114" s="172"/>
      <c r="L114" s="172"/>
      <c r="M114" s="172"/>
      <c r="N114" s="172"/>
      <c r="O114" s="172"/>
      <c r="P114" s="172"/>
      <c r="Q114" s="172"/>
      <c r="R114" s="172"/>
      <c r="S114" s="172"/>
      <c r="T114" s="171"/>
      <c r="U114" s="172"/>
      <c r="V114" s="172"/>
      <c r="W114" s="172"/>
      <c r="X114" s="172"/>
      <c r="Y114" s="171"/>
    </row>
    <row r="117" spans="2:28" x14ac:dyDescent="0.15">
      <c r="K117"/>
      <c r="L117"/>
      <c r="M117"/>
      <c r="N117"/>
      <c r="O117"/>
      <c r="P117"/>
      <c r="Q117"/>
      <c r="R117"/>
      <c r="S117"/>
      <c r="T117"/>
      <c r="U117"/>
      <c r="V117"/>
      <c r="W117"/>
      <c r="X117"/>
      <c r="Y117"/>
      <c r="Z117"/>
      <c r="AA117"/>
      <c r="AB117"/>
    </row>
    <row r="122" spans="2:28" x14ac:dyDescent="0.15">
      <c r="C122" s="172"/>
      <c r="D122" s="172"/>
      <c r="E122" s="172"/>
      <c r="F122" s="172"/>
      <c r="G122" s="172"/>
    </row>
    <row r="123" spans="2:28" x14ac:dyDescent="0.15">
      <c r="C123" s="157"/>
    </row>
  </sheetData>
  <mergeCells count="61">
    <mergeCell ref="D23:H23"/>
    <mergeCell ref="I23:L23"/>
    <mergeCell ref="P23:Q23"/>
    <mergeCell ref="V23:W23"/>
    <mergeCell ref="B4:Y4"/>
    <mergeCell ref="B6:F6"/>
    <mergeCell ref="G6:Y6"/>
    <mergeCell ref="B7:F7"/>
    <mergeCell ref="B8:F11"/>
    <mergeCell ref="B12:F15"/>
    <mergeCell ref="K20:L20"/>
    <mergeCell ref="D22:H22"/>
    <mergeCell ref="I22:L22"/>
    <mergeCell ref="P22:Q22"/>
    <mergeCell ref="V22:W22"/>
    <mergeCell ref="D24:U25"/>
    <mergeCell ref="D26:X26"/>
    <mergeCell ref="D27:H27"/>
    <mergeCell ref="I27:L27"/>
    <mergeCell ref="P27:Q27"/>
    <mergeCell ref="V27:W27"/>
    <mergeCell ref="D28:H28"/>
    <mergeCell ref="I28:L28"/>
    <mergeCell ref="P28:Q28"/>
    <mergeCell ref="V28:W28"/>
    <mergeCell ref="D29:H29"/>
    <mergeCell ref="I29:L29"/>
    <mergeCell ref="P29:Q29"/>
    <mergeCell ref="V29:W29"/>
    <mergeCell ref="D30:H30"/>
    <mergeCell ref="I30:L30"/>
    <mergeCell ref="P30:Q30"/>
    <mergeCell ref="V30:W30"/>
    <mergeCell ref="D31:H31"/>
    <mergeCell ref="I31:L31"/>
    <mergeCell ref="P31:Q31"/>
    <mergeCell ref="V31:W31"/>
    <mergeCell ref="B89:F89"/>
    <mergeCell ref="B90:F92"/>
    <mergeCell ref="R41:S41"/>
    <mergeCell ref="D35:X35"/>
    <mergeCell ref="E39:F39"/>
    <mergeCell ref="H39:I39"/>
    <mergeCell ref="K39:M39"/>
    <mergeCell ref="O39:P39"/>
    <mergeCell ref="R39:S39"/>
    <mergeCell ref="V39:X39"/>
    <mergeCell ref="E40:F40"/>
    <mergeCell ref="H40:I40"/>
    <mergeCell ref="K40:M40"/>
    <mergeCell ref="O40:P40"/>
    <mergeCell ref="R40:S40"/>
    <mergeCell ref="V40:X40"/>
    <mergeCell ref="H41:I41"/>
    <mergeCell ref="K41:M41"/>
    <mergeCell ref="O41:P41"/>
    <mergeCell ref="B86:Y86"/>
    <mergeCell ref="B88:F88"/>
    <mergeCell ref="G88:Y88"/>
    <mergeCell ref="V41:X41"/>
    <mergeCell ref="E41:F41"/>
  </mergeCells>
  <phoneticPr fontId="2"/>
  <dataValidations count="1">
    <dataValidation type="list" allowBlank="1" showInputMessage="1" showErrorMessage="1" sqref="G7:G15 L7 Q7 V48 X48 V51:V52 X51:X52 V54:V55 X54:X55 V67 X67 V69 X69 V71 X71 V73 X73 V75 X75 X77 V77 V57:V59 X57:X59 V61 X61 L89 Q89 G89:G92 V97 X97 V99 X99 V101 X101 V109 X109 V111 X111">
      <formula1>"□,■"</formula1>
    </dataValidation>
  </dataValidations>
  <pageMargins left="0.7" right="0.7" top="0.75" bottom="0.75" header="0.3" footer="0.3"/>
  <pageSetup paperSize="9" scale="60" orientation="portrait" r:id="rId1"/>
  <rowBreaks count="1" manualBreakCount="1">
    <brk id="83" max="16383" man="1"/>
  </rowBreaks>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AB123"/>
  <sheetViews>
    <sheetView zoomScaleNormal="100" zoomScaleSheetLayoutView="85" workbookViewId="0">
      <selection activeCell="C87" sqref="C87"/>
    </sheetView>
  </sheetViews>
  <sheetFormatPr defaultColWidth="4" defaultRowHeight="13.5" x14ac:dyDescent="0.15"/>
  <cols>
    <col min="1" max="1" width="1.5" style="8" customWidth="1"/>
    <col min="2" max="2" width="2.375" style="8" customWidth="1"/>
    <col min="3" max="3" width="1.125" style="8" customWidth="1"/>
    <col min="4" max="20" width="4" style="8"/>
    <col min="21" max="21" width="2.375" style="8" customWidth="1"/>
    <col min="22" max="22" width="4" style="8"/>
    <col min="23" max="23" width="2.25" style="8" customWidth="1"/>
    <col min="24" max="24" width="4" style="8"/>
    <col min="25" max="25" width="2.375" style="8" customWidth="1"/>
    <col min="26" max="26" width="1.5" style="8" customWidth="1"/>
    <col min="27" max="16384" width="4" style="8"/>
  </cols>
  <sheetData>
    <row r="2" spans="2:25" x14ac:dyDescent="0.15">
      <c r="B2" s="8" t="s">
        <v>746</v>
      </c>
      <c r="C2"/>
      <c r="D2"/>
      <c r="E2"/>
      <c r="F2"/>
      <c r="G2"/>
      <c r="H2"/>
      <c r="I2"/>
      <c r="J2"/>
      <c r="K2"/>
      <c r="L2"/>
      <c r="M2"/>
      <c r="N2"/>
      <c r="O2"/>
      <c r="P2"/>
      <c r="Q2"/>
      <c r="R2"/>
      <c r="S2"/>
      <c r="T2"/>
      <c r="U2"/>
      <c r="V2"/>
      <c r="W2"/>
      <c r="X2"/>
      <c r="Y2"/>
    </row>
    <row r="4" spans="2:25" x14ac:dyDescent="0.15">
      <c r="B4" s="778" t="s">
        <v>745</v>
      </c>
      <c r="C4" s="778"/>
      <c r="D4" s="778"/>
      <c r="E4" s="778"/>
      <c r="F4" s="778"/>
      <c r="G4" s="778"/>
      <c r="H4" s="778"/>
      <c r="I4" s="778"/>
      <c r="J4" s="778"/>
      <c r="K4" s="778"/>
      <c r="L4" s="778"/>
      <c r="M4" s="778"/>
      <c r="N4" s="778"/>
      <c r="O4" s="778"/>
      <c r="P4" s="778"/>
      <c r="Q4" s="778"/>
      <c r="R4" s="778"/>
      <c r="S4" s="778"/>
      <c r="T4" s="778"/>
      <c r="U4" s="778"/>
      <c r="V4" s="778"/>
      <c r="W4" s="778"/>
      <c r="X4" s="778"/>
      <c r="Y4" s="778"/>
    </row>
    <row r="6" spans="2:25" ht="23.25" customHeight="1" x14ac:dyDescent="0.15">
      <c r="B6" s="790" t="s">
        <v>531</v>
      </c>
      <c r="C6" s="790"/>
      <c r="D6" s="790"/>
      <c r="E6" s="790"/>
      <c r="F6" s="790"/>
      <c r="G6" s="791"/>
      <c r="H6" s="792"/>
      <c r="I6" s="792"/>
      <c r="J6" s="792"/>
      <c r="K6" s="792"/>
      <c r="L6" s="792"/>
      <c r="M6" s="792"/>
      <c r="N6" s="792"/>
      <c r="O6" s="792"/>
      <c r="P6" s="792"/>
      <c r="Q6" s="792"/>
      <c r="R6" s="792"/>
      <c r="S6" s="792"/>
      <c r="T6" s="792"/>
      <c r="U6" s="792"/>
      <c r="V6" s="792"/>
      <c r="W6" s="792"/>
      <c r="X6" s="792"/>
      <c r="Y6" s="793"/>
    </row>
    <row r="7" spans="2:25" ht="23.25" customHeight="1" x14ac:dyDescent="0.15">
      <c r="B7" s="790" t="s">
        <v>481</v>
      </c>
      <c r="C7" s="790"/>
      <c r="D7" s="790"/>
      <c r="E7" s="790"/>
      <c r="F7" s="790"/>
      <c r="G7" s="169" t="s">
        <v>0</v>
      </c>
      <c r="H7" s="168" t="s">
        <v>242</v>
      </c>
      <c r="I7" s="168"/>
      <c r="J7" s="168"/>
      <c r="K7" s="168"/>
      <c r="L7" s="18" t="s">
        <v>0</v>
      </c>
      <c r="M7" s="168" t="s">
        <v>241</v>
      </c>
      <c r="N7" s="168"/>
      <c r="O7" s="168"/>
      <c r="P7" s="168"/>
      <c r="Q7" s="18" t="s">
        <v>0</v>
      </c>
      <c r="R7" s="168" t="s">
        <v>240</v>
      </c>
      <c r="S7" s="168"/>
      <c r="T7" s="168"/>
      <c r="U7" s="168"/>
      <c r="V7" s="168"/>
      <c r="W7" s="181"/>
      <c r="X7" s="181"/>
      <c r="Y7" s="197"/>
    </row>
    <row r="8" spans="2:25" ht="20.100000000000001" customHeight="1" x14ac:dyDescent="0.15">
      <c r="B8" s="783" t="s">
        <v>678</v>
      </c>
      <c r="C8" s="784"/>
      <c r="D8" s="784"/>
      <c r="E8" s="784"/>
      <c r="F8" s="785"/>
      <c r="G8" s="18" t="s">
        <v>0</v>
      </c>
      <c r="H8" s="157" t="s">
        <v>677</v>
      </c>
      <c r="I8" s="259"/>
      <c r="J8" s="259"/>
      <c r="K8" s="259"/>
      <c r="L8" s="259"/>
      <c r="M8" s="259"/>
      <c r="N8" s="259"/>
      <c r="O8" s="259"/>
      <c r="P8" s="259"/>
      <c r="Q8" s="259"/>
      <c r="R8" s="259"/>
      <c r="S8" s="259"/>
      <c r="T8" s="259"/>
      <c r="U8" s="259"/>
      <c r="V8" s="259"/>
      <c r="W8" s="259"/>
      <c r="X8" s="259"/>
      <c r="Y8" s="258"/>
    </row>
    <row r="9" spans="2:25" ht="20.100000000000001" customHeight="1" x14ac:dyDescent="0.15">
      <c r="B9" s="810"/>
      <c r="C9" s="778"/>
      <c r="D9" s="778"/>
      <c r="E9" s="778"/>
      <c r="F9" s="811"/>
      <c r="G9" s="18" t="s">
        <v>0</v>
      </c>
      <c r="H9" s="8" t="s">
        <v>676</v>
      </c>
      <c r="I9" s="154"/>
      <c r="J9" s="154"/>
      <c r="K9" s="154"/>
      <c r="L9" s="154"/>
      <c r="M9" s="154"/>
      <c r="N9" s="154"/>
      <c r="O9" s="154"/>
      <c r="P9" s="154"/>
      <c r="Q9" s="154"/>
      <c r="R9" s="154"/>
      <c r="S9" s="154"/>
      <c r="T9" s="154"/>
      <c r="U9" s="154"/>
      <c r="V9" s="154"/>
      <c r="W9" s="154"/>
      <c r="X9" s="154"/>
      <c r="Y9" s="196"/>
    </row>
    <row r="10" spans="2:25" ht="20.100000000000001" customHeight="1" x14ac:dyDescent="0.15">
      <c r="B10" s="786"/>
      <c r="C10" s="787"/>
      <c r="D10" s="787"/>
      <c r="E10" s="787"/>
      <c r="F10" s="788"/>
      <c r="G10" s="163" t="s">
        <v>0</v>
      </c>
      <c r="H10" s="172" t="s">
        <v>744</v>
      </c>
      <c r="I10" s="145"/>
      <c r="J10" s="145"/>
      <c r="K10" s="145"/>
      <c r="L10" s="145"/>
      <c r="M10" s="145"/>
      <c r="N10" s="145"/>
      <c r="O10" s="145"/>
      <c r="P10" s="145"/>
      <c r="Q10" s="145"/>
      <c r="R10" s="145"/>
      <c r="S10" s="145"/>
      <c r="T10" s="145"/>
      <c r="U10" s="145"/>
      <c r="V10" s="145"/>
      <c r="W10" s="145"/>
      <c r="X10" s="145"/>
      <c r="Y10" s="257"/>
    </row>
    <row r="11" spans="2:25" ht="20.100000000000001" customHeight="1" x14ac:dyDescent="0.15">
      <c r="B11" s="783" t="s">
        <v>743</v>
      </c>
      <c r="C11" s="784"/>
      <c r="D11" s="784"/>
      <c r="E11" s="784"/>
      <c r="F11" s="785"/>
      <c r="G11" s="18" t="s">
        <v>0</v>
      </c>
      <c r="H11" s="157" t="s">
        <v>742</v>
      </c>
      <c r="I11" s="259"/>
      <c r="J11" s="259"/>
      <c r="K11" s="259"/>
      <c r="L11" s="259"/>
      <c r="M11" s="259"/>
      <c r="N11" s="259"/>
      <c r="O11" s="259"/>
      <c r="P11" s="259"/>
      <c r="Q11" s="259"/>
      <c r="R11" s="259"/>
      <c r="S11" s="259"/>
      <c r="T11" s="259"/>
      <c r="U11" s="259"/>
      <c r="V11" s="259"/>
      <c r="W11" s="259"/>
      <c r="X11" s="259"/>
      <c r="Y11" s="258"/>
    </row>
    <row r="12" spans="2:25" ht="20.100000000000001" customHeight="1" x14ac:dyDescent="0.15">
      <c r="B12" s="810"/>
      <c r="C12" s="778"/>
      <c r="D12" s="778"/>
      <c r="E12" s="778"/>
      <c r="F12" s="811"/>
      <c r="G12" s="18" t="s">
        <v>0</v>
      </c>
      <c r="H12" s="8" t="s">
        <v>741</v>
      </c>
      <c r="I12" s="154"/>
      <c r="J12" s="154"/>
      <c r="K12" s="154"/>
      <c r="L12" s="154"/>
      <c r="M12" s="154"/>
      <c r="N12" s="154"/>
      <c r="O12" s="154"/>
      <c r="P12" s="154"/>
      <c r="Q12" s="154"/>
      <c r="R12" s="154"/>
      <c r="S12" s="154"/>
      <c r="T12" s="154"/>
      <c r="U12" s="154"/>
      <c r="V12" s="154"/>
      <c r="W12" s="154"/>
      <c r="X12" s="154"/>
      <c r="Y12" s="196"/>
    </row>
    <row r="13" spans="2:25" ht="20.100000000000001" customHeight="1" x14ac:dyDescent="0.15">
      <c r="B13" s="810"/>
      <c r="C13" s="778"/>
      <c r="D13" s="778"/>
      <c r="E13" s="778"/>
      <c r="F13" s="811"/>
      <c r="G13" s="18" t="s">
        <v>0</v>
      </c>
      <c r="H13" s="8" t="s">
        <v>740</v>
      </c>
      <c r="I13" s="154"/>
      <c r="J13" s="154"/>
      <c r="K13" s="154"/>
      <c r="L13" s="154"/>
      <c r="M13" s="154"/>
      <c r="N13" s="154"/>
      <c r="O13" s="154"/>
      <c r="P13" s="154"/>
      <c r="Q13" s="154"/>
      <c r="R13" s="154"/>
      <c r="S13" s="154"/>
      <c r="T13" s="154"/>
      <c r="U13" s="154"/>
      <c r="V13" s="154"/>
      <c r="W13" s="154"/>
      <c r="X13" s="154"/>
      <c r="Y13" s="196"/>
    </row>
    <row r="14" spans="2:25" ht="20.100000000000001" customHeight="1" x14ac:dyDescent="0.15">
      <c r="B14" s="786"/>
      <c r="C14" s="787"/>
      <c r="D14" s="787"/>
      <c r="E14" s="787"/>
      <c r="F14" s="788"/>
      <c r="G14" s="163" t="s">
        <v>0</v>
      </c>
      <c r="H14" s="172" t="s">
        <v>739</v>
      </c>
      <c r="I14" s="145"/>
      <c r="J14" s="145"/>
      <c r="K14" s="145"/>
      <c r="L14" s="145"/>
      <c r="M14" s="145"/>
      <c r="N14" s="145"/>
      <c r="O14" s="145"/>
      <c r="P14" s="145"/>
      <c r="Q14" s="145"/>
      <c r="R14" s="145"/>
      <c r="S14" s="145"/>
      <c r="T14" s="145"/>
      <c r="U14" s="145"/>
      <c r="V14" s="145"/>
      <c r="W14" s="145"/>
      <c r="X14" s="145"/>
      <c r="Y14" s="257"/>
    </row>
    <row r="16" spans="2:25" x14ac:dyDescent="0.15">
      <c r="B16" s="158"/>
      <c r="C16" s="157"/>
      <c r="D16" s="157"/>
      <c r="E16" s="157"/>
      <c r="F16" s="157"/>
      <c r="G16" s="157"/>
      <c r="H16" s="157"/>
      <c r="I16" s="157"/>
      <c r="J16" s="157"/>
      <c r="K16" s="157"/>
      <c r="L16" s="157"/>
      <c r="M16" s="157"/>
      <c r="N16" s="157"/>
      <c r="O16" s="157"/>
      <c r="P16" s="157"/>
      <c r="Q16" s="157"/>
      <c r="R16" s="157"/>
      <c r="S16" s="157"/>
      <c r="T16" s="157"/>
      <c r="U16" s="157"/>
      <c r="V16" s="157"/>
      <c r="W16" s="157"/>
      <c r="X16" s="157"/>
      <c r="Y16" s="156"/>
    </row>
    <row r="17" spans="2:28" x14ac:dyDescent="0.15">
      <c r="B17" s="9" t="s">
        <v>738</v>
      </c>
      <c r="Y17" s="149"/>
    </row>
    <row r="18" spans="2:28" x14ac:dyDescent="0.15">
      <c r="B18" s="9"/>
      <c r="Y18" s="149"/>
    </row>
    <row r="19" spans="2:28" x14ac:dyDescent="0.15">
      <c r="B19" s="9"/>
      <c r="C19" s="8" t="s">
        <v>737</v>
      </c>
      <c r="K19" s="778"/>
      <c r="L19" s="778"/>
      <c r="Y19" s="149"/>
    </row>
    <row r="20" spans="2:28" ht="6.75" customHeight="1" x14ac:dyDescent="0.15">
      <c r="B20" s="9"/>
      <c r="Y20" s="149"/>
    </row>
    <row r="21" spans="2:28" ht="17.25" customHeight="1" x14ac:dyDescent="0.15">
      <c r="B21" s="9"/>
      <c r="D21" s="780" t="s">
        <v>733</v>
      </c>
      <c r="E21" s="781"/>
      <c r="F21" s="781"/>
      <c r="G21" s="781"/>
      <c r="H21" s="781"/>
      <c r="I21" s="781"/>
      <c r="J21" s="781"/>
      <c r="K21" s="781"/>
      <c r="L21" s="781"/>
      <c r="M21" s="782"/>
      <c r="N21" s="780" t="s">
        <v>733</v>
      </c>
      <c r="O21" s="781"/>
      <c r="P21" s="781"/>
      <c r="Q21" s="781"/>
      <c r="R21" s="781"/>
      <c r="S21" s="781"/>
      <c r="T21" s="781"/>
      <c r="U21" s="781"/>
      <c r="V21" s="781"/>
      <c r="W21" s="781"/>
      <c r="X21" s="782"/>
      <c r="Y21" s="149"/>
    </row>
    <row r="22" spans="2:28" ht="26.25" customHeight="1" x14ac:dyDescent="0.15">
      <c r="B22" s="9"/>
      <c r="D22" s="780"/>
      <c r="E22" s="781"/>
      <c r="F22" s="781"/>
      <c r="G22" s="781"/>
      <c r="H22" s="781"/>
      <c r="I22" s="781"/>
      <c r="J22" s="781"/>
      <c r="K22" s="781"/>
      <c r="L22" s="781"/>
      <c r="M22" s="782"/>
      <c r="N22" s="780"/>
      <c r="O22" s="781"/>
      <c r="P22" s="781"/>
      <c r="Q22" s="781"/>
      <c r="R22" s="781"/>
      <c r="S22" s="781"/>
      <c r="T22" s="781"/>
      <c r="U22" s="781"/>
      <c r="V22" s="781"/>
      <c r="W22" s="781"/>
      <c r="X22" s="782"/>
      <c r="Y22" s="149"/>
    </row>
    <row r="23" spans="2:28" x14ac:dyDescent="0.15">
      <c r="B23" s="9"/>
      <c r="M23" s="18"/>
      <c r="R23" s="18"/>
      <c r="X23" s="18"/>
      <c r="Y23" s="149"/>
      <c r="Z23"/>
      <c r="AA23"/>
      <c r="AB23"/>
    </row>
    <row r="24" spans="2:28" x14ac:dyDescent="0.15">
      <c r="B24" s="9"/>
      <c r="C24" s="8" t="s">
        <v>736</v>
      </c>
      <c r="K24" s="778"/>
      <c r="L24" s="778"/>
      <c r="Y24" s="149"/>
    </row>
    <row r="25" spans="2:28" ht="6.75" customHeight="1" x14ac:dyDescent="0.15">
      <c r="B25" s="9"/>
      <c r="Y25" s="149"/>
    </row>
    <row r="26" spans="2:28" ht="17.25" customHeight="1" x14ac:dyDescent="0.15">
      <c r="B26" s="9"/>
      <c r="D26" s="780" t="s">
        <v>733</v>
      </c>
      <c r="E26" s="781"/>
      <c r="F26" s="781"/>
      <c r="G26" s="781"/>
      <c r="H26" s="781"/>
      <c r="I26" s="781"/>
      <c r="J26" s="781"/>
      <c r="K26" s="781"/>
      <c r="L26" s="781"/>
      <c r="M26" s="782"/>
      <c r="N26" s="780" t="s">
        <v>733</v>
      </c>
      <c r="O26" s="781"/>
      <c r="P26" s="781"/>
      <c r="Q26" s="781"/>
      <c r="R26" s="781"/>
      <c r="S26" s="781"/>
      <c r="T26" s="781"/>
      <c r="U26" s="781"/>
      <c r="V26" s="781"/>
      <c r="W26" s="781"/>
      <c r="X26" s="782"/>
      <c r="Y26" s="149"/>
    </row>
    <row r="27" spans="2:28" ht="26.25" customHeight="1" x14ac:dyDescent="0.15">
      <c r="B27" s="9"/>
      <c r="D27" s="780"/>
      <c r="E27" s="781"/>
      <c r="F27" s="781"/>
      <c r="G27" s="781"/>
      <c r="H27" s="781"/>
      <c r="I27" s="781"/>
      <c r="J27" s="781"/>
      <c r="K27" s="781"/>
      <c r="L27" s="781"/>
      <c r="M27" s="782"/>
      <c r="N27" s="780"/>
      <c r="O27" s="781"/>
      <c r="P27" s="781"/>
      <c r="Q27" s="781"/>
      <c r="R27" s="781"/>
      <c r="S27" s="781"/>
      <c r="T27" s="781"/>
      <c r="U27" s="781"/>
      <c r="V27" s="781"/>
      <c r="W27" s="781"/>
      <c r="X27" s="782"/>
      <c r="Y27" s="149"/>
    </row>
    <row r="28" spans="2:28" x14ac:dyDescent="0.15">
      <c r="B28" s="9"/>
      <c r="Y28" s="149"/>
      <c r="Z28"/>
      <c r="AA28"/>
      <c r="AB28"/>
    </row>
    <row r="29" spans="2:28" x14ac:dyDescent="0.15">
      <c r="B29" s="9"/>
      <c r="C29" s="8" t="s">
        <v>735</v>
      </c>
      <c r="K29" s="16"/>
      <c r="L29" s="16"/>
      <c r="Y29" s="149"/>
    </row>
    <row r="30" spans="2:28" ht="6.75" customHeight="1" x14ac:dyDescent="0.15">
      <c r="B30" s="9"/>
      <c r="Y30" s="149"/>
    </row>
    <row r="31" spans="2:28" ht="17.25" customHeight="1" x14ac:dyDescent="0.15">
      <c r="B31" s="9"/>
      <c r="D31" s="780" t="s">
        <v>733</v>
      </c>
      <c r="E31" s="781"/>
      <c r="F31" s="781"/>
      <c r="G31" s="781"/>
      <c r="H31" s="781"/>
      <c r="I31" s="781"/>
      <c r="J31" s="781"/>
      <c r="K31" s="781"/>
      <c r="L31" s="781"/>
      <c r="M31" s="782"/>
      <c r="N31" s="780" t="s">
        <v>733</v>
      </c>
      <c r="O31" s="781"/>
      <c r="P31" s="781"/>
      <c r="Q31" s="781"/>
      <c r="R31" s="781"/>
      <c r="S31" s="781"/>
      <c r="T31" s="781"/>
      <c r="U31" s="781"/>
      <c r="V31" s="781"/>
      <c r="W31" s="781"/>
      <c r="X31" s="782"/>
      <c r="Y31" s="149"/>
    </row>
    <row r="32" spans="2:28" ht="26.25" customHeight="1" x14ac:dyDescent="0.15">
      <c r="B32" s="9"/>
      <c r="D32" s="780"/>
      <c r="E32" s="781"/>
      <c r="F32" s="781"/>
      <c r="G32" s="781"/>
      <c r="H32" s="781"/>
      <c r="I32" s="781"/>
      <c r="J32" s="781"/>
      <c r="K32" s="781"/>
      <c r="L32" s="781"/>
      <c r="M32" s="782"/>
      <c r="N32" s="780"/>
      <c r="O32" s="781"/>
      <c r="P32" s="781"/>
      <c r="Q32" s="781"/>
      <c r="R32" s="781"/>
      <c r="S32" s="781"/>
      <c r="T32" s="781"/>
      <c r="U32" s="781"/>
      <c r="V32" s="781"/>
      <c r="W32" s="781"/>
      <c r="X32" s="782"/>
      <c r="Y32" s="149"/>
    </row>
    <row r="33" spans="1:28" ht="7.5" customHeight="1" x14ac:dyDescent="0.15">
      <c r="B33" s="9"/>
      <c r="Y33" s="149"/>
      <c r="Z33"/>
      <c r="AA33"/>
      <c r="AB33"/>
    </row>
    <row r="34" spans="1:28" x14ac:dyDescent="0.15">
      <c r="B34" s="9"/>
      <c r="C34" s="8" t="s">
        <v>734</v>
      </c>
      <c r="K34" s="778"/>
      <c r="L34" s="778"/>
      <c r="Y34" s="149"/>
    </row>
    <row r="35" spans="1:28" ht="6.75" customHeight="1" x14ac:dyDescent="0.15">
      <c r="B35" s="9"/>
      <c r="Y35" s="149"/>
    </row>
    <row r="36" spans="1:28" ht="17.25" customHeight="1" x14ac:dyDescent="0.15">
      <c r="B36" s="9"/>
      <c r="D36" s="780" t="s">
        <v>733</v>
      </c>
      <c r="E36" s="781"/>
      <c r="F36" s="781"/>
      <c r="G36" s="781"/>
      <c r="H36" s="781"/>
      <c r="I36" s="781"/>
      <c r="J36" s="781"/>
      <c r="K36" s="781"/>
      <c r="L36" s="781"/>
      <c r="M36" s="782"/>
      <c r="N36" s="780" t="s">
        <v>733</v>
      </c>
      <c r="O36" s="781"/>
      <c r="P36" s="781"/>
      <c r="Q36" s="781"/>
      <c r="R36" s="781"/>
      <c r="S36" s="781"/>
      <c r="T36" s="781"/>
      <c r="U36" s="781"/>
      <c r="V36" s="781"/>
      <c r="W36" s="781"/>
      <c r="X36" s="782"/>
      <c r="Y36" s="149"/>
    </row>
    <row r="37" spans="1:28" ht="27.75" customHeight="1" x14ac:dyDescent="0.15">
      <c r="B37" s="9"/>
      <c r="D37" s="780"/>
      <c r="E37" s="781"/>
      <c r="F37" s="781"/>
      <c r="G37" s="781"/>
      <c r="H37" s="781"/>
      <c r="I37" s="781"/>
      <c r="J37" s="781"/>
      <c r="K37" s="781"/>
      <c r="L37" s="781"/>
      <c r="M37" s="782"/>
      <c r="N37" s="780"/>
      <c r="O37" s="781"/>
      <c r="P37" s="781"/>
      <c r="Q37" s="781"/>
      <c r="R37" s="781"/>
      <c r="S37" s="781"/>
      <c r="T37" s="781"/>
      <c r="U37" s="781"/>
      <c r="V37" s="781"/>
      <c r="W37" s="781"/>
      <c r="X37" s="782"/>
      <c r="Y37" s="149"/>
    </row>
    <row r="38" spans="1:28" x14ac:dyDescent="0.15">
      <c r="A38" s="149"/>
      <c r="Y38" s="149"/>
      <c r="Z38"/>
      <c r="AA38"/>
      <c r="AB38"/>
    </row>
    <row r="39" spans="1:28" x14ac:dyDescent="0.15">
      <c r="B39" s="173"/>
      <c r="C39" s="172"/>
      <c r="D39" s="172"/>
      <c r="E39" s="172"/>
      <c r="F39" s="172"/>
      <c r="G39" s="172"/>
      <c r="H39" s="172"/>
      <c r="I39" s="172"/>
      <c r="J39" s="172"/>
      <c r="K39" s="172"/>
      <c r="L39" s="172"/>
      <c r="M39" s="172"/>
      <c r="N39" s="172"/>
      <c r="O39" s="172"/>
      <c r="P39" s="172"/>
      <c r="Q39" s="172"/>
      <c r="R39" s="172"/>
      <c r="S39" s="172"/>
      <c r="T39" s="172"/>
      <c r="U39" s="172"/>
      <c r="V39" s="172"/>
      <c r="W39" s="172"/>
      <c r="X39" s="172"/>
      <c r="Y39" s="172"/>
      <c r="Z39" s="308"/>
      <c r="AA39"/>
      <c r="AB39"/>
    </row>
    <row r="42" spans="1:28" x14ac:dyDescent="0.15">
      <c r="B42" s="8" t="s">
        <v>732</v>
      </c>
    </row>
    <row r="43" spans="1:28" x14ac:dyDescent="0.15">
      <c r="B43" s="8" t="s">
        <v>731</v>
      </c>
      <c r="D43" s="8" t="s">
        <v>730</v>
      </c>
      <c r="K43"/>
      <c r="L43"/>
      <c r="M43"/>
      <c r="N43"/>
      <c r="O43"/>
      <c r="P43"/>
      <c r="Q43"/>
      <c r="R43"/>
      <c r="S43"/>
      <c r="T43"/>
      <c r="U43"/>
      <c r="V43"/>
      <c r="W43"/>
      <c r="X43"/>
      <c r="Y43"/>
      <c r="Z43"/>
      <c r="AA43"/>
      <c r="AB43"/>
    </row>
    <row r="122" spans="3:7" x14ac:dyDescent="0.15">
      <c r="C122" s="172"/>
      <c r="D122" s="172"/>
      <c r="E122" s="172"/>
      <c r="F122" s="172"/>
      <c r="G122" s="172"/>
    </row>
    <row r="123" spans="3:7" x14ac:dyDescent="0.15">
      <c r="C123" s="157"/>
    </row>
  </sheetData>
  <mergeCells count="25">
    <mergeCell ref="K24:L24"/>
    <mergeCell ref="B4:Y4"/>
    <mergeCell ref="B6:F6"/>
    <mergeCell ref="G6:Y6"/>
    <mergeCell ref="B7:F7"/>
    <mergeCell ref="B8:F10"/>
    <mergeCell ref="B11:F14"/>
    <mergeCell ref="K19:L19"/>
    <mergeCell ref="D21:M21"/>
    <mergeCell ref="N21:X21"/>
    <mergeCell ref="D22:M22"/>
    <mergeCell ref="N22:X22"/>
    <mergeCell ref="D37:M37"/>
    <mergeCell ref="N37:X37"/>
    <mergeCell ref="D26:M26"/>
    <mergeCell ref="N26:X26"/>
    <mergeCell ref="D27:M27"/>
    <mergeCell ref="N27:X27"/>
    <mergeCell ref="D31:M31"/>
    <mergeCell ref="N31:X31"/>
    <mergeCell ref="D32:M32"/>
    <mergeCell ref="N32:X32"/>
    <mergeCell ref="K34:L34"/>
    <mergeCell ref="D36:M36"/>
    <mergeCell ref="N36:X36"/>
  </mergeCells>
  <phoneticPr fontId="2"/>
  <dataValidations count="1">
    <dataValidation type="list" allowBlank="1" showInputMessage="1" showErrorMessage="1" sqref="L7 Q7 G7:G14">
      <formula1>"□,■"</formula1>
    </dataValidation>
  </dataValidations>
  <pageMargins left="0.7" right="0.7" top="0.75" bottom="0.75" header="0.3" footer="0.3"/>
  <pageSetup paperSize="9" scale="92" orientation="portrait" r:id="rId1"/>
  <rowBreaks count="2" manualBreakCount="2">
    <brk id="58" max="27" man="1"/>
    <brk id="649" max="16383" man="1"/>
  </rowBreaks>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AF123"/>
  <sheetViews>
    <sheetView zoomScaleNormal="100" zoomScaleSheetLayoutView="130" workbookViewId="0">
      <selection activeCell="C87" sqref="C87"/>
    </sheetView>
  </sheetViews>
  <sheetFormatPr defaultColWidth="4" defaultRowHeight="13.5" x14ac:dyDescent="0.15"/>
  <cols>
    <col min="1" max="1" width="1.5" style="8" customWidth="1"/>
    <col min="2" max="2" width="2.375" style="8" customWidth="1"/>
    <col min="3" max="3" width="1.125" style="8" customWidth="1"/>
    <col min="4" max="20" width="4" style="8"/>
    <col min="21" max="21" width="2.375" style="8" customWidth="1"/>
    <col min="22" max="22" width="4" style="8"/>
    <col min="23" max="23" width="2.25" style="8" customWidth="1"/>
    <col min="24" max="24" width="4" style="8"/>
    <col min="25" max="25" width="2.375" style="8" customWidth="1"/>
    <col min="26" max="26" width="1.5" style="8" customWidth="1"/>
    <col min="27" max="16384" width="4" style="8"/>
  </cols>
  <sheetData>
    <row r="2" spans="2:25" x14ac:dyDescent="0.15">
      <c r="B2" s="8" t="s">
        <v>754</v>
      </c>
      <c r="C2"/>
      <c r="D2"/>
      <c r="E2"/>
      <c r="F2"/>
      <c r="G2"/>
      <c r="H2"/>
      <c r="I2"/>
      <c r="J2"/>
      <c r="K2"/>
      <c r="L2"/>
      <c r="M2"/>
      <c r="N2"/>
      <c r="O2"/>
      <c r="P2"/>
      <c r="Q2"/>
      <c r="R2"/>
      <c r="S2"/>
      <c r="T2"/>
      <c r="U2"/>
      <c r="V2"/>
      <c r="W2"/>
      <c r="X2"/>
      <c r="Y2"/>
    </row>
    <row r="4" spans="2:25" x14ac:dyDescent="0.15">
      <c r="B4" s="778" t="s">
        <v>753</v>
      </c>
      <c r="C4" s="778"/>
      <c r="D4" s="778"/>
      <c r="E4" s="778"/>
      <c r="F4" s="778"/>
      <c r="G4" s="778"/>
      <c r="H4" s="778"/>
      <c r="I4" s="778"/>
      <c r="J4" s="778"/>
      <c r="K4" s="778"/>
      <c r="L4" s="778"/>
      <c r="M4" s="778"/>
      <c r="N4" s="778"/>
      <c r="O4" s="778"/>
      <c r="P4" s="778"/>
      <c r="Q4" s="778"/>
      <c r="R4" s="778"/>
      <c r="S4" s="778"/>
      <c r="T4" s="778"/>
      <c r="U4" s="778"/>
      <c r="V4" s="778"/>
      <c r="W4" s="778"/>
      <c r="X4" s="778"/>
      <c r="Y4" s="778"/>
    </row>
    <row r="6" spans="2:25" ht="23.25" customHeight="1" x14ac:dyDescent="0.15">
      <c r="B6" s="790" t="s">
        <v>531</v>
      </c>
      <c r="C6" s="790"/>
      <c r="D6" s="790"/>
      <c r="E6" s="790"/>
      <c r="F6" s="790"/>
      <c r="G6" s="791"/>
      <c r="H6" s="792"/>
      <c r="I6" s="792"/>
      <c r="J6" s="792"/>
      <c r="K6" s="792"/>
      <c r="L6" s="792"/>
      <c r="M6" s="792"/>
      <c r="N6" s="792"/>
      <c r="O6" s="792"/>
      <c r="P6" s="792"/>
      <c r="Q6" s="792"/>
      <c r="R6" s="792"/>
      <c r="S6" s="792"/>
      <c r="T6" s="792"/>
      <c r="U6" s="792"/>
      <c r="V6" s="792"/>
      <c r="W6" s="792"/>
      <c r="X6" s="792"/>
      <c r="Y6" s="793"/>
    </row>
    <row r="7" spans="2:25" ht="23.25" customHeight="1" x14ac:dyDescent="0.15">
      <c r="B7" s="790" t="s">
        <v>481</v>
      </c>
      <c r="C7" s="790"/>
      <c r="D7" s="790"/>
      <c r="E7" s="790"/>
      <c r="F7" s="790"/>
      <c r="G7" s="169" t="s">
        <v>0</v>
      </c>
      <c r="H7" s="168" t="s">
        <v>242</v>
      </c>
      <c r="I7" s="168"/>
      <c r="J7" s="168"/>
      <c r="K7" s="168"/>
      <c r="L7" s="18" t="s">
        <v>0</v>
      </c>
      <c r="M7" s="168" t="s">
        <v>241</v>
      </c>
      <c r="N7" s="168"/>
      <c r="O7" s="168"/>
      <c r="P7" s="168"/>
      <c r="Q7" s="18" t="s">
        <v>0</v>
      </c>
      <c r="R7" s="168" t="s">
        <v>240</v>
      </c>
      <c r="S7" s="168"/>
      <c r="T7" s="168"/>
      <c r="U7" s="168"/>
      <c r="V7" s="168"/>
      <c r="W7" s="181"/>
      <c r="X7" s="181"/>
      <c r="Y7" s="197"/>
    </row>
    <row r="8" spans="2:25" ht="20.100000000000001" customHeight="1" x14ac:dyDescent="0.15">
      <c r="B8" s="783" t="s">
        <v>678</v>
      </c>
      <c r="C8" s="784"/>
      <c r="D8" s="784"/>
      <c r="E8" s="784"/>
      <c r="F8" s="785"/>
      <c r="G8" s="18" t="s">
        <v>0</v>
      </c>
      <c r="H8" s="157" t="s">
        <v>677</v>
      </c>
      <c r="I8" s="259"/>
      <c r="J8" s="259"/>
      <c r="K8" s="259"/>
      <c r="L8" s="259"/>
      <c r="M8" s="259"/>
      <c r="N8" s="259"/>
      <c r="O8" s="259"/>
      <c r="P8" s="259"/>
      <c r="Q8" s="259"/>
      <c r="R8" s="259"/>
      <c r="S8" s="259"/>
      <c r="T8" s="259"/>
      <c r="U8" s="259"/>
      <c r="V8" s="259"/>
      <c r="W8" s="259"/>
      <c r="X8" s="259"/>
      <c r="Y8" s="258"/>
    </row>
    <row r="9" spans="2:25" ht="20.100000000000001" customHeight="1" x14ac:dyDescent="0.15">
      <c r="B9" s="810"/>
      <c r="C9" s="778"/>
      <c r="D9" s="778"/>
      <c r="E9" s="778"/>
      <c r="F9" s="811"/>
      <c r="G9" s="18" t="s">
        <v>0</v>
      </c>
      <c r="H9" s="8" t="s">
        <v>676</v>
      </c>
      <c r="I9" s="154"/>
      <c r="J9" s="154"/>
      <c r="K9" s="154"/>
      <c r="L9" s="154"/>
      <c r="M9" s="154"/>
      <c r="N9" s="154"/>
      <c r="O9" s="154"/>
      <c r="P9" s="154"/>
      <c r="Q9" s="154"/>
      <c r="R9" s="154"/>
      <c r="S9" s="154"/>
      <c r="T9" s="154"/>
      <c r="U9" s="154"/>
      <c r="V9" s="154"/>
      <c r="W9" s="154"/>
      <c r="X9" s="154"/>
      <c r="Y9" s="196"/>
    </row>
    <row r="10" spans="2:25" ht="20.100000000000001" customHeight="1" x14ac:dyDescent="0.15">
      <c r="B10" s="786"/>
      <c r="C10" s="787"/>
      <c r="D10" s="787"/>
      <c r="E10" s="787"/>
      <c r="F10" s="788"/>
      <c r="G10" s="163" t="s">
        <v>0</v>
      </c>
      <c r="H10" s="172" t="s">
        <v>744</v>
      </c>
      <c r="I10" s="145"/>
      <c r="J10" s="145"/>
      <c r="K10" s="145"/>
      <c r="L10" s="145"/>
      <c r="M10" s="145"/>
      <c r="N10" s="145"/>
      <c r="O10" s="145"/>
      <c r="P10" s="145"/>
      <c r="Q10" s="145"/>
      <c r="R10" s="145"/>
      <c r="S10" s="145"/>
      <c r="T10" s="145"/>
      <c r="U10" s="145"/>
      <c r="V10" s="145"/>
      <c r="W10" s="145"/>
      <c r="X10" s="145"/>
      <c r="Y10" s="257"/>
    </row>
    <row r="11" spans="2:25" ht="23.25" customHeight="1" x14ac:dyDescent="0.15">
      <c r="B11" s="790" t="s">
        <v>752</v>
      </c>
      <c r="C11" s="790"/>
      <c r="D11" s="790"/>
      <c r="E11" s="790"/>
      <c r="F11" s="790"/>
      <c r="G11" s="791" t="s">
        <v>751</v>
      </c>
      <c r="H11" s="792"/>
      <c r="I11" s="792"/>
      <c r="J11" s="792"/>
      <c r="K11" s="792"/>
      <c r="L11" s="792"/>
      <c r="M11" s="792"/>
      <c r="N11" s="792"/>
      <c r="O11" s="792"/>
      <c r="P11" s="792"/>
      <c r="Q11" s="792"/>
      <c r="R11" s="792"/>
      <c r="S11" s="792"/>
      <c r="T11" s="792"/>
      <c r="U11" s="792"/>
      <c r="V11" s="792"/>
      <c r="W11" s="792"/>
      <c r="X11" s="792"/>
      <c r="Y11" s="793"/>
    </row>
    <row r="12" spans="2:25" ht="20.100000000000001" customHeight="1" x14ac:dyDescent="0.15">
      <c r="B12" s="18"/>
      <c r="C12" s="18"/>
      <c r="D12" s="18"/>
      <c r="E12" s="18"/>
      <c r="F12" s="18"/>
      <c r="G12" s="18"/>
      <c r="I12" s="154"/>
      <c r="J12" s="154"/>
      <c r="K12" s="154"/>
      <c r="L12" s="154"/>
      <c r="M12" s="154"/>
      <c r="N12" s="154"/>
      <c r="O12" s="154"/>
      <c r="P12" s="154"/>
      <c r="Q12" s="154"/>
      <c r="R12" s="154"/>
      <c r="S12" s="154"/>
      <c r="T12" s="154"/>
      <c r="U12" s="154"/>
      <c r="V12" s="154"/>
      <c r="W12" s="154"/>
      <c r="X12" s="154"/>
      <c r="Y12" s="154"/>
    </row>
    <row r="14" spans="2:25" x14ac:dyDescent="0.15">
      <c r="B14" s="158"/>
      <c r="C14" s="157"/>
      <c r="D14" s="157"/>
      <c r="E14" s="157"/>
      <c r="F14" s="157"/>
      <c r="G14" s="157"/>
      <c r="H14" s="157"/>
      <c r="I14" s="157"/>
      <c r="J14" s="157"/>
      <c r="K14" s="157"/>
      <c r="L14" s="157"/>
      <c r="M14" s="157"/>
      <c r="N14" s="157"/>
      <c r="O14" s="157"/>
      <c r="P14" s="157"/>
      <c r="Q14" s="157"/>
      <c r="R14" s="157"/>
      <c r="S14" s="157"/>
      <c r="T14" s="157"/>
      <c r="U14" s="157"/>
      <c r="V14" s="157"/>
      <c r="W14" s="157"/>
      <c r="X14" s="157"/>
      <c r="Y14" s="156"/>
    </row>
    <row r="15" spans="2:25" x14ac:dyDescent="0.15">
      <c r="B15" s="9" t="s">
        <v>750</v>
      </c>
      <c r="Y15" s="149"/>
    </row>
    <row r="16" spans="2:25" x14ac:dyDescent="0.15">
      <c r="B16" s="9"/>
      <c r="Y16" s="149"/>
    </row>
    <row r="17" spans="2:28" x14ac:dyDescent="0.15">
      <c r="B17" s="9"/>
      <c r="C17" s="8" t="s">
        <v>749</v>
      </c>
      <c r="K17" s="16"/>
      <c r="L17" s="16"/>
      <c r="Y17" s="149"/>
    </row>
    <row r="18" spans="2:28" ht="6.75" customHeight="1" x14ac:dyDescent="0.15">
      <c r="B18" s="9"/>
      <c r="Y18" s="149"/>
    </row>
    <row r="19" spans="2:28" ht="17.25" customHeight="1" x14ac:dyDescent="0.15">
      <c r="B19" s="9"/>
      <c r="D19" s="780" t="s">
        <v>733</v>
      </c>
      <c r="E19" s="781"/>
      <c r="F19" s="781"/>
      <c r="G19" s="781"/>
      <c r="H19" s="781"/>
      <c r="I19" s="781"/>
      <c r="J19" s="781"/>
      <c r="K19" s="781"/>
      <c r="L19" s="781"/>
      <c r="M19" s="782"/>
      <c r="N19" s="780" t="s">
        <v>733</v>
      </c>
      <c r="O19" s="781"/>
      <c r="P19" s="781"/>
      <c r="Q19" s="781"/>
      <c r="R19" s="781"/>
      <c r="S19" s="781"/>
      <c r="T19" s="781"/>
      <c r="U19" s="781"/>
      <c r="V19" s="781"/>
      <c r="W19" s="781"/>
      <c r="X19" s="782"/>
      <c r="Y19" s="149"/>
    </row>
    <row r="20" spans="2:28" ht="26.25" customHeight="1" x14ac:dyDescent="0.15">
      <c r="B20" s="9"/>
      <c r="D20" s="780"/>
      <c r="E20" s="781"/>
      <c r="F20" s="781"/>
      <c r="G20" s="781"/>
      <c r="H20" s="781"/>
      <c r="I20" s="781"/>
      <c r="J20" s="781"/>
      <c r="K20" s="781"/>
      <c r="L20" s="781"/>
      <c r="M20" s="782"/>
      <c r="N20" s="780"/>
      <c r="O20" s="781"/>
      <c r="P20" s="781"/>
      <c r="Q20" s="781"/>
      <c r="R20" s="781"/>
      <c r="S20" s="781"/>
      <c r="T20" s="781"/>
      <c r="U20" s="781"/>
      <c r="V20" s="781"/>
      <c r="W20" s="781"/>
      <c r="X20" s="782"/>
      <c r="Y20" s="149"/>
    </row>
    <row r="21" spans="2:28" x14ac:dyDescent="0.15">
      <c r="B21" s="9"/>
      <c r="M21" s="18"/>
      <c r="R21" s="18"/>
      <c r="X21" s="18"/>
      <c r="Y21" s="149"/>
      <c r="Z21"/>
      <c r="AA21"/>
      <c r="AB21"/>
    </row>
    <row r="22" spans="2:28" x14ac:dyDescent="0.15">
      <c r="B22" s="173"/>
      <c r="C22" s="172"/>
      <c r="D22" s="172"/>
      <c r="E22" s="172"/>
      <c r="F22" s="172"/>
      <c r="G22" s="172"/>
      <c r="H22" s="172"/>
      <c r="I22" s="172"/>
      <c r="J22" s="172"/>
      <c r="K22" s="172"/>
      <c r="L22" s="172"/>
      <c r="M22" s="172"/>
      <c r="N22" s="172"/>
      <c r="O22" s="172"/>
      <c r="P22" s="172"/>
      <c r="Q22" s="172"/>
      <c r="R22" s="172"/>
      <c r="S22" s="172"/>
      <c r="T22" s="172"/>
      <c r="U22" s="172"/>
      <c r="V22" s="172"/>
      <c r="W22" s="172"/>
      <c r="X22" s="172"/>
      <c r="Y22" s="171"/>
      <c r="Z22"/>
      <c r="AA22"/>
      <c r="AB22"/>
    </row>
    <row r="23" spans="2:28" x14ac:dyDescent="0.15">
      <c r="Z23"/>
      <c r="AA23"/>
      <c r="AB23"/>
    </row>
    <row r="25" spans="2:28" x14ac:dyDescent="0.15">
      <c r="B25" s="8" t="s">
        <v>748</v>
      </c>
    </row>
    <row r="26" spans="2:28" x14ac:dyDescent="0.15">
      <c r="B26" s="8" t="s">
        <v>731</v>
      </c>
      <c r="D26" s="8" t="s">
        <v>747</v>
      </c>
      <c r="K26"/>
      <c r="L26"/>
      <c r="M26"/>
      <c r="N26"/>
      <c r="O26"/>
      <c r="P26"/>
      <c r="Q26"/>
      <c r="R26"/>
      <c r="S26"/>
      <c r="T26"/>
      <c r="U26"/>
      <c r="V26"/>
      <c r="W26"/>
      <c r="X26"/>
      <c r="Y26"/>
      <c r="Z26"/>
      <c r="AA26"/>
      <c r="AB26"/>
    </row>
    <row r="38" spans="3:32" x14ac:dyDescent="0.15">
      <c r="C38" s="172"/>
      <c r="D38" s="172"/>
      <c r="E38" s="172"/>
      <c r="F38" s="172"/>
      <c r="G38" s="172"/>
      <c r="H38" s="172"/>
      <c r="I38" s="172"/>
      <c r="J38" s="172"/>
      <c r="K38" s="172"/>
      <c r="L38" s="172"/>
      <c r="M38" s="172"/>
      <c r="N38" s="172"/>
      <c r="O38" s="172"/>
      <c r="P38" s="172"/>
      <c r="Q38" s="172"/>
      <c r="R38" s="172"/>
      <c r="S38" s="172"/>
      <c r="T38" s="172"/>
      <c r="U38" s="172"/>
      <c r="V38" s="172"/>
      <c r="W38" s="172"/>
      <c r="X38" s="172"/>
      <c r="Y38" s="172"/>
      <c r="Z38" s="172"/>
      <c r="AA38" s="172"/>
      <c r="AB38" s="172"/>
      <c r="AC38" s="172"/>
      <c r="AD38" s="172"/>
      <c r="AE38" s="172"/>
      <c r="AF38" s="172"/>
    </row>
    <row r="39" spans="3:32" x14ac:dyDescent="0.15">
      <c r="C39" s="157"/>
    </row>
    <row r="122" spans="3:7" x14ac:dyDescent="0.15">
      <c r="C122" s="172"/>
      <c r="D122" s="172"/>
      <c r="E122" s="172"/>
      <c r="F122" s="172"/>
      <c r="G122" s="172"/>
    </row>
    <row r="123" spans="3:7" x14ac:dyDescent="0.15">
      <c r="C123" s="157"/>
    </row>
  </sheetData>
  <mergeCells count="11">
    <mergeCell ref="G11:Y11"/>
    <mergeCell ref="D19:M19"/>
    <mergeCell ref="N19:X19"/>
    <mergeCell ref="D20:M20"/>
    <mergeCell ref="N20:X20"/>
    <mergeCell ref="B11:F11"/>
    <mergeCell ref="B4:Y4"/>
    <mergeCell ref="B6:F6"/>
    <mergeCell ref="G6:Y6"/>
    <mergeCell ref="B7:F7"/>
    <mergeCell ref="B8:F10"/>
  </mergeCells>
  <phoneticPr fontId="2"/>
  <dataValidations count="1">
    <dataValidation type="list" allowBlank="1" showInputMessage="1" showErrorMessage="1" sqref="L7 Q7 G7:G10 G12">
      <formula1>"□,■"</formula1>
    </dataValidation>
  </dataValidations>
  <pageMargins left="0.7" right="0.7" top="0.75" bottom="0.75" header="0.3" footer="0.3"/>
  <pageSetup paperSize="9" scale="92" orientation="portrait" r:id="rId1"/>
</worksheet>
</file>

<file path=xl/worksheets/sheet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G123"/>
  <sheetViews>
    <sheetView zoomScaleNormal="100" zoomScaleSheetLayoutView="55" workbookViewId="0">
      <selection activeCell="C87" sqref="C87"/>
    </sheetView>
  </sheetViews>
  <sheetFormatPr defaultColWidth="3.5" defaultRowHeight="13.5" x14ac:dyDescent="0.15"/>
  <cols>
    <col min="1" max="1" width="2" style="3" customWidth="1"/>
    <col min="2" max="2" width="3" style="140" customWidth="1"/>
    <col min="3" max="6" width="3.5" style="3"/>
    <col min="7" max="7" width="1.5" style="3" customWidth="1"/>
    <col min="8" max="25" width="3.5" style="3"/>
    <col min="26" max="26" width="1" style="3" customWidth="1"/>
    <col min="27" max="27" width="4" style="3" customWidth="1"/>
    <col min="28" max="28" width="2.375" style="3" customWidth="1"/>
    <col min="29" max="29" width="4" style="3" customWidth="1"/>
    <col min="30" max="30" width="1" style="3" customWidth="1"/>
    <col min="31" max="31" width="1.25" style="3" customWidth="1"/>
    <col min="32" max="16384" width="3.5" style="3"/>
  </cols>
  <sheetData>
    <row r="1" spans="2:33" s="8" customFormat="1" x14ac:dyDescent="0.15"/>
    <row r="2" spans="2:33" s="8" customFormat="1" x14ac:dyDescent="0.15">
      <c r="B2" s="8" t="s">
        <v>781</v>
      </c>
    </row>
    <row r="3" spans="2:33" s="8" customFormat="1" x14ac:dyDescent="0.15">
      <c r="AC3" s="17"/>
    </row>
    <row r="4" spans="2:33" s="8" customFormat="1" ht="47.25" customHeight="1" x14ac:dyDescent="0.15">
      <c r="B4" s="807" t="s">
        <v>780</v>
      </c>
      <c r="C4" s="807"/>
      <c r="D4" s="807"/>
      <c r="E4" s="807"/>
      <c r="F4" s="807"/>
      <c r="G4" s="807"/>
      <c r="H4" s="807"/>
      <c r="I4" s="807"/>
      <c r="J4" s="807"/>
      <c r="K4" s="807"/>
      <c r="L4" s="807"/>
      <c r="M4" s="807"/>
      <c r="N4" s="807"/>
      <c r="O4" s="807"/>
      <c r="P4" s="807"/>
      <c r="Q4" s="807"/>
      <c r="R4" s="807"/>
      <c r="S4" s="807"/>
      <c r="T4" s="807"/>
      <c r="U4" s="807"/>
      <c r="V4" s="807"/>
      <c r="W4" s="807"/>
      <c r="X4" s="807"/>
      <c r="Y4" s="807"/>
      <c r="Z4" s="807"/>
      <c r="AA4" s="807"/>
      <c r="AB4" s="807"/>
      <c r="AC4" s="807"/>
    </row>
    <row r="5" spans="2:33" s="8" customFormat="1" x14ac:dyDescent="0.15">
      <c r="B5" s="8" t="s">
        <v>779</v>
      </c>
    </row>
    <row r="6" spans="2:33" s="8" customFormat="1" x14ac:dyDescent="0.15"/>
    <row r="7" spans="2:33" s="8" customFormat="1" ht="23.25" customHeight="1" x14ac:dyDescent="0.15">
      <c r="B7" s="780" t="s">
        <v>244</v>
      </c>
      <c r="C7" s="781"/>
      <c r="D7" s="781"/>
      <c r="E7" s="781"/>
      <c r="F7" s="782"/>
      <c r="G7" s="791"/>
      <c r="H7" s="792"/>
      <c r="I7" s="792"/>
      <c r="J7" s="792"/>
      <c r="K7" s="792"/>
      <c r="L7" s="792"/>
      <c r="M7" s="792"/>
      <c r="N7" s="792"/>
      <c r="O7" s="792"/>
      <c r="P7" s="792"/>
      <c r="Q7" s="792"/>
      <c r="R7" s="792"/>
      <c r="S7" s="792"/>
      <c r="T7" s="792"/>
      <c r="U7" s="792"/>
      <c r="V7" s="792"/>
      <c r="W7" s="792"/>
      <c r="X7" s="792"/>
      <c r="Y7" s="792"/>
      <c r="Z7" s="792"/>
      <c r="AA7" s="792"/>
      <c r="AB7" s="792"/>
      <c r="AC7" s="793"/>
    </row>
    <row r="8" spans="2:33" s="8" customFormat="1" ht="23.25" customHeight="1" x14ac:dyDescent="0.15">
      <c r="B8" s="780" t="s">
        <v>481</v>
      </c>
      <c r="C8" s="781"/>
      <c r="D8" s="781"/>
      <c r="E8" s="781"/>
      <c r="F8" s="782"/>
      <c r="G8" s="252"/>
      <c r="H8" s="177" t="s">
        <v>0</v>
      </c>
      <c r="I8" s="168" t="s">
        <v>242</v>
      </c>
      <c r="J8" s="168"/>
      <c r="K8" s="168"/>
      <c r="L8" s="168"/>
      <c r="M8" s="18" t="s">
        <v>0</v>
      </c>
      <c r="N8" s="168" t="s">
        <v>241</v>
      </c>
      <c r="O8" s="168"/>
      <c r="P8" s="168"/>
      <c r="Q8" s="168"/>
      <c r="R8" s="18" t="s">
        <v>0</v>
      </c>
      <c r="S8" s="168" t="s">
        <v>240</v>
      </c>
      <c r="T8" s="168"/>
      <c r="U8" s="168"/>
      <c r="V8" s="177"/>
      <c r="W8" s="177"/>
      <c r="X8" s="177"/>
      <c r="Y8" s="177"/>
      <c r="Z8" s="177"/>
      <c r="AA8" s="177"/>
      <c r="AB8" s="177"/>
      <c r="AC8" s="176"/>
    </row>
    <row r="9" spans="2:33" s="8" customFormat="1" ht="23.25" customHeight="1" x14ac:dyDescent="0.15">
      <c r="B9" s="780" t="s">
        <v>318</v>
      </c>
      <c r="C9" s="781"/>
      <c r="D9" s="781"/>
      <c r="E9" s="781"/>
      <c r="F9" s="782"/>
      <c r="G9" s="252"/>
      <c r="H9" s="177" t="s">
        <v>0</v>
      </c>
      <c r="I9" s="181" t="s">
        <v>778</v>
      </c>
      <c r="J9" s="168"/>
      <c r="K9" s="168"/>
      <c r="L9" s="168"/>
      <c r="M9" s="168"/>
      <c r="N9" s="168"/>
      <c r="O9" s="168"/>
      <c r="P9" s="168"/>
      <c r="Q9" s="177" t="s">
        <v>0</v>
      </c>
      <c r="R9" s="181" t="s">
        <v>777</v>
      </c>
      <c r="S9" s="168"/>
      <c r="T9" s="168"/>
      <c r="U9" s="168"/>
      <c r="V9" s="177"/>
      <c r="W9" s="177"/>
      <c r="X9" s="177"/>
      <c r="Y9" s="177"/>
      <c r="Z9" s="177"/>
      <c r="AA9" s="177"/>
      <c r="AB9" s="177"/>
      <c r="AC9" s="176"/>
    </row>
    <row r="10" spans="2:33" s="8" customFormat="1" x14ac:dyDescent="0.15"/>
    <row r="11" spans="2:33" s="8" customFormat="1" ht="8.25" customHeight="1" x14ac:dyDescent="0.15">
      <c r="B11" s="158"/>
      <c r="C11" s="157"/>
      <c r="D11" s="157"/>
      <c r="E11" s="157"/>
      <c r="F11" s="156"/>
      <c r="G11" s="157"/>
      <c r="H11" s="157"/>
      <c r="I11" s="157"/>
      <c r="J11" s="157"/>
      <c r="K11" s="157"/>
      <c r="L11" s="157"/>
      <c r="M11" s="157"/>
      <c r="N11" s="157"/>
      <c r="O11" s="157"/>
      <c r="P11" s="157"/>
      <c r="Q11" s="157"/>
      <c r="R11" s="157"/>
      <c r="S11" s="157"/>
      <c r="T11" s="157"/>
      <c r="U11" s="157"/>
      <c r="V11" s="157"/>
      <c r="W11" s="157"/>
      <c r="X11" s="157"/>
      <c r="Y11" s="157"/>
      <c r="Z11" s="157"/>
      <c r="AA11" s="158"/>
      <c r="AB11" s="157"/>
      <c r="AC11" s="156"/>
    </row>
    <row r="12" spans="2:33" s="8" customFormat="1" ht="33.75" customHeight="1" x14ac:dyDescent="0.15">
      <c r="B12" s="1017" t="s">
        <v>776</v>
      </c>
      <c r="C12" s="1018"/>
      <c r="D12" s="1018"/>
      <c r="E12" s="1018"/>
      <c r="F12" s="1019"/>
      <c r="H12" s="198" t="s">
        <v>279</v>
      </c>
      <c r="I12" s="1014" t="s">
        <v>762</v>
      </c>
      <c r="J12" s="1015"/>
      <c r="K12" s="1015"/>
      <c r="L12" s="1015"/>
      <c r="M12" s="1015"/>
      <c r="N12" s="1015"/>
      <c r="O12" s="1015"/>
      <c r="P12" s="1015"/>
      <c r="Q12" s="1015"/>
      <c r="R12" s="1016"/>
      <c r="S12" s="780"/>
      <c r="T12" s="781"/>
      <c r="U12" s="176" t="s">
        <v>175</v>
      </c>
      <c r="V12" s="18"/>
      <c r="W12" s="18"/>
      <c r="X12" s="18"/>
      <c r="Y12" s="18"/>
      <c r="AA12" s="314" t="s">
        <v>227</v>
      </c>
      <c r="AB12" s="313" t="s">
        <v>217</v>
      </c>
      <c r="AC12" s="312" t="s">
        <v>226</v>
      </c>
      <c r="AG12" s="16"/>
    </row>
    <row r="13" spans="2:33" s="8" customFormat="1" ht="43.5" customHeight="1" x14ac:dyDescent="0.15">
      <c r="B13" s="1017"/>
      <c r="C13" s="1018"/>
      <c r="D13" s="1018"/>
      <c r="E13" s="1018"/>
      <c r="F13" s="1019"/>
      <c r="H13" s="198" t="s">
        <v>277</v>
      </c>
      <c r="I13" s="1014" t="s">
        <v>775</v>
      </c>
      <c r="J13" s="1015"/>
      <c r="K13" s="1015"/>
      <c r="L13" s="1015"/>
      <c r="M13" s="1015"/>
      <c r="N13" s="1015"/>
      <c r="O13" s="1015"/>
      <c r="P13" s="1015"/>
      <c r="Q13" s="1015"/>
      <c r="R13" s="1016"/>
      <c r="S13" s="780"/>
      <c r="T13" s="781"/>
      <c r="U13" s="176" t="s">
        <v>175</v>
      </c>
      <c r="V13" s="8" t="s">
        <v>275</v>
      </c>
      <c r="W13" s="993" t="s">
        <v>764</v>
      </c>
      <c r="X13" s="993"/>
      <c r="Y13" s="993"/>
      <c r="Z13" s="154"/>
      <c r="AA13" s="151" t="s">
        <v>0</v>
      </c>
      <c r="AB13" s="18" t="s">
        <v>217</v>
      </c>
      <c r="AC13" s="174" t="s">
        <v>0</v>
      </c>
      <c r="AG13" s="16"/>
    </row>
    <row r="14" spans="2:33" s="8" customFormat="1" ht="8.25" customHeight="1" x14ac:dyDescent="0.15">
      <c r="B14" s="320"/>
      <c r="C14" s="319"/>
      <c r="D14" s="319"/>
      <c r="E14" s="319"/>
      <c r="F14" s="318"/>
      <c r="G14" s="172"/>
      <c r="H14" s="172"/>
      <c r="I14" s="172"/>
      <c r="J14" s="172"/>
      <c r="K14" s="172"/>
      <c r="L14" s="172"/>
      <c r="M14" s="172"/>
      <c r="N14" s="172"/>
      <c r="O14" s="172"/>
      <c r="P14" s="172"/>
      <c r="Q14" s="172"/>
      <c r="R14" s="172"/>
      <c r="S14" s="172"/>
      <c r="T14" s="172"/>
      <c r="U14" s="172"/>
      <c r="V14" s="172"/>
      <c r="W14" s="172"/>
      <c r="X14" s="172"/>
      <c r="Y14" s="172"/>
      <c r="Z14" s="172"/>
      <c r="AA14" s="173"/>
      <c r="AB14" s="172"/>
      <c r="AC14" s="171"/>
    </row>
    <row r="15" spans="2:33" s="8" customFormat="1" ht="8.25" customHeight="1" x14ac:dyDescent="0.15">
      <c r="B15" s="317"/>
      <c r="C15" s="316"/>
      <c r="D15" s="316"/>
      <c r="E15" s="316"/>
      <c r="F15" s="315"/>
      <c r="G15" s="157"/>
      <c r="H15" s="157"/>
      <c r="I15" s="157"/>
      <c r="J15" s="157"/>
      <c r="K15" s="157"/>
      <c r="L15" s="157"/>
      <c r="M15" s="157"/>
      <c r="N15" s="157"/>
      <c r="O15" s="157"/>
      <c r="P15" s="157"/>
      <c r="Q15" s="157"/>
      <c r="R15" s="157"/>
      <c r="S15" s="157"/>
      <c r="T15" s="157"/>
      <c r="U15" s="157"/>
      <c r="V15" s="157"/>
      <c r="W15" s="157"/>
      <c r="X15" s="157"/>
      <c r="Y15" s="157"/>
      <c r="Z15" s="157"/>
      <c r="AA15" s="158"/>
      <c r="AB15" s="157"/>
      <c r="AC15" s="156"/>
    </row>
    <row r="16" spans="2:33" s="8" customFormat="1" ht="33.75" customHeight="1" x14ac:dyDescent="0.15">
      <c r="B16" s="1017" t="s">
        <v>774</v>
      </c>
      <c r="C16" s="1018"/>
      <c r="D16" s="1018"/>
      <c r="E16" s="1018"/>
      <c r="F16" s="1019"/>
      <c r="H16" s="198" t="s">
        <v>279</v>
      </c>
      <c r="I16" s="1014" t="s">
        <v>762</v>
      </c>
      <c r="J16" s="1015"/>
      <c r="K16" s="1015"/>
      <c r="L16" s="1015"/>
      <c r="M16" s="1015"/>
      <c r="N16" s="1015"/>
      <c r="O16" s="1015"/>
      <c r="P16" s="1015"/>
      <c r="Q16" s="1015"/>
      <c r="R16" s="1016"/>
      <c r="S16" s="780"/>
      <c r="T16" s="781"/>
      <c r="U16" s="176" t="s">
        <v>175</v>
      </c>
      <c r="V16" s="18"/>
      <c r="W16" s="18"/>
      <c r="X16" s="18"/>
      <c r="Y16" s="18"/>
      <c r="AA16" s="314" t="s">
        <v>227</v>
      </c>
      <c r="AB16" s="313" t="s">
        <v>217</v>
      </c>
      <c r="AC16" s="312" t="s">
        <v>226</v>
      </c>
      <c r="AG16" s="16"/>
    </row>
    <row r="17" spans="2:33" s="8" customFormat="1" ht="43.5" customHeight="1" x14ac:dyDescent="0.15">
      <c r="B17" s="1017"/>
      <c r="C17" s="1018"/>
      <c r="D17" s="1018"/>
      <c r="E17" s="1018"/>
      <c r="F17" s="1019"/>
      <c r="H17" s="198" t="s">
        <v>277</v>
      </c>
      <c r="I17" s="1014" t="s">
        <v>761</v>
      </c>
      <c r="J17" s="1015"/>
      <c r="K17" s="1015"/>
      <c r="L17" s="1015"/>
      <c r="M17" s="1015"/>
      <c r="N17" s="1015"/>
      <c r="O17" s="1015"/>
      <c r="P17" s="1015"/>
      <c r="Q17" s="1015"/>
      <c r="R17" s="1016"/>
      <c r="S17" s="780"/>
      <c r="T17" s="781"/>
      <c r="U17" s="176" t="s">
        <v>175</v>
      </c>
      <c r="V17" s="8" t="s">
        <v>275</v>
      </c>
      <c r="W17" s="993" t="s">
        <v>760</v>
      </c>
      <c r="X17" s="993"/>
      <c r="Y17" s="993"/>
      <c r="Z17" s="154"/>
      <c r="AA17" s="151" t="s">
        <v>0</v>
      </c>
      <c r="AB17" s="18" t="s">
        <v>217</v>
      </c>
      <c r="AC17" s="174" t="s">
        <v>0</v>
      </c>
      <c r="AG17" s="16"/>
    </row>
    <row r="18" spans="2:33" s="8" customFormat="1" ht="8.25" customHeight="1" x14ac:dyDescent="0.15">
      <c r="B18" s="173"/>
      <c r="C18" s="172"/>
      <c r="D18" s="172"/>
      <c r="E18" s="172"/>
      <c r="F18" s="171"/>
      <c r="G18" s="172"/>
      <c r="H18" s="172"/>
      <c r="I18" s="172"/>
      <c r="J18" s="172"/>
      <c r="K18" s="172"/>
      <c r="L18" s="172"/>
      <c r="M18" s="172"/>
      <c r="N18" s="172"/>
      <c r="O18" s="172"/>
      <c r="P18" s="172"/>
      <c r="Q18" s="172"/>
      <c r="R18" s="172"/>
      <c r="S18" s="172"/>
      <c r="T18" s="172"/>
      <c r="U18" s="172"/>
      <c r="V18" s="172"/>
      <c r="W18" s="172"/>
      <c r="X18" s="172"/>
      <c r="Y18" s="172"/>
      <c r="Z18" s="172"/>
      <c r="AA18" s="173"/>
      <c r="AB18" s="172"/>
      <c r="AC18" s="171"/>
    </row>
    <row r="19" spans="2:33" s="8" customFormat="1" ht="8.25" customHeight="1" x14ac:dyDescent="0.15">
      <c r="B19" s="158"/>
      <c r="C19" s="157"/>
      <c r="D19" s="157"/>
      <c r="E19" s="157"/>
      <c r="F19" s="156"/>
      <c r="G19" s="157"/>
      <c r="H19" s="157"/>
      <c r="I19" s="157"/>
      <c r="J19" s="157"/>
      <c r="K19" s="157"/>
      <c r="L19" s="157"/>
      <c r="M19" s="157"/>
      <c r="N19" s="157"/>
      <c r="O19" s="157"/>
      <c r="P19" s="157"/>
      <c r="Q19" s="157"/>
      <c r="R19" s="157"/>
      <c r="S19" s="157"/>
      <c r="T19" s="157"/>
      <c r="U19" s="157"/>
      <c r="V19" s="157"/>
      <c r="W19" s="157"/>
      <c r="X19" s="157"/>
      <c r="Y19" s="157"/>
      <c r="Z19" s="157"/>
      <c r="AA19" s="158"/>
      <c r="AB19" s="157"/>
      <c r="AC19" s="156"/>
    </row>
    <row r="20" spans="2:33" s="8" customFormat="1" ht="43.5" customHeight="1" x14ac:dyDescent="0.15">
      <c r="B20" s="1017" t="s">
        <v>773</v>
      </c>
      <c r="C20" s="1018"/>
      <c r="D20" s="1018"/>
      <c r="E20" s="1018"/>
      <c r="F20" s="1019"/>
      <c r="H20" s="198" t="s">
        <v>279</v>
      </c>
      <c r="I20" s="1014" t="s">
        <v>772</v>
      </c>
      <c r="J20" s="1015"/>
      <c r="K20" s="1015"/>
      <c r="L20" s="1015"/>
      <c r="M20" s="1015"/>
      <c r="N20" s="1015"/>
      <c r="O20" s="1015"/>
      <c r="P20" s="1015"/>
      <c r="Q20" s="1015"/>
      <c r="R20" s="1016"/>
      <c r="S20" s="780"/>
      <c r="T20" s="781"/>
      <c r="U20" s="176" t="s">
        <v>175</v>
      </c>
      <c r="V20" s="265"/>
      <c r="W20" s="993"/>
      <c r="X20" s="993"/>
      <c r="Y20" s="993"/>
      <c r="Z20" s="154"/>
      <c r="AA20" s="314" t="s">
        <v>227</v>
      </c>
      <c r="AB20" s="313" t="s">
        <v>217</v>
      </c>
      <c r="AC20" s="312" t="s">
        <v>226</v>
      </c>
      <c r="AG20" s="16"/>
    </row>
    <row r="21" spans="2:33" s="8" customFormat="1" ht="21" customHeight="1" x14ac:dyDescent="0.15">
      <c r="B21" s="337"/>
      <c r="C21" s="265"/>
      <c r="D21" s="265"/>
      <c r="E21" s="265"/>
      <c r="F21" s="336"/>
      <c r="H21" s="335" t="s">
        <v>275</v>
      </c>
      <c r="I21" s="1021" t="s">
        <v>771</v>
      </c>
      <c r="J21" s="1021"/>
      <c r="K21" s="1021"/>
      <c r="L21" s="1021"/>
      <c r="M21" s="334"/>
      <c r="N21" s="334"/>
      <c r="O21" s="334"/>
      <c r="P21" s="334"/>
      <c r="Q21" s="334"/>
      <c r="R21" s="334"/>
      <c r="U21" s="18"/>
      <c r="V21" s="265"/>
      <c r="W21" s="333"/>
      <c r="X21" s="333"/>
      <c r="Y21" s="333"/>
      <c r="Z21" s="154"/>
      <c r="AA21" s="332" t="s">
        <v>0</v>
      </c>
      <c r="AB21" s="331" t="s">
        <v>217</v>
      </c>
      <c r="AC21" s="330" t="s">
        <v>0</v>
      </c>
      <c r="AG21" s="16"/>
    </row>
    <row r="22" spans="2:33" s="8" customFormat="1" ht="21" customHeight="1" x14ac:dyDescent="0.15">
      <c r="B22" s="173"/>
      <c r="C22" s="172"/>
      <c r="D22" s="172"/>
      <c r="E22" s="172"/>
      <c r="F22" s="171"/>
      <c r="G22" s="329"/>
      <c r="H22" s="328" t="s">
        <v>275</v>
      </c>
      <c r="I22" s="1020" t="s">
        <v>770</v>
      </c>
      <c r="J22" s="1020"/>
      <c r="K22" s="1020"/>
      <c r="L22" s="327"/>
      <c r="M22" s="327"/>
      <c r="N22" s="327"/>
      <c r="O22" s="327"/>
      <c r="P22" s="327"/>
      <c r="Q22" s="327"/>
      <c r="R22" s="327"/>
      <c r="S22" s="327"/>
      <c r="T22" s="327"/>
      <c r="U22" s="327"/>
      <c r="V22" s="327"/>
      <c r="W22" s="1020"/>
      <c r="X22" s="1020"/>
      <c r="Y22" s="1020"/>
      <c r="Z22" s="327"/>
      <c r="AA22" s="326" t="s">
        <v>0</v>
      </c>
      <c r="AB22" s="325" t="s">
        <v>217</v>
      </c>
      <c r="AC22" s="324" t="s">
        <v>0</v>
      </c>
    </row>
    <row r="23" spans="2:33" s="8" customFormat="1" ht="8.25" customHeight="1" x14ac:dyDescent="0.15">
      <c r="B23" s="158"/>
      <c r="C23" s="157"/>
      <c r="D23" s="157"/>
      <c r="E23" s="157"/>
      <c r="F23" s="156"/>
      <c r="G23" s="157"/>
      <c r="H23" s="157"/>
      <c r="I23" s="157"/>
      <c r="J23" s="157"/>
      <c r="K23" s="157"/>
      <c r="L23" s="157"/>
      <c r="M23" s="157"/>
      <c r="N23" s="157"/>
      <c r="O23" s="157"/>
      <c r="P23" s="157"/>
      <c r="Q23" s="157"/>
      <c r="R23" s="157"/>
      <c r="S23" s="157"/>
      <c r="T23" s="157"/>
      <c r="U23" s="157"/>
      <c r="V23" s="157"/>
      <c r="W23" s="157"/>
      <c r="X23" s="157"/>
      <c r="Y23" s="157"/>
      <c r="Z23" s="157"/>
      <c r="AA23" s="158"/>
      <c r="AB23" s="157"/>
      <c r="AC23" s="156"/>
    </row>
    <row r="24" spans="2:33" s="8" customFormat="1" ht="43.5" customHeight="1" x14ac:dyDescent="0.15">
      <c r="B24" s="1017" t="s">
        <v>769</v>
      </c>
      <c r="C24" s="1018"/>
      <c r="D24" s="1018"/>
      <c r="E24" s="1018"/>
      <c r="F24" s="1019"/>
      <c r="H24" s="198" t="s">
        <v>279</v>
      </c>
      <c r="I24" s="1014" t="s">
        <v>758</v>
      </c>
      <c r="J24" s="1015"/>
      <c r="K24" s="1015"/>
      <c r="L24" s="1015"/>
      <c r="M24" s="1015"/>
      <c r="N24" s="1015"/>
      <c r="O24" s="1015"/>
      <c r="P24" s="1015"/>
      <c r="Q24" s="1015"/>
      <c r="R24" s="1016"/>
      <c r="S24" s="780"/>
      <c r="T24" s="781"/>
      <c r="U24" s="176" t="s">
        <v>175</v>
      </c>
      <c r="V24" s="18"/>
      <c r="W24" s="18"/>
      <c r="X24" s="18"/>
      <c r="Y24" s="18"/>
      <c r="AA24" s="314" t="s">
        <v>227</v>
      </c>
      <c r="AB24" s="313" t="s">
        <v>217</v>
      </c>
      <c r="AC24" s="312" t="s">
        <v>226</v>
      </c>
      <c r="AG24" s="16"/>
    </row>
    <row r="25" spans="2:33" s="8" customFormat="1" ht="43.5" customHeight="1" x14ac:dyDescent="0.15">
      <c r="B25" s="9"/>
      <c r="F25" s="149"/>
      <c r="H25" s="198" t="s">
        <v>277</v>
      </c>
      <c r="I25" s="1014" t="s">
        <v>757</v>
      </c>
      <c r="J25" s="1015"/>
      <c r="K25" s="1015"/>
      <c r="L25" s="1015"/>
      <c r="M25" s="1015"/>
      <c r="N25" s="1015"/>
      <c r="O25" s="1015"/>
      <c r="P25" s="1015"/>
      <c r="Q25" s="1015"/>
      <c r="R25" s="1016"/>
      <c r="S25" s="780"/>
      <c r="T25" s="781"/>
      <c r="U25" s="176" t="s">
        <v>175</v>
      </c>
      <c r="V25" s="8" t="s">
        <v>275</v>
      </c>
      <c r="W25" s="993" t="s">
        <v>756</v>
      </c>
      <c r="X25" s="993"/>
      <c r="Y25" s="993"/>
      <c r="Z25" s="154"/>
      <c r="AA25" s="151" t="s">
        <v>0</v>
      </c>
      <c r="AB25" s="18" t="s">
        <v>217</v>
      </c>
      <c r="AC25" s="174" t="s">
        <v>0</v>
      </c>
      <c r="AG25" s="16"/>
    </row>
    <row r="26" spans="2:33" s="8" customFormat="1" ht="8.25" customHeight="1" x14ac:dyDescent="0.15">
      <c r="B26" s="173"/>
      <c r="C26" s="172"/>
      <c r="D26" s="172"/>
      <c r="E26" s="172"/>
      <c r="F26" s="171"/>
      <c r="G26" s="172"/>
      <c r="H26" s="172"/>
      <c r="I26" s="172"/>
      <c r="J26" s="172"/>
      <c r="K26" s="172"/>
      <c r="L26" s="172"/>
      <c r="M26" s="172"/>
      <c r="N26" s="172"/>
      <c r="O26" s="172"/>
      <c r="P26" s="172"/>
      <c r="Q26" s="172"/>
      <c r="R26" s="172"/>
      <c r="S26" s="172"/>
      <c r="T26" s="172"/>
      <c r="U26" s="172"/>
      <c r="V26" s="172"/>
      <c r="W26" s="172"/>
      <c r="X26" s="172"/>
      <c r="Y26" s="172"/>
      <c r="Z26" s="172"/>
      <c r="AA26" s="173"/>
      <c r="AB26" s="172"/>
      <c r="AC26" s="171"/>
    </row>
    <row r="27" spans="2:33" s="8" customFormat="1" ht="13.5" customHeight="1" x14ac:dyDescent="0.15">
      <c r="I27" s="323"/>
      <c r="J27" s="323"/>
      <c r="K27" s="323"/>
      <c r="W27" s="323"/>
      <c r="X27" s="323"/>
      <c r="Y27" s="323"/>
      <c r="AA27" s="249"/>
      <c r="AB27" s="249"/>
      <c r="AC27" s="249"/>
    </row>
    <row r="28" spans="2:33" s="8" customFormat="1" ht="13.5" customHeight="1" x14ac:dyDescent="0.15"/>
    <row r="29" spans="2:33" s="8" customFormat="1" x14ac:dyDescent="0.15">
      <c r="B29" s="8" t="s">
        <v>768</v>
      </c>
    </row>
    <row r="30" spans="2:33" s="8" customFormat="1" x14ac:dyDescent="0.15"/>
    <row r="31" spans="2:33" s="8" customFormat="1" ht="23.25" customHeight="1" x14ac:dyDescent="0.15">
      <c r="B31" s="780" t="s">
        <v>244</v>
      </c>
      <c r="C31" s="781"/>
      <c r="D31" s="781"/>
      <c r="E31" s="781"/>
      <c r="F31" s="782"/>
      <c r="G31" s="791"/>
      <c r="H31" s="792"/>
      <c r="I31" s="792"/>
      <c r="J31" s="792"/>
      <c r="K31" s="792"/>
      <c r="L31" s="792"/>
      <c r="M31" s="792"/>
      <c r="N31" s="792"/>
      <c r="O31" s="792"/>
      <c r="P31" s="792"/>
      <c r="Q31" s="792"/>
      <c r="R31" s="792"/>
      <c r="S31" s="792"/>
      <c r="T31" s="792"/>
      <c r="U31" s="792"/>
      <c r="V31" s="792"/>
      <c r="W31" s="792"/>
      <c r="X31" s="792"/>
      <c r="Y31" s="792"/>
      <c r="Z31" s="792"/>
      <c r="AA31" s="792"/>
      <c r="AB31" s="792"/>
      <c r="AC31" s="793"/>
    </row>
    <row r="32" spans="2:33" s="8" customFormat="1" ht="23.25" customHeight="1" x14ac:dyDescent="0.15">
      <c r="B32" s="780" t="s">
        <v>481</v>
      </c>
      <c r="C32" s="781"/>
      <c r="D32" s="781"/>
      <c r="E32" s="781"/>
      <c r="F32" s="782"/>
      <c r="G32" s="252"/>
      <c r="H32" s="177" t="s">
        <v>0</v>
      </c>
      <c r="I32" s="168" t="s">
        <v>242</v>
      </c>
      <c r="J32" s="168"/>
      <c r="K32" s="168"/>
      <c r="L32" s="168"/>
      <c r="M32" s="18" t="s">
        <v>0</v>
      </c>
      <c r="N32" s="168" t="s">
        <v>241</v>
      </c>
      <c r="O32" s="168"/>
      <c r="P32" s="168"/>
      <c r="Q32" s="168"/>
      <c r="R32" s="18" t="s">
        <v>0</v>
      </c>
      <c r="S32" s="168" t="s">
        <v>240</v>
      </c>
      <c r="T32" s="168"/>
      <c r="U32" s="168"/>
      <c r="V32" s="177"/>
      <c r="W32" s="177"/>
      <c r="X32" s="177"/>
      <c r="Y32" s="177"/>
      <c r="Z32" s="177"/>
      <c r="AA32" s="177"/>
      <c r="AB32" s="177"/>
      <c r="AC32" s="176"/>
    </row>
    <row r="33" spans="1:33" s="8" customFormat="1" ht="23.25" customHeight="1" x14ac:dyDescent="0.15">
      <c r="B33" s="780" t="s">
        <v>318</v>
      </c>
      <c r="C33" s="781"/>
      <c r="D33" s="781"/>
      <c r="E33" s="781"/>
      <c r="F33" s="782"/>
      <c r="G33" s="252"/>
      <c r="H33" s="177" t="s">
        <v>0</v>
      </c>
      <c r="I33" s="181" t="s">
        <v>767</v>
      </c>
      <c r="J33" s="168"/>
      <c r="K33" s="168"/>
      <c r="L33" s="168"/>
      <c r="M33" s="168"/>
      <c r="N33" s="168"/>
      <c r="O33" s="168"/>
      <c r="P33" s="168"/>
      <c r="Q33" s="168"/>
      <c r="R33" s="181"/>
      <c r="S33" s="168"/>
      <c r="T33" s="168"/>
      <c r="U33" s="168"/>
      <c r="V33" s="177"/>
      <c r="W33" s="177"/>
      <c r="X33" s="177"/>
      <c r="Y33" s="177"/>
      <c r="Z33" s="177"/>
      <c r="AA33" s="177"/>
      <c r="AB33" s="177"/>
      <c r="AC33" s="176"/>
    </row>
    <row r="34" spans="1:33" s="8" customFormat="1" x14ac:dyDescent="0.15"/>
    <row r="35" spans="1:33" s="8" customFormat="1" ht="8.25" customHeight="1" x14ac:dyDescent="0.15">
      <c r="B35" s="158"/>
      <c r="C35" s="157"/>
      <c r="D35" s="157"/>
      <c r="E35" s="157"/>
      <c r="F35" s="156"/>
      <c r="G35" s="157"/>
      <c r="H35" s="157"/>
      <c r="I35" s="157"/>
      <c r="J35" s="157"/>
      <c r="K35" s="157"/>
      <c r="L35" s="157"/>
      <c r="M35" s="157"/>
      <c r="N35" s="157"/>
      <c r="O35" s="157"/>
      <c r="P35" s="157"/>
      <c r="Q35" s="157"/>
      <c r="R35" s="157"/>
      <c r="S35" s="157"/>
      <c r="T35" s="157"/>
      <c r="U35" s="157"/>
      <c r="V35" s="157"/>
      <c r="W35" s="157"/>
      <c r="X35" s="157"/>
      <c r="Y35" s="157"/>
      <c r="Z35" s="157"/>
      <c r="AA35" s="158"/>
      <c r="AB35" s="157"/>
      <c r="AC35" s="156"/>
    </row>
    <row r="36" spans="1:33" s="8" customFormat="1" ht="32.25" customHeight="1" x14ac:dyDescent="0.15">
      <c r="B36" s="1017" t="s">
        <v>766</v>
      </c>
      <c r="C36" s="1018"/>
      <c r="D36" s="1018"/>
      <c r="E36" s="1018"/>
      <c r="F36" s="1019"/>
      <c r="H36" s="198" t="s">
        <v>279</v>
      </c>
      <c r="I36" s="1014" t="s">
        <v>762</v>
      </c>
      <c r="J36" s="1015"/>
      <c r="K36" s="1015"/>
      <c r="L36" s="1015"/>
      <c r="M36" s="1015"/>
      <c r="N36" s="1015"/>
      <c r="O36" s="1015"/>
      <c r="P36" s="1015"/>
      <c r="Q36" s="1015"/>
      <c r="R36" s="1016"/>
      <c r="S36" s="780"/>
      <c r="T36" s="781"/>
      <c r="U36" s="176" t="s">
        <v>175</v>
      </c>
      <c r="V36" s="18"/>
      <c r="W36" s="18"/>
      <c r="X36" s="18"/>
      <c r="Y36" s="18"/>
      <c r="AA36" s="314" t="s">
        <v>227</v>
      </c>
      <c r="AB36" s="313" t="s">
        <v>217</v>
      </c>
      <c r="AC36" s="312" t="s">
        <v>226</v>
      </c>
      <c r="AG36" s="16"/>
    </row>
    <row r="37" spans="1:33" s="8" customFormat="1" ht="43.5" customHeight="1" x14ac:dyDescent="0.15">
      <c r="B37" s="1017"/>
      <c r="C37" s="1018"/>
      <c r="D37" s="1018"/>
      <c r="E37" s="1018"/>
      <c r="F37" s="1019"/>
      <c r="H37" s="198" t="s">
        <v>277</v>
      </c>
      <c r="I37" s="1014" t="s">
        <v>765</v>
      </c>
      <c r="J37" s="1015"/>
      <c r="K37" s="1015"/>
      <c r="L37" s="1015"/>
      <c r="M37" s="1015"/>
      <c r="N37" s="1015"/>
      <c r="O37" s="1015"/>
      <c r="P37" s="1015"/>
      <c r="Q37" s="1015"/>
      <c r="R37" s="1016"/>
      <c r="S37" s="780"/>
      <c r="T37" s="781"/>
      <c r="U37" s="176" t="s">
        <v>175</v>
      </c>
      <c r="V37" s="8" t="s">
        <v>275</v>
      </c>
      <c r="W37" s="993" t="s">
        <v>764</v>
      </c>
      <c r="X37" s="993"/>
      <c r="Y37" s="993"/>
      <c r="Z37" s="154"/>
      <c r="AA37" s="151" t="s">
        <v>0</v>
      </c>
      <c r="AB37" s="18" t="s">
        <v>217</v>
      </c>
      <c r="AC37" s="174" t="s">
        <v>0</v>
      </c>
      <c r="AG37" s="16"/>
    </row>
    <row r="38" spans="1:33" s="8" customFormat="1" ht="8.25" customHeight="1" x14ac:dyDescent="0.15">
      <c r="B38" s="320"/>
      <c r="C38" s="319"/>
      <c r="D38" s="319"/>
      <c r="E38" s="319"/>
      <c r="F38" s="318"/>
      <c r="G38" s="172"/>
      <c r="H38" s="172"/>
      <c r="I38" s="172"/>
      <c r="J38" s="172"/>
      <c r="K38" s="172"/>
      <c r="L38" s="172"/>
      <c r="M38" s="172"/>
      <c r="N38" s="172"/>
      <c r="O38" s="172"/>
      <c r="P38" s="172"/>
      <c r="Q38" s="172"/>
      <c r="R38" s="172"/>
      <c r="S38" s="172"/>
      <c r="T38" s="172"/>
      <c r="U38" s="172"/>
      <c r="V38" s="172"/>
      <c r="W38" s="172"/>
      <c r="X38" s="172"/>
      <c r="Y38" s="172"/>
      <c r="Z38" s="172"/>
      <c r="AA38" s="173"/>
      <c r="AB38" s="172"/>
      <c r="AC38" s="171"/>
    </row>
    <row r="39" spans="1:33" s="8" customFormat="1" ht="8.25" customHeight="1" x14ac:dyDescent="0.15">
      <c r="A39" s="149"/>
      <c r="B39" s="322"/>
      <c r="C39" s="316"/>
      <c r="D39" s="195"/>
      <c r="E39" s="195"/>
      <c r="F39" s="321"/>
      <c r="AA39" s="9"/>
      <c r="AD39" s="9"/>
    </row>
    <row r="40" spans="1:33" s="8" customFormat="1" ht="32.25" customHeight="1" x14ac:dyDescent="0.15">
      <c r="B40" s="1017" t="s">
        <v>763</v>
      </c>
      <c r="C40" s="1018"/>
      <c r="D40" s="1018"/>
      <c r="E40" s="1018"/>
      <c r="F40" s="1019"/>
      <c r="H40" s="198" t="s">
        <v>279</v>
      </c>
      <c r="I40" s="1014" t="s">
        <v>762</v>
      </c>
      <c r="J40" s="1015"/>
      <c r="K40" s="1015"/>
      <c r="L40" s="1015"/>
      <c r="M40" s="1015"/>
      <c r="N40" s="1015"/>
      <c r="O40" s="1015"/>
      <c r="P40" s="1015"/>
      <c r="Q40" s="1015"/>
      <c r="R40" s="1016"/>
      <c r="S40" s="780"/>
      <c r="T40" s="781"/>
      <c r="U40" s="176" t="s">
        <v>175</v>
      </c>
      <c r="V40" s="18"/>
      <c r="W40" s="18"/>
      <c r="X40" s="18"/>
      <c r="Y40" s="18"/>
      <c r="AA40" s="314" t="s">
        <v>227</v>
      </c>
      <c r="AB40" s="313" t="s">
        <v>217</v>
      </c>
      <c r="AC40" s="312" t="s">
        <v>226</v>
      </c>
      <c r="AG40" s="16"/>
    </row>
    <row r="41" spans="1:33" s="8" customFormat="1" ht="43.5" customHeight="1" x14ac:dyDescent="0.15">
      <c r="B41" s="1017"/>
      <c r="C41" s="1018"/>
      <c r="D41" s="1018"/>
      <c r="E41" s="1018"/>
      <c r="F41" s="1019"/>
      <c r="H41" s="198" t="s">
        <v>277</v>
      </c>
      <c r="I41" s="1014" t="s">
        <v>761</v>
      </c>
      <c r="J41" s="1015"/>
      <c r="K41" s="1015"/>
      <c r="L41" s="1015"/>
      <c r="M41" s="1015"/>
      <c r="N41" s="1015"/>
      <c r="O41" s="1015"/>
      <c r="P41" s="1015"/>
      <c r="Q41" s="1015"/>
      <c r="R41" s="1016"/>
      <c r="S41" s="780"/>
      <c r="T41" s="781"/>
      <c r="U41" s="176" t="s">
        <v>175</v>
      </c>
      <c r="V41" s="8" t="s">
        <v>275</v>
      </c>
      <c r="W41" s="993" t="s">
        <v>760</v>
      </c>
      <c r="X41" s="993"/>
      <c r="Y41" s="993"/>
      <c r="Z41" s="154"/>
      <c r="AA41" s="151" t="s">
        <v>0</v>
      </c>
      <c r="AB41" s="18" t="s">
        <v>217</v>
      </c>
      <c r="AC41" s="174" t="s">
        <v>0</v>
      </c>
      <c r="AG41" s="16"/>
    </row>
    <row r="42" spans="1:33" s="8" customFormat="1" ht="8.25" customHeight="1" x14ac:dyDescent="0.15">
      <c r="B42" s="320"/>
      <c r="C42" s="319"/>
      <c r="D42" s="319"/>
      <c r="E42" s="319"/>
      <c r="F42" s="318"/>
      <c r="G42" s="172"/>
      <c r="H42" s="172"/>
      <c r="I42" s="172"/>
      <c r="J42" s="172"/>
      <c r="K42" s="172"/>
      <c r="L42" s="172"/>
      <c r="M42" s="172"/>
      <c r="N42" s="172"/>
      <c r="O42" s="172"/>
      <c r="P42" s="172"/>
      <c r="Q42" s="172"/>
      <c r="R42" s="172"/>
      <c r="S42" s="172"/>
      <c r="T42" s="172"/>
      <c r="U42" s="172"/>
      <c r="V42" s="172"/>
      <c r="W42" s="172"/>
      <c r="X42" s="172"/>
      <c r="Y42" s="172"/>
      <c r="Z42" s="172"/>
      <c r="AA42" s="173"/>
      <c r="AB42" s="172"/>
      <c r="AC42" s="171"/>
    </row>
    <row r="43" spans="1:33" s="8" customFormat="1" ht="8.25" customHeight="1" x14ac:dyDescent="0.15">
      <c r="B43" s="317"/>
      <c r="C43" s="316"/>
      <c r="D43" s="316"/>
      <c r="E43" s="316"/>
      <c r="F43" s="315"/>
      <c r="G43" s="157"/>
      <c r="H43" s="157"/>
      <c r="I43" s="157"/>
      <c r="J43" s="157"/>
      <c r="K43" s="157"/>
      <c r="L43" s="157"/>
      <c r="M43" s="157"/>
      <c r="N43" s="157"/>
      <c r="O43" s="157"/>
      <c r="P43" s="157"/>
      <c r="Q43" s="157"/>
      <c r="R43" s="157"/>
      <c r="S43" s="157"/>
      <c r="T43" s="157"/>
      <c r="U43" s="157"/>
      <c r="V43" s="157"/>
      <c r="W43" s="157"/>
      <c r="X43" s="157"/>
      <c r="Y43" s="157"/>
      <c r="Z43" s="157"/>
      <c r="AA43" s="158"/>
      <c r="AB43" s="157"/>
      <c r="AC43" s="156"/>
    </row>
    <row r="44" spans="1:33" s="8" customFormat="1" ht="43.5" customHeight="1" x14ac:dyDescent="0.15">
      <c r="B44" s="808" t="s">
        <v>759</v>
      </c>
      <c r="C44" s="827"/>
      <c r="D44" s="827"/>
      <c r="E44" s="827"/>
      <c r="F44" s="831"/>
      <c r="H44" s="198" t="s">
        <v>279</v>
      </c>
      <c r="I44" s="1014" t="s">
        <v>758</v>
      </c>
      <c r="J44" s="1015"/>
      <c r="K44" s="1015"/>
      <c r="L44" s="1015"/>
      <c r="M44" s="1015"/>
      <c r="N44" s="1015"/>
      <c r="O44" s="1015"/>
      <c r="P44" s="1015"/>
      <c r="Q44" s="1015"/>
      <c r="R44" s="1016"/>
      <c r="S44" s="780"/>
      <c r="T44" s="781"/>
      <c r="U44" s="176" t="s">
        <v>175</v>
      </c>
      <c r="V44" s="18"/>
      <c r="W44" s="18"/>
      <c r="X44" s="18"/>
      <c r="Y44" s="18"/>
      <c r="AA44" s="314" t="s">
        <v>227</v>
      </c>
      <c r="AB44" s="313" t="s">
        <v>217</v>
      </c>
      <c r="AC44" s="312" t="s">
        <v>226</v>
      </c>
      <c r="AG44" s="16"/>
    </row>
    <row r="45" spans="1:33" s="8" customFormat="1" ht="43.5" customHeight="1" x14ac:dyDescent="0.15">
      <c r="B45" s="9"/>
      <c r="F45" s="149"/>
      <c r="H45" s="198" t="s">
        <v>277</v>
      </c>
      <c r="I45" s="1014" t="s">
        <v>757</v>
      </c>
      <c r="J45" s="1015"/>
      <c r="K45" s="1015"/>
      <c r="L45" s="1015"/>
      <c r="M45" s="1015"/>
      <c r="N45" s="1015"/>
      <c r="O45" s="1015"/>
      <c r="P45" s="1015"/>
      <c r="Q45" s="1015"/>
      <c r="R45" s="1016"/>
      <c r="S45" s="780"/>
      <c r="T45" s="781"/>
      <c r="U45" s="176" t="s">
        <v>175</v>
      </c>
      <c r="V45" s="8" t="s">
        <v>275</v>
      </c>
      <c r="W45" s="993" t="s">
        <v>756</v>
      </c>
      <c r="X45" s="993"/>
      <c r="Y45" s="993"/>
      <c r="Z45" s="154"/>
      <c r="AA45" s="151" t="s">
        <v>0</v>
      </c>
      <c r="AB45" s="18" t="s">
        <v>217</v>
      </c>
      <c r="AC45" s="174" t="s">
        <v>0</v>
      </c>
      <c r="AG45" s="16"/>
    </row>
    <row r="46" spans="1:33" s="8" customFormat="1" ht="8.25" customHeight="1" x14ac:dyDescent="0.15">
      <c r="B46" s="173"/>
      <c r="C46" s="172"/>
      <c r="D46" s="172"/>
      <c r="E46" s="172"/>
      <c r="F46" s="171"/>
      <c r="G46" s="172"/>
      <c r="H46" s="172"/>
      <c r="I46" s="172"/>
      <c r="J46" s="172"/>
      <c r="K46" s="172"/>
      <c r="L46" s="172"/>
      <c r="M46" s="172"/>
      <c r="N46" s="172"/>
      <c r="O46" s="172"/>
      <c r="P46" s="172"/>
      <c r="Q46" s="172"/>
      <c r="R46" s="172"/>
      <c r="S46" s="172"/>
      <c r="T46" s="172"/>
      <c r="U46" s="172"/>
      <c r="V46" s="172"/>
      <c r="W46" s="172"/>
      <c r="X46" s="172"/>
      <c r="Y46" s="172"/>
      <c r="Z46" s="172"/>
      <c r="AA46" s="173"/>
      <c r="AB46" s="172"/>
      <c r="AC46" s="171"/>
    </row>
    <row r="47" spans="1:33" s="8" customFormat="1" ht="8.25" customHeight="1" x14ac:dyDescent="0.15"/>
    <row r="48" spans="1:33" s="8" customFormat="1" ht="21" customHeight="1" x14ac:dyDescent="0.15">
      <c r="B48" s="789" t="s">
        <v>755</v>
      </c>
      <c r="C48" s="789"/>
      <c r="D48" s="789"/>
      <c r="E48" s="789"/>
      <c r="F48" s="789"/>
      <c r="G48" s="789"/>
      <c r="H48" s="789"/>
      <c r="I48" s="789"/>
      <c r="J48" s="789"/>
      <c r="K48" s="789"/>
      <c r="L48" s="789"/>
      <c r="M48" s="789"/>
      <c r="N48" s="789"/>
      <c r="O48" s="789"/>
      <c r="P48" s="789"/>
      <c r="Q48" s="789"/>
      <c r="R48" s="789"/>
      <c r="S48" s="789"/>
      <c r="T48" s="789"/>
      <c r="U48" s="789"/>
      <c r="V48" s="789"/>
      <c r="W48" s="789"/>
      <c r="X48" s="789"/>
      <c r="Y48" s="789"/>
      <c r="Z48" s="789"/>
      <c r="AA48" s="789"/>
      <c r="AB48" s="789"/>
      <c r="AC48" s="789"/>
    </row>
    <row r="49" spans="2:29" x14ac:dyDescent="0.15">
      <c r="B49" s="6"/>
      <c r="C49" s="6"/>
      <c r="D49" s="6"/>
      <c r="E49" s="6"/>
      <c r="F49" s="6"/>
      <c r="G49" s="6"/>
      <c r="H49" s="6"/>
      <c r="I49" s="6"/>
      <c r="J49" s="6"/>
      <c r="K49" s="6"/>
      <c r="L49" s="6"/>
      <c r="M49" s="6"/>
      <c r="N49" s="6"/>
      <c r="O49" s="6"/>
      <c r="P49" s="6"/>
      <c r="Q49" s="6"/>
      <c r="R49" s="6"/>
      <c r="S49" s="6"/>
      <c r="T49" s="6"/>
      <c r="U49" s="6"/>
      <c r="V49" s="6"/>
      <c r="W49" s="6"/>
      <c r="X49" s="6"/>
      <c r="Y49" s="6"/>
      <c r="Z49" s="6"/>
      <c r="AA49" s="6"/>
      <c r="AB49" s="6"/>
      <c r="AC49" s="6"/>
    </row>
    <row r="50" spans="2:29" x14ac:dyDescent="0.15">
      <c r="B50" s="6"/>
      <c r="C50" s="6"/>
      <c r="D50" s="6"/>
      <c r="E50" s="6"/>
      <c r="F50" s="6"/>
      <c r="G50" s="6"/>
      <c r="H50" s="6"/>
      <c r="I50" s="6"/>
      <c r="J50" s="6"/>
      <c r="K50" s="6"/>
      <c r="L50" s="6"/>
      <c r="M50" s="6"/>
      <c r="N50" s="6"/>
      <c r="O50" s="6"/>
      <c r="P50" s="6"/>
      <c r="Q50" s="6"/>
      <c r="R50" s="6"/>
      <c r="S50" s="6"/>
      <c r="T50" s="6"/>
      <c r="U50" s="6"/>
      <c r="V50" s="6"/>
      <c r="W50" s="6"/>
      <c r="X50" s="6"/>
      <c r="Y50" s="6"/>
      <c r="Z50" s="6"/>
      <c r="AA50" s="6"/>
      <c r="AB50" s="6"/>
      <c r="AC50" s="6"/>
    </row>
    <row r="51" spans="2:29" s="6" customFormat="1" x14ac:dyDescent="0.15">
      <c r="B51" s="140"/>
      <c r="C51" s="3"/>
      <c r="D51" s="3"/>
      <c r="E51" s="3"/>
      <c r="F51" s="3"/>
      <c r="G51" s="3"/>
      <c r="H51" s="3"/>
      <c r="I51" s="3"/>
      <c r="J51" s="3"/>
      <c r="K51" s="3"/>
      <c r="L51" s="3"/>
      <c r="M51" s="3"/>
      <c r="N51" s="3"/>
      <c r="O51" s="3"/>
      <c r="P51" s="3"/>
      <c r="Q51" s="3"/>
      <c r="R51" s="3"/>
      <c r="S51" s="3"/>
      <c r="T51" s="3"/>
      <c r="U51" s="3"/>
      <c r="V51" s="3"/>
      <c r="W51" s="3"/>
      <c r="X51" s="3"/>
      <c r="Y51" s="3"/>
      <c r="Z51" s="3"/>
      <c r="AA51" s="3"/>
      <c r="AB51" s="3"/>
      <c r="AC51" s="3"/>
    </row>
    <row r="52" spans="2:29" s="6" customFormat="1" x14ac:dyDescent="0.15">
      <c r="B52" s="140"/>
      <c r="C52" s="3"/>
      <c r="D52" s="3"/>
      <c r="E52" s="3"/>
      <c r="F52" s="3"/>
      <c r="G52" s="3"/>
      <c r="H52" s="3"/>
      <c r="I52" s="3"/>
      <c r="J52" s="3"/>
      <c r="K52" s="3"/>
      <c r="L52" s="3"/>
      <c r="M52" s="3"/>
      <c r="N52" s="3"/>
      <c r="O52" s="3"/>
      <c r="P52" s="3"/>
      <c r="Q52" s="3"/>
      <c r="R52" s="3"/>
      <c r="S52" s="3"/>
      <c r="T52" s="3"/>
      <c r="U52" s="3"/>
      <c r="V52" s="3"/>
      <c r="W52" s="3"/>
      <c r="X52" s="3"/>
      <c r="Y52" s="3"/>
      <c r="Z52" s="3"/>
      <c r="AA52" s="3"/>
      <c r="AB52" s="3"/>
      <c r="AC52" s="3"/>
    </row>
    <row r="53" spans="2:29" s="6" customFormat="1" x14ac:dyDescent="0.15">
      <c r="B53" s="140"/>
      <c r="C53" s="3"/>
      <c r="D53" s="3"/>
      <c r="E53" s="3"/>
      <c r="F53" s="3"/>
      <c r="G53" s="3"/>
      <c r="H53" s="3"/>
      <c r="I53" s="3"/>
      <c r="J53" s="3"/>
      <c r="K53" s="3"/>
      <c r="L53" s="3"/>
      <c r="M53" s="3"/>
      <c r="N53" s="3"/>
      <c r="O53" s="3"/>
      <c r="P53" s="3"/>
      <c r="Q53" s="3"/>
      <c r="R53" s="3"/>
      <c r="S53" s="3"/>
      <c r="T53" s="3"/>
      <c r="U53" s="3"/>
      <c r="V53" s="3"/>
      <c r="W53" s="3"/>
      <c r="X53" s="3"/>
      <c r="Y53" s="3"/>
      <c r="Z53" s="3"/>
      <c r="AA53" s="3"/>
      <c r="AB53" s="3"/>
      <c r="AC53" s="3"/>
    </row>
    <row r="54" spans="2:29" s="6" customFormat="1" x14ac:dyDescent="0.15">
      <c r="B54" s="140"/>
      <c r="C54" s="3"/>
      <c r="D54" s="3"/>
      <c r="E54" s="3"/>
      <c r="F54" s="3"/>
      <c r="G54" s="3"/>
      <c r="H54" s="3"/>
      <c r="I54" s="3"/>
      <c r="J54" s="3"/>
      <c r="K54" s="3"/>
      <c r="L54" s="3"/>
      <c r="M54" s="3"/>
      <c r="N54" s="3"/>
      <c r="O54" s="3"/>
      <c r="P54" s="3"/>
      <c r="Q54" s="3"/>
      <c r="R54" s="3"/>
      <c r="S54" s="3"/>
      <c r="T54" s="3"/>
      <c r="U54" s="3"/>
      <c r="V54" s="3"/>
      <c r="W54" s="3"/>
      <c r="X54" s="3"/>
      <c r="Y54" s="3"/>
      <c r="Z54" s="3"/>
      <c r="AA54" s="3"/>
      <c r="AB54" s="3"/>
      <c r="AC54" s="3"/>
    </row>
    <row r="55" spans="2:29" s="6" customFormat="1" x14ac:dyDescent="0.15">
      <c r="B55" s="140"/>
      <c r="C55" s="3"/>
      <c r="D55" s="3"/>
      <c r="E55" s="3"/>
      <c r="F55" s="3"/>
      <c r="G55" s="3"/>
      <c r="H55" s="3"/>
      <c r="I55" s="3"/>
      <c r="J55" s="3"/>
      <c r="K55" s="3"/>
      <c r="L55" s="3"/>
      <c r="M55" s="3"/>
      <c r="N55" s="3"/>
      <c r="O55" s="3"/>
      <c r="P55" s="3"/>
      <c r="Q55" s="3"/>
      <c r="R55" s="3"/>
      <c r="S55" s="3"/>
      <c r="T55" s="3"/>
      <c r="U55" s="3"/>
      <c r="V55" s="3"/>
      <c r="W55" s="3"/>
      <c r="X55" s="3"/>
      <c r="Y55" s="3"/>
      <c r="Z55" s="3"/>
      <c r="AA55" s="3"/>
      <c r="AB55" s="3"/>
      <c r="AC55" s="3"/>
    </row>
    <row r="56" spans="2:29" s="6" customFormat="1" x14ac:dyDescent="0.15">
      <c r="B56" s="140"/>
      <c r="C56" s="3"/>
      <c r="D56" s="3"/>
      <c r="E56" s="3"/>
      <c r="F56" s="3"/>
      <c r="G56" s="3"/>
      <c r="H56" s="3"/>
      <c r="I56" s="3"/>
      <c r="J56" s="3"/>
      <c r="K56" s="3"/>
      <c r="L56" s="3"/>
      <c r="M56" s="3"/>
      <c r="N56" s="3"/>
      <c r="O56" s="3"/>
      <c r="P56" s="3"/>
      <c r="Q56" s="3"/>
      <c r="R56" s="3"/>
      <c r="S56" s="3"/>
      <c r="T56" s="3"/>
      <c r="U56" s="3"/>
      <c r="V56" s="3"/>
      <c r="W56" s="3"/>
      <c r="X56" s="3"/>
      <c r="Y56" s="3"/>
      <c r="Z56" s="3"/>
      <c r="AA56" s="3"/>
      <c r="AB56" s="3"/>
      <c r="AC56" s="3"/>
    </row>
    <row r="122" spans="3:7" x14ac:dyDescent="0.15">
      <c r="C122" s="5"/>
      <c r="D122" s="5"/>
      <c r="E122" s="5"/>
      <c r="F122" s="5"/>
      <c r="G122" s="5"/>
    </row>
    <row r="123" spans="3:7" x14ac:dyDescent="0.15">
      <c r="C123" s="4"/>
    </row>
  </sheetData>
  <mergeCells count="53">
    <mergeCell ref="B4:AC4"/>
    <mergeCell ref="B7:F7"/>
    <mergeCell ref="G7:AC7"/>
    <mergeCell ref="B8:F8"/>
    <mergeCell ref="B9:F9"/>
    <mergeCell ref="B20:F20"/>
    <mergeCell ref="I20:R20"/>
    <mergeCell ref="S20:T20"/>
    <mergeCell ref="W20:Y20"/>
    <mergeCell ref="I21:L21"/>
    <mergeCell ref="W13:Y13"/>
    <mergeCell ref="B16:F17"/>
    <mergeCell ref="I16:R16"/>
    <mergeCell ref="S16:T16"/>
    <mergeCell ref="I17:R17"/>
    <mergeCell ref="S17:T17"/>
    <mergeCell ref="W17:Y17"/>
    <mergeCell ref="B12:F13"/>
    <mergeCell ref="I12:R12"/>
    <mergeCell ref="S12:T12"/>
    <mergeCell ref="I13:R13"/>
    <mergeCell ref="S13:T13"/>
    <mergeCell ref="I22:K22"/>
    <mergeCell ref="W22:Y22"/>
    <mergeCell ref="B24:F24"/>
    <mergeCell ref="I24:R24"/>
    <mergeCell ref="W37:Y37"/>
    <mergeCell ref="S24:T24"/>
    <mergeCell ref="I25:R25"/>
    <mergeCell ref="S25:T25"/>
    <mergeCell ref="W25:Y25"/>
    <mergeCell ref="W41:Y41"/>
    <mergeCell ref="B31:F31"/>
    <mergeCell ref="G31:AC31"/>
    <mergeCell ref="B32:F32"/>
    <mergeCell ref="B33:F33"/>
    <mergeCell ref="B36:F37"/>
    <mergeCell ref="I36:R36"/>
    <mergeCell ref="S36:T36"/>
    <mergeCell ref="I37:R37"/>
    <mergeCell ref="S37:T37"/>
    <mergeCell ref="B40:F41"/>
    <mergeCell ref="I40:R40"/>
    <mergeCell ref="S40:T40"/>
    <mergeCell ref="I41:R41"/>
    <mergeCell ref="S41:T41"/>
    <mergeCell ref="B48:AC48"/>
    <mergeCell ref="B44:F44"/>
    <mergeCell ref="I44:R44"/>
    <mergeCell ref="S44:T44"/>
    <mergeCell ref="I45:R45"/>
    <mergeCell ref="S45:T45"/>
    <mergeCell ref="W45:Y45"/>
  </mergeCells>
  <phoneticPr fontId="2"/>
  <dataValidations count="1">
    <dataValidation type="list" allowBlank="1" showInputMessage="1" showErrorMessage="1" sqref="H8:H9 M8 R8 Q9 AA13 AC13 AA17 AC17 AA21:AA22 AC21:AC22 AA25 AC25 H32:H33 M32 R32 AA37 AC37 AA41 AC41 AA45 AC45">
      <formula1>"□,■"</formula1>
    </dataValidation>
  </dataValidations>
  <pageMargins left="0.7" right="0.7" top="0.75" bottom="0.75" header="0.3" footer="0.3"/>
  <pageSetup paperSize="9" scale="77" orientation="portrait" r:id="rId1"/>
  <rowBreaks count="1" manualBreakCount="1">
    <brk id="48" max="16383" man="1"/>
  </rowBreaks>
</worksheet>
</file>

<file path=xl/worksheets/sheet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F123"/>
  <sheetViews>
    <sheetView zoomScaleNormal="100" workbookViewId="0">
      <selection activeCell="C87" sqref="C87"/>
    </sheetView>
  </sheetViews>
  <sheetFormatPr defaultColWidth="3.5" defaultRowHeight="13.5" x14ac:dyDescent="0.15"/>
  <cols>
    <col min="1" max="1" width="1.25" style="3" customWidth="1"/>
    <col min="2" max="2" width="3" style="140" customWidth="1"/>
    <col min="3" max="6" width="3.5" style="3"/>
    <col min="7" max="7" width="1.5" style="3" customWidth="1"/>
    <col min="8" max="23" width="3.5" style="3"/>
    <col min="24" max="29" width="4.625" style="3" customWidth="1"/>
    <col min="30" max="30" width="3" style="3" customWidth="1"/>
    <col min="31" max="31" width="1.25" style="3" customWidth="1"/>
    <col min="32" max="16384" width="3.5" style="3"/>
  </cols>
  <sheetData>
    <row r="1" spans="1:30" s="8" customFormat="1" x14ac:dyDescent="0.15">
      <c r="A1" s="341"/>
    </row>
    <row r="2" spans="1:30" s="8" customFormat="1" x14ac:dyDescent="0.15">
      <c r="B2" s="8" t="s">
        <v>802</v>
      </c>
    </row>
    <row r="3" spans="1:30" s="8" customFormat="1" x14ac:dyDescent="0.15">
      <c r="X3" s="17" t="s">
        <v>12</v>
      </c>
      <c r="Y3" s="18"/>
      <c r="Z3" s="18" t="s">
        <v>11</v>
      </c>
      <c r="AA3" s="18"/>
      <c r="AB3" s="18" t="s">
        <v>10</v>
      </c>
      <c r="AC3" s="18"/>
      <c r="AD3" s="18" t="s">
        <v>20</v>
      </c>
    </row>
    <row r="4" spans="1:30" s="8" customFormat="1" x14ac:dyDescent="0.15">
      <c r="AD4" s="17"/>
    </row>
    <row r="5" spans="1:30" s="8" customFormat="1" ht="27.75" customHeight="1" x14ac:dyDescent="0.15">
      <c r="B5" s="807" t="s">
        <v>801</v>
      </c>
      <c r="C5" s="778"/>
      <c r="D5" s="778"/>
      <c r="E5" s="778"/>
      <c r="F5" s="778"/>
      <c r="G5" s="778"/>
      <c r="H5" s="778"/>
      <c r="I5" s="778"/>
      <c r="J5" s="778"/>
      <c r="K5" s="778"/>
      <c r="L5" s="778"/>
      <c r="M5" s="778"/>
      <c r="N5" s="778"/>
      <c r="O5" s="778"/>
      <c r="P5" s="778"/>
      <c r="Q5" s="778"/>
      <c r="R5" s="778"/>
      <c r="S5" s="778"/>
      <c r="T5" s="778"/>
      <c r="U5" s="778"/>
      <c r="V5" s="778"/>
      <c r="W5" s="778"/>
      <c r="X5" s="778"/>
      <c r="Y5" s="778"/>
      <c r="Z5" s="778"/>
      <c r="AA5" s="778"/>
      <c r="AB5" s="778"/>
      <c r="AC5" s="778"/>
      <c r="AD5" s="778"/>
    </row>
    <row r="6" spans="1:30" s="8" customFormat="1" x14ac:dyDescent="0.15"/>
    <row r="7" spans="1:30" s="8" customFormat="1" ht="39.75" customHeight="1" x14ac:dyDescent="0.15">
      <c r="B7" s="790" t="s">
        <v>576</v>
      </c>
      <c r="C7" s="790"/>
      <c r="D7" s="790"/>
      <c r="E7" s="790"/>
      <c r="F7" s="790"/>
      <c r="G7" s="791"/>
      <c r="H7" s="792"/>
      <c r="I7" s="792"/>
      <c r="J7" s="792"/>
      <c r="K7" s="792"/>
      <c r="L7" s="792"/>
      <c r="M7" s="792"/>
      <c r="N7" s="792"/>
      <c r="O7" s="792"/>
      <c r="P7" s="792"/>
      <c r="Q7" s="792"/>
      <c r="R7" s="792"/>
      <c r="S7" s="792"/>
      <c r="T7" s="792"/>
      <c r="U7" s="792"/>
      <c r="V7" s="792"/>
      <c r="W7" s="792"/>
      <c r="X7" s="792"/>
      <c r="Y7" s="792"/>
      <c r="Z7" s="792"/>
      <c r="AA7" s="792"/>
      <c r="AB7" s="792"/>
      <c r="AC7" s="792"/>
      <c r="AD7" s="793"/>
    </row>
    <row r="8" spans="1:30" ht="39.75" customHeight="1" x14ac:dyDescent="0.15">
      <c r="B8" s="780" t="s">
        <v>575</v>
      </c>
      <c r="C8" s="781"/>
      <c r="D8" s="781"/>
      <c r="E8" s="781"/>
      <c r="F8" s="782"/>
      <c r="G8" s="247"/>
      <c r="H8" s="179" t="s">
        <v>0</v>
      </c>
      <c r="I8" s="168" t="s">
        <v>242</v>
      </c>
      <c r="J8" s="168"/>
      <c r="K8" s="168"/>
      <c r="L8" s="168"/>
      <c r="M8" s="178" t="s">
        <v>0</v>
      </c>
      <c r="N8" s="168" t="s">
        <v>241</v>
      </c>
      <c r="O8" s="168"/>
      <c r="P8" s="168"/>
      <c r="Q8" s="168"/>
      <c r="R8" s="178" t="s">
        <v>0</v>
      </c>
      <c r="S8" s="168" t="s">
        <v>240</v>
      </c>
      <c r="T8" s="168"/>
      <c r="U8" s="168"/>
      <c r="V8" s="168"/>
      <c r="W8" s="168"/>
      <c r="X8" s="168"/>
      <c r="Y8" s="168"/>
      <c r="Z8" s="168"/>
      <c r="AA8" s="168"/>
      <c r="AB8" s="168"/>
      <c r="AC8" s="168"/>
      <c r="AD8" s="167"/>
    </row>
    <row r="9" spans="1:30" ht="39.75" customHeight="1" x14ac:dyDescent="0.15">
      <c r="B9" s="780" t="s">
        <v>800</v>
      </c>
      <c r="C9" s="781"/>
      <c r="D9" s="781"/>
      <c r="E9" s="781"/>
      <c r="F9" s="781"/>
      <c r="G9" s="247"/>
      <c r="H9" s="179" t="s">
        <v>0</v>
      </c>
      <c r="I9" s="168" t="s">
        <v>799</v>
      </c>
      <c r="J9" s="168"/>
      <c r="K9" s="168"/>
      <c r="L9" s="168"/>
      <c r="M9" s="168"/>
      <c r="N9" s="168"/>
      <c r="O9" s="168"/>
      <c r="P9" s="168"/>
      <c r="Q9" s="168"/>
      <c r="R9" s="168"/>
      <c r="S9" s="168"/>
      <c r="T9" s="168"/>
      <c r="U9" s="168"/>
      <c r="V9" s="168"/>
      <c r="W9" s="168"/>
      <c r="X9" s="168"/>
      <c r="Y9" s="168"/>
      <c r="Z9" s="168"/>
      <c r="AA9" s="168"/>
      <c r="AB9" s="168"/>
      <c r="AC9" s="168"/>
      <c r="AD9" s="167"/>
    </row>
    <row r="10" spans="1:30" s="8" customFormat="1" x14ac:dyDescent="0.15"/>
    <row r="11" spans="1:30" s="8" customFormat="1" ht="10.5" customHeight="1" x14ac:dyDescent="0.15">
      <c r="B11" s="158"/>
      <c r="C11" s="157"/>
      <c r="D11" s="157"/>
      <c r="E11" s="157"/>
      <c r="F11" s="157"/>
      <c r="G11" s="157"/>
      <c r="H11" s="157"/>
      <c r="I11" s="157"/>
      <c r="J11" s="157"/>
      <c r="K11" s="157"/>
      <c r="L11" s="157"/>
      <c r="M11" s="157"/>
      <c r="N11" s="157"/>
      <c r="O11" s="157"/>
      <c r="P11" s="157"/>
      <c r="Q11" s="157"/>
      <c r="R11" s="157"/>
      <c r="S11" s="157"/>
      <c r="T11" s="157"/>
      <c r="U11" s="157"/>
      <c r="V11" s="157"/>
      <c r="W11" s="157"/>
      <c r="X11" s="157"/>
      <c r="Y11" s="157"/>
      <c r="Z11" s="157"/>
      <c r="AA11" s="157"/>
      <c r="AB11" s="157"/>
      <c r="AC11" s="157"/>
      <c r="AD11" s="156"/>
    </row>
    <row r="12" spans="1:30" s="8" customFormat="1" ht="10.5" customHeight="1" x14ac:dyDescent="0.15">
      <c r="B12" s="9"/>
      <c r="C12" s="158"/>
      <c r="D12" s="157"/>
      <c r="E12" s="157"/>
      <c r="F12" s="157"/>
      <c r="G12" s="158"/>
      <c r="H12" s="157"/>
      <c r="I12" s="157"/>
      <c r="J12" s="157"/>
      <c r="K12" s="157"/>
      <c r="L12" s="157"/>
      <c r="M12" s="157"/>
      <c r="N12" s="157"/>
      <c r="O12" s="157"/>
      <c r="P12" s="157"/>
      <c r="Q12" s="157"/>
      <c r="R12" s="157"/>
      <c r="S12" s="157"/>
      <c r="T12" s="157"/>
      <c r="U12" s="157"/>
      <c r="V12" s="157"/>
      <c r="W12" s="157"/>
      <c r="X12" s="157"/>
      <c r="Y12" s="157"/>
      <c r="Z12" s="156"/>
      <c r="AA12" s="157"/>
      <c r="AB12" s="157"/>
      <c r="AC12" s="156"/>
      <c r="AD12" s="149"/>
    </row>
    <row r="13" spans="1:30" s="8" customFormat="1" ht="32.25" customHeight="1" x14ac:dyDescent="0.15">
      <c r="B13" s="153"/>
      <c r="C13" s="1027" t="s">
        <v>798</v>
      </c>
      <c r="D13" s="918"/>
      <c r="E13" s="918"/>
      <c r="F13" s="1028"/>
      <c r="H13" s="198" t="s">
        <v>279</v>
      </c>
      <c r="I13" s="1022" t="s">
        <v>797</v>
      </c>
      <c r="J13" s="1023"/>
      <c r="K13" s="1023"/>
      <c r="L13" s="1023"/>
      <c r="M13" s="1023"/>
      <c r="N13" s="1023"/>
      <c r="O13" s="1023"/>
      <c r="P13" s="1023"/>
      <c r="Q13" s="1023"/>
      <c r="R13" s="1023"/>
      <c r="S13" s="780"/>
      <c r="T13" s="781"/>
      <c r="U13" s="176" t="s">
        <v>175</v>
      </c>
      <c r="V13" s="18"/>
      <c r="W13" s="18"/>
      <c r="X13" s="18"/>
      <c r="Y13" s="18"/>
      <c r="AA13" s="9"/>
      <c r="AC13" s="149"/>
      <c r="AD13" s="149"/>
    </row>
    <row r="14" spans="1:30" s="8" customFormat="1" ht="32.25" customHeight="1" x14ac:dyDescent="0.15">
      <c r="B14" s="153"/>
      <c r="C14" s="153"/>
      <c r="D14" s="14"/>
      <c r="E14" s="14"/>
      <c r="F14" s="238"/>
      <c r="H14" s="198" t="s">
        <v>277</v>
      </c>
      <c r="I14" s="1022" t="s">
        <v>796</v>
      </c>
      <c r="J14" s="1023"/>
      <c r="K14" s="1023"/>
      <c r="L14" s="1023"/>
      <c r="M14" s="1023"/>
      <c r="N14" s="1023"/>
      <c r="O14" s="1023"/>
      <c r="P14" s="1023"/>
      <c r="Q14" s="1023"/>
      <c r="R14" s="1023"/>
      <c r="S14" s="780"/>
      <c r="T14" s="781"/>
      <c r="U14" s="176" t="s">
        <v>175</v>
      </c>
      <c r="V14" s="18"/>
      <c r="W14" s="18"/>
      <c r="X14" s="18"/>
      <c r="Y14" s="18"/>
      <c r="AA14" s="340" t="s">
        <v>227</v>
      </c>
      <c r="AB14" s="152" t="s">
        <v>217</v>
      </c>
      <c r="AC14" s="339" t="s">
        <v>226</v>
      </c>
      <c r="AD14" s="149"/>
    </row>
    <row r="15" spans="1:30" s="8" customFormat="1" ht="32.25" customHeight="1" x14ac:dyDescent="0.15">
      <c r="B15" s="9"/>
      <c r="C15" s="9"/>
      <c r="F15" s="149"/>
      <c r="H15" s="198" t="s">
        <v>293</v>
      </c>
      <c r="I15" s="1024" t="s">
        <v>795</v>
      </c>
      <c r="J15" s="1025"/>
      <c r="K15" s="1025"/>
      <c r="L15" s="1025"/>
      <c r="M15" s="1025"/>
      <c r="N15" s="1025"/>
      <c r="O15" s="1025"/>
      <c r="P15" s="1025"/>
      <c r="Q15" s="1025"/>
      <c r="R15" s="1026"/>
      <c r="S15" s="780"/>
      <c r="T15" s="781"/>
      <c r="U15" s="176" t="s">
        <v>339</v>
      </c>
      <c r="V15" s="8" t="s">
        <v>275</v>
      </c>
      <c r="W15" s="993" t="s">
        <v>794</v>
      </c>
      <c r="X15" s="993"/>
      <c r="Y15" s="993"/>
      <c r="Z15" s="154"/>
      <c r="AA15" s="291" t="s">
        <v>0</v>
      </c>
      <c r="AB15" s="178" t="s">
        <v>217</v>
      </c>
      <c r="AC15" s="338" t="s">
        <v>0</v>
      </c>
      <c r="AD15" s="244"/>
    </row>
    <row r="16" spans="1:30" s="8" customFormat="1" x14ac:dyDescent="0.15">
      <c r="B16" s="9"/>
      <c r="C16" s="173"/>
      <c r="D16" s="172"/>
      <c r="E16" s="172"/>
      <c r="F16" s="171"/>
      <c r="G16" s="172"/>
      <c r="H16" s="172"/>
      <c r="I16" s="172"/>
      <c r="J16" s="172"/>
      <c r="K16" s="172"/>
      <c r="L16" s="172"/>
      <c r="M16" s="172"/>
      <c r="N16" s="172"/>
      <c r="O16" s="172"/>
      <c r="P16" s="172"/>
      <c r="Q16" s="172"/>
      <c r="R16" s="172"/>
      <c r="S16" s="172"/>
      <c r="T16" s="172"/>
      <c r="U16" s="172"/>
      <c r="V16" s="172"/>
      <c r="W16" s="172"/>
      <c r="X16" s="172"/>
      <c r="Y16" s="172"/>
      <c r="Z16" s="172"/>
      <c r="AA16" s="173"/>
      <c r="AB16" s="172"/>
      <c r="AC16" s="171"/>
      <c r="AD16" s="149"/>
    </row>
    <row r="17" spans="2:30" s="8" customFormat="1" ht="10.5" customHeight="1" x14ac:dyDescent="0.15">
      <c r="B17" s="9"/>
      <c r="C17" s="158"/>
      <c r="D17" s="157"/>
      <c r="E17" s="157"/>
      <c r="F17" s="157"/>
      <c r="G17" s="158"/>
      <c r="H17" s="157"/>
      <c r="I17" s="157"/>
      <c r="J17" s="157"/>
      <c r="K17" s="157"/>
      <c r="L17" s="157"/>
      <c r="M17" s="157"/>
      <c r="N17" s="157"/>
      <c r="O17" s="157"/>
      <c r="P17" s="157"/>
      <c r="Q17" s="157"/>
      <c r="R17" s="157"/>
      <c r="S17" s="157"/>
      <c r="T17" s="157"/>
      <c r="U17" s="157"/>
      <c r="V17" s="157"/>
      <c r="W17" s="157"/>
      <c r="X17" s="157"/>
      <c r="Y17" s="157"/>
      <c r="Z17" s="156"/>
      <c r="AA17" s="157"/>
      <c r="AB17" s="157"/>
      <c r="AC17" s="156"/>
      <c r="AD17" s="149"/>
    </row>
    <row r="18" spans="2:30" s="8" customFormat="1" ht="27" customHeight="1" x14ac:dyDescent="0.15">
      <c r="B18" s="153"/>
      <c r="C18" s="1027" t="s">
        <v>793</v>
      </c>
      <c r="D18" s="918"/>
      <c r="E18" s="918"/>
      <c r="F18" s="1028"/>
      <c r="H18" s="198" t="s">
        <v>279</v>
      </c>
      <c r="I18" s="1022" t="s">
        <v>792</v>
      </c>
      <c r="J18" s="1023"/>
      <c r="K18" s="1023"/>
      <c r="L18" s="1023"/>
      <c r="M18" s="1023"/>
      <c r="N18" s="1023"/>
      <c r="O18" s="1023"/>
      <c r="P18" s="1023"/>
      <c r="Q18" s="1023"/>
      <c r="R18" s="1023"/>
      <c r="S18" s="780"/>
      <c r="T18" s="781"/>
      <c r="U18" s="176" t="s">
        <v>791</v>
      </c>
      <c r="V18" s="18"/>
      <c r="W18" s="18"/>
      <c r="X18" s="18"/>
      <c r="Y18" s="18"/>
      <c r="AA18" s="9"/>
      <c r="AC18" s="149"/>
      <c r="AD18" s="149"/>
    </row>
    <row r="19" spans="2:30" s="8" customFormat="1" ht="27" customHeight="1" x14ac:dyDescent="0.15">
      <c r="B19" s="153"/>
      <c r="C19" s="1027"/>
      <c r="D19" s="918"/>
      <c r="E19" s="918"/>
      <c r="F19" s="1028"/>
      <c r="H19" s="198" t="s">
        <v>277</v>
      </c>
      <c r="I19" s="1022" t="s">
        <v>790</v>
      </c>
      <c r="J19" s="1023"/>
      <c r="K19" s="1023"/>
      <c r="L19" s="1023"/>
      <c r="M19" s="1023"/>
      <c r="N19" s="1023"/>
      <c r="O19" s="1023"/>
      <c r="P19" s="1023"/>
      <c r="Q19" s="1023"/>
      <c r="R19" s="1023"/>
      <c r="S19" s="780"/>
      <c r="T19" s="781"/>
      <c r="U19" s="176" t="s">
        <v>175</v>
      </c>
      <c r="V19" s="18"/>
      <c r="W19" s="18"/>
      <c r="X19" s="18"/>
      <c r="Y19" s="18"/>
      <c r="AA19" s="9"/>
      <c r="AC19" s="149"/>
      <c r="AD19" s="149"/>
    </row>
    <row r="20" spans="2:30" s="8" customFormat="1" ht="27" customHeight="1" x14ac:dyDescent="0.15">
      <c r="B20" s="153"/>
      <c r="C20" s="153"/>
      <c r="D20" s="14"/>
      <c r="E20" s="14"/>
      <c r="F20" s="238"/>
      <c r="H20" s="198" t="s">
        <v>293</v>
      </c>
      <c r="I20" s="1022" t="s">
        <v>789</v>
      </c>
      <c r="J20" s="1023"/>
      <c r="K20" s="1023"/>
      <c r="L20" s="1023"/>
      <c r="M20" s="1023"/>
      <c r="N20" s="1023"/>
      <c r="O20" s="1023"/>
      <c r="P20" s="1023"/>
      <c r="Q20" s="1023"/>
      <c r="R20" s="1023"/>
      <c r="S20" s="780"/>
      <c r="T20" s="781"/>
      <c r="U20" s="176" t="s">
        <v>175</v>
      </c>
      <c r="V20" s="18"/>
      <c r="W20" s="18"/>
      <c r="X20" s="18"/>
      <c r="Y20" s="18"/>
      <c r="AA20" s="340" t="s">
        <v>227</v>
      </c>
      <c r="AB20" s="152" t="s">
        <v>217</v>
      </c>
      <c r="AC20" s="339" t="s">
        <v>226</v>
      </c>
      <c r="AD20" s="149"/>
    </row>
    <row r="21" spans="2:30" s="8" customFormat="1" ht="27" customHeight="1" x14ac:dyDescent="0.15">
      <c r="B21" s="9"/>
      <c r="C21" s="9"/>
      <c r="F21" s="149"/>
      <c r="H21" s="198" t="s">
        <v>513</v>
      </c>
      <c r="I21" s="1024" t="s">
        <v>788</v>
      </c>
      <c r="J21" s="1025"/>
      <c r="K21" s="1025"/>
      <c r="L21" s="1025"/>
      <c r="M21" s="1025"/>
      <c r="N21" s="1025"/>
      <c r="O21" s="1025"/>
      <c r="P21" s="1025"/>
      <c r="Q21" s="1025"/>
      <c r="R21" s="1026"/>
      <c r="S21" s="780"/>
      <c r="T21" s="781"/>
      <c r="U21" s="176" t="s">
        <v>339</v>
      </c>
      <c r="V21" s="8" t="s">
        <v>275</v>
      </c>
      <c r="W21" s="993" t="s">
        <v>787</v>
      </c>
      <c r="X21" s="993"/>
      <c r="Y21" s="993"/>
      <c r="Z21" s="154"/>
      <c r="AA21" s="291" t="s">
        <v>0</v>
      </c>
      <c r="AB21" s="178" t="s">
        <v>217</v>
      </c>
      <c r="AC21" s="338" t="s">
        <v>0</v>
      </c>
      <c r="AD21" s="244"/>
    </row>
    <row r="22" spans="2:30" s="8" customFormat="1" x14ac:dyDescent="0.15">
      <c r="B22" s="9"/>
      <c r="C22" s="173"/>
      <c r="D22" s="172"/>
      <c r="E22" s="172"/>
      <c r="F22" s="171"/>
      <c r="G22" s="172"/>
      <c r="H22" s="172"/>
      <c r="I22" s="172"/>
      <c r="J22" s="172"/>
      <c r="K22" s="172"/>
      <c r="L22" s="172"/>
      <c r="M22" s="172"/>
      <c r="N22" s="172"/>
      <c r="O22" s="172"/>
      <c r="P22" s="172"/>
      <c r="Q22" s="172"/>
      <c r="R22" s="172"/>
      <c r="S22" s="172"/>
      <c r="T22" s="172"/>
      <c r="U22" s="172"/>
      <c r="V22" s="172"/>
      <c r="W22" s="172"/>
      <c r="X22" s="172"/>
      <c r="Y22" s="172"/>
      <c r="Z22" s="172"/>
      <c r="AA22" s="173"/>
      <c r="AB22" s="172"/>
      <c r="AC22" s="171"/>
      <c r="AD22" s="149"/>
    </row>
    <row r="23" spans="2:30" s="8" customFormat="1" x14ac:dyDescent="0.15">
      <c r="B23" s="173"/>
      <c r="C23" s="172"/>
      <c r="D23" s="172"/>
      <c r="E23" s="172"/>
      <c r="F23" s="172"/>
      <c r="G23" s="172"/>
      <c r="H23" s="172"/>
      <c r="I23" s="172"/>
      <c r="J23" s="172"/>
      <c r="K23" s="172"/>
      <c r="L23" s="172"/>
      <c r="M23" s="172"/>
      <c r="N23" s="172"/>
      <c r="O23" s="172"/>
      <c r="P23" s="172"/>
      <c r="Q23" s="172"/>
      <c r="R23" s="172"/>
      <c r="S23" s="172"/>
      <c r="T23" s="172"/>
      <c r="U23" s="172"/>
      <c r="V23" s="172"/>
      <c r="W23" s="172"/>
      <c r="X23" s="172"/>
      <c r="Y23" s="172"/>
      <c r="Z23" s="172"/>
      <c r="AA23" s="172"/>
      <c r="AB23" s="172"/>
      <c r="AC23" s="172"/>
      <c r="AD23" s="171"/>
    </row>
    <row r="24" spans="2:30" s="8" customFormat="1" ht="7.5" customHeight="1" x14ac:dyDescent="0.15">
      <c r="B24" s="789"/>
      <c r="C24" s="789"/>
      <c r="D24" s="789"/>
      <c r="E24" s="789"/>
      <c r="F24" s="789"/>
      <c r="G24" s="789"/>
      <c r="H24" s="789"/>
      <c r="I24" s="789"/>
      <c r="J24" s="789"/>
      <c r="K24" s="789"/>
      <c r="L24" s="789"/>
      <c r="M24" s="789"/>
      <c r="N24" s="789"/>
      <c r="O24" s="789"/>
      <c r="P24" s="789"/>
      <c r="Q24" s="789"/>
      <c r="R24" s="789"/>
      <c r="S24" s="789"/>
      <c r="T24" s="789"/>
      <c r="U24" s="789"/>
      <c r="V24" s="789"/>
      <c r="W24" s="789"/>
      <c r="X24" s="789"/>
      <c r="Y24" s="789"/>
      <c r="Z24" s="789"/>
      <c r="AA24" s="789"/>
      <c r="AB24" s="789"/>
      <c r="AC24" s="789"/>
      <c r="AD24" s="789"/>
    </row>
    <row r="25" spans="2:30" s="8" customFormat="1" ht="89.25" customHeight="1" x14ac:dyDescent="0.15">
      <c r="B25" s="803" t="s">
        <v>786</v>
      </c>
      <c r="C25" s="803"/>
      <c r="D25" s="827" t="s">
        <v>785</v>
      </c>
      <c r="E25" s="827"/>
      <c r="F25" s="827"/>
      <c r="G25" s="827"/>
      <c r="H25" s="827"/>
      <c r="I25" s="827"/>
      <c r="J25" s="827"/>
      <c r="K25" s="827"/>
      <c r="L25" s="827"/>
      <c r="M25" s="827"/>
      <c r="N25" s="827"/>
      <c r="O25" s="827"/>
      <c r="P25" s="827"/>
      <c r="Q25" s="827"/>
      <c r="R25" s="827"/>
      <c r="S25" s="827"/>
      <c r="T25" s="827"/>
      <c r="U25" s="827"/>
      <c r="V25" s="827"/>
      <c r="W25" s="827"/>
      <c r="X25" s="827"/>
      <c r="Y25" s="827"/>
      <c r="Z25" s="827"/>
      <c r="AA25" s="827"/>
      <c r="AB25" s="827"/>
      <c r="AC25" s="827"/>
      <c r="AD25" s="154"/>
    </row>
    <row r="26" spans="2:30" s="8" customFormat="1" ht="43.5" customHeight="1" x14ac:dyDescent="0.15">
      <c r="B26" s="809" t="s">
        <v>784</v>
      </c>
      <c r="C26" s="809"/>
      <c r="D26" s="789" t="s">
        <v>783</v>
      </c>
      <c r="E26" s="789"/>
      <c r="F26" s="789"/>
      <c r="G26" s="789"/>
      <c r="H26" s="789"/>
      <c r="I26" s="789"/>
      <c r="J26" s="789"/>
      <c r="K26" s="789"/>
      <c r="L26" s="789"/>
      <c r="M26" s="789"/>
      <c r="N26" s="789"/>
      <c r="O26" s="789"/>
      <c r="P26" s="789"/>
      <c r="Q26" s="789"/>
      <c r="R26" s="789"/>
      <c r="S26" s="789"/>
      <c r="T26" s="789"/>
      <c r="U26" s="789"/>
      <c r="V26" s="789"/>
      <c r="W26" s="789"/>
      <c r="X26" s="789"/>
      <c r="Y26" s="789"/>
      <c r="Z26" s="789"/>
      <c r="AA26" s="789"/>
      <c r="AB26" s="789"/>
      <c r="AC26" s="789"/>
      <c r="AD26" s="14"/>
    </row>
    <row r="27" spans="2:30" s="8" customFormat="1" ht="50.25" customHeight="1" x14ac:dyDescent="0.15">
      <c r="B27" s="789" t="s">
        <v>782</v>
      </c>
      <c r="C27" s="789"/>
      <c r="D27" s="789"/>
      <c r="E27" s="789"/>
      <c r="F27" s="789"/>
      <c r="G27" s="789"/>
      <c r="H27" s="789"/>
      <c r="I27" s="789"/>
      <c r="J27" s="789"/>
      <c r="K27" s="789"/>
      <c r="L27" s="789"/>
      <c r="M27" s="789"/>
      <c r="N27" s="789"/>
      <c r="O27" s="789"/>
      <c r="P27" s="789"/>
      <c r="Q27" s="789"/>
      <c r="R27" s="789"/>
      <c r="S27" s="789"/>
      <c r="T27" s="789"/>
      <c r="U27" s="789"/>
      <c r="V27" s="789"/>
      <c r="W27" s="789"/>
      <c r="X27" s="789"/>
      <c r="Y27" s="789"/>
      <c r="Z27" s="789"/>
      <c r="AA27" s="789"/>
      <c r="AB27" s="789"/>
      <c r="AC27" s="789"/>
      <c r="AD27" s="789"/>
    </row>
    <row r="28" spans="2:30" s="8" customFormat="1" x14ac:dyDescent="0.15">
      <c r="B28" s="789"/>
      <c r="C28" s="789"/>
      <c r="D28" s="789"/>
      <c r="E28" s="789"/>
      <c r="F28" s="789"/>
      <c r="G28" s="789"/>
      <c r="H28" s="789"/>
      <c r="I28" s="789"/>
      <c r="J28" s="789"/>
      <c r="K28" s="789"/>
      <c r="L28" s="789"/>
      <c r="M28" s="789"/>
      <c r="N28" s="789"/>
      <c r="O28" s="789"/>
      <c r="P28" s="789"/>
      <c r="Q28" s="789"/>
      <c r="R28" s="789"/>
      <c r="S28" s="789"/>
      <c r="T28" s="789"/>
      <c r="U28" s="789"/>
      <c r="V28" s="789"/>
      <c r="W28" s="789"/>
      <c r="X28" s="789"/>
      <c r="Y28" s="789"/>
      <c r="Z28" s="789"/>
      <c r="AA28" s="789"/>
      <c r="AB28" s="789"/>
      <c r="AC28" s="789"/>
      <c r="AD28" s="789"/>
    </row>
    <row r="29" spans="2:30" s="6" customFormat="1" x14ac:dyDescent="0.15"/>
    <row r="30" spans="2:30" x14ac:dyDescent="0.15">
      <c r="B30" s="6"/>
      <c r="C30" s="6"/>
      <c r="D30" s="6"/>
      <c r="E30" s="6"/>
      <c r="F30" s="6"/>
      <c r="G30" s="6"/>
      <c r="H30" s="6"/>
      <c r="I30" s="6"/>
      <c r="J30" s="6"/>
      <c r="K30" s="6"/>
      <c r="L30" s="6"/>
      <c r="M30" s="6"/>
      <c r="N30" s="6"/>
      <c r="O30" s="6"/>
      <c r="P30" s="6"/>
      <c r="Q30" s="6"/>
      <c r="R30" s="6"/>
      <c r="S30" s="6"/>
      <c r="T30" s="6"/>
      <c r="U30" s="6"/>
      <c r="V30" s="6"/>
      <c r="W30" s="6"/>
      <c r="X30" s="6"/>
      <c r="Y30" s="6"/>
      <c r="Z30" s="6"/>
      <c r="AA30" s="6"/>
      <c r="AB30" s="6"/>
      <c r="AC30" s="6"/>
      <c r="AD30" s="6"/>
    </row>
    <row r="31" spans="2:30" x14ac:dyDescent="0.15">
      <c r="B31" s="6"/>
      <c r="C31" s="6"/>
      <c r="D31" s="6"/>
      <c r="E31" s="6"/>
      <c r="F31" s="6"/>
      <c r="G31" s="6"/>
      <c r="H31" s="6"/>
      <c r="I31" s="6"/>
      <c r="J31" s="6"/>
      <c r="K31" s="6"/>
      <c r="L31" s="6"/>
      <c r="M31" s="6"/>
      <c r="N31" s="6"/>
      <c r="O31" s="6"/>
      <c r="P31" s="6"/>
      <c r="Q31" s="6"/>
      <c r="R31" s="6"/>
      <c r="S31" s="6"/>
      <c r="T31" s="6"/>
      <c r="U31" s="6"/>
      <c r="V31" s="6"/>
      <c r="W31" s="6"/>
      <c r="X31" s="6"/>
      <c r="Y31" s="6"/>
      <c r="Z31" s="6"/>
      <c r="AA31" s="6"/>
      <c r="AB31" s="6"/>
      <c r="AC31" s="6"/>
      <c r="AD31" s="6"/>
    </row>
    <row r="32" spans="2:30" s="6" customFormat="1" x14ac:dyDescent="0.15">
      <c r="B32" s="140"/>
      <c r="C32" s="3"/>
      <c r="D32" s="3"/>
      <c r="E32" s="3"/>
      <c r="F32" s="3"/>
      <c r="G32" s="3"/>
      <c r="H32" s="3"/>
      <c r="I32" s="3"/>
      <c r="J32" s="3"/>
      <c r="K32" s="3"/>
      <c r="L32" s="3"/>
      <c r="M32" s="3"/>
      <c r="N32" s="3"/>
      <c r="O32" s="3"/>
      <c r="P32" s="3"/>
      <c r="Q32" s="3"/>
      <c r="R32" s="3"/>
      <c r="S32" s="3"/>
      <c r="T32" s="3"/>
      <c r="U32" s="3"/>
      <c r="V32" s="3"/>
      <c r="W32" s="3"/>
      <c r="X32" s="3"/>
      <c r="Y32" s="3"/>
      <c r="Z32" s="3"/>
      <c r="AA32" s="3"/>
      <c r="AB32" s="3"/>
      <c r="AC32" s="3"/>
      <c r="AD32" s="3"/>
    </row>
    <row r="33" spans="2:32" s="6" customFormat="1" x14ac:dyDescent="0.15">
      <c r="B33" s="140"/>
      <c r="C33" s="3"/>
      <c r="D33" s="3"/>
      <c r="E33" s="3"/>
      <c r="F33" s="3"/>
      <c r="G33" s="3"/>
      <c r="H33" s="3"/>
      <c r="I33" s="3"/>
      <c r="J33" s="3"/>
      <c r="K33" s="3"/>
      <c r="L33" s="3"/>
      <c r="M33" s="3"/>
      <c r="N33" s="3"/>
      <c r="O33" s="3"/>
      <c r="P33" s="3"/>
      <c r="Q33" s="3"/>
      <c r="R33" s="3"/>
      <c r="S33" s="3"/>
      <c r="T33" s="3"/>
      <c r="U33" s="3"/>
      <c r="V33" s="3"/>
      <c r="W33" s="3"/>
      <c r="X33" s="3"/>
      <c r="Y33" s="3"/>
      <c r="Z33" s="3"/>
      <c r="AA33" s="3"/>
      <c r="AB33" s="3"/>
      <c r="AC33" s="3"/>
      <c r="AD33" s="3"/>
    </row>
    <row r="34" spans="2:32" s="6" customFormat="1" x14ac:dyDescent="0.15">
      <c r="B34" s="140"/>
      <c r="C34" s="3"/>
      <c r="D34" s="3"/>
      <c r="E34" s="3"/>
      <c r="F34" s="3"/>
      <c r="G34" s="3"/>
      <c r="H34" s="3"/>
      <c r="I34" s="3"/>
      <c r="J34" s="3"/>
      <c r="K34" s="3"/>
      <c r="L34" s="3"/>
      <c r="M34" s="3"/>
      <c r="N34" s="3"/>
      <c r="O34" s="3"/>
      <c r="P34" s="3"/>
      <c r="Q34" s="3"/>
      <c r="R34" s="3"/>
      <c r="S34" s="3"/>
      <c r="T34" s="3"/>
      <c r="U34" s="3"/>
      <c r="V34" s="3"/>
      <c r="W34" s="3"/>
      <c r="X34" s="3"/>
      <c r="Y34" s="3"/>
      <c r="Z34" s="3"/>
      <c r="AA34" s="3"/>
      <c r="AB34" s="3"/>
      <c r="AC34" s="3"/>
      <c r="AD34" s="3"/>
    </row>
    <row r="35" spans="2:32" s="6" customFormat="1" x14ac:dyDescent="0.15">
      <c r="B35" s="140"/>
      <c r="C35" s="3"/>
      <c r="D35" s="3"/>
      <c r="E35" s="3"/>
      <c r="F35" s="3"/>
      <c r="G35" s="3"/>
      <c r="H35" s="3"/>
      <c r="I35" s="3"/>
      <c r="J35" s="3"/>
      <c r="K35" s="3"/>
      <c r="L35" s="3"/>
      <c r="M35" s="3"/>
      <c r="N35" s="3"/>
      <c r="O35" s="3"/>
      <c r="P35" s="3"/>
      <c r="Q35" s="3"/>
      <c r="R35" s="3"/>
      <c r="S35" s="3"/>
      <c r="T35" s="3"/>
      <c r="U35" s="3"/>
      <c r="V35" s="3"/>
      <c r="W35" s="3"/>
      <c r="X35" s="3"/>
      <c r="Y35" s="3"/>
      <c r="Z35" s="3"/>
      <c r="AA35" s="3"/>
      <c r="AB35" s="3"/>
      <c r="AC35" s="3"/>
      <c r="AD35" s="3"/>
    </row>
    <row r="36" spans="2:32" s="6" customFormat="1" x14ac:dyDescent="0.15">
      <c r="B36" s="140"/>
      <c r="C36" s="3"/>
      <c r="D36" s="3"/>
      <c r="E36" s="3"/>
      <c r="F36" s="3"/>
      <c r="G36" s="3"/>
      <c r="H36" s="3"/>
      <c r="I36" s="3"/>
      <c r="J36" s="3"/>
      <c r="K36" s="3"/>
      <c r="L36" s="3"/>
      <c r="M36" s="3"/>
      <c r="N36" s="3"/>
      <c r="O36" s="3"/>
      <c r="P36" s="3"/>
      <c r="Q36" s="3"/>
      <c r="R36" s="3"/>
      <c r="S36" s="3"/>
      <c r="T36" s="3"/>
      <c r="U36" s="3"/>
      <c r="V36" s="3"/>
      <c r="W36" s="3"/>
      <c r="X36" s="3"/>
      <c r="Y36" s="3"/>
      <c r="Z36" s="3"/>
      <c r="AA36" s="3"/>
      <c r="AB36" s="3"/>
      <c r="AC36" s="3"/>
      <c r="AD36" s="3"/>
    </row>
    <row r="37" spans="2:32" s="6" customFormat="1" x14ac:dyDescent="0.15">
      <c r="B37" s="140"/>
      <c r="C37" s="3"/>
      <c r="D37" s="3"/>
      <c r="E37" s="3"/>
      <c r="F37" s="3"/>
      <c r="G37" s="3"/>
      <c r="H37" s="3"/>
      <c r="I37" s="3"/>
      <c r="J37" s="3"/>
      <c r="K37" s="3"/>
      <c r="L37" s="3"/>
      <c r="M37" s="3"/>
      <c r="N37" s="3"/>
      <c r="O37" s="3"/>
      <c r="P37" s="3"/>
      <c r="Q37" s="3"/>
      <c r="R37" s="3"/>
      <c r="S37" s="3"/>
      <c r="T37" s="3"/>
      <c r="U37" s="3"/>
      <c r="V37" s="3"/>
      <c r="W37" s="3"/>
      <c r="X37" s="3"/>
      <c r="Y37" s="3"/>
      <c r="Z37" s="3"/>
      <c r="AA37" s="3"/>
      <c r="AB37" s="3"/>
      <c r="AC37" s="3"/>
      <c r="AD37" s="3"/>
    </row>
    <row r="38" spans="2:32" x14ac:dyDescent="0.15">
      <c r="C38" s="5"/>
      <c r="D38" s="5"/>
      <c r="E38" s="5"/>
      <c r="F38" s="5"/>
      <c r="G38" s="5"/>
      <c r="H38" s="5"/>
      <c r="I38" s="5"/>
      <c r="J38" s="5"/>
      <c r="K38" s="5"/>
      <c r="L38" s="5"/>
      <c r="M38" s="5"/>
      <c r="N38" s="5"/>
      <c r="O38" s="5"/>
      <c r="P38" s="5"/>
      <c r="Q38" s="5"/>
      <c r="R38" s="5"/>
      <c r="S38" s="5"/>
      <c r="T38" s="5"/>
      <c r="U38" s="5"/>
      <c r="V38" s="5"/>
      <c r="W38" s="5"/>
      <c r="X38" s="5"/>
      <c r="Y38" s="5"/>
      <c r="Z38" s="5"/>
      <c r="AA38" s="5"/>
      <c r="AB38" s="5"/>
      <c r="AC38" s="5"/>
      <c r="AD38" s="5"/>
      <c r="AE38" s="5"/>
      <c r="AF38" s="5"/>
    </row>
    <row r="39" spans="2:32" x14ac:dyDescent="0.15">
      <c r="C39" s="4"/>
    </row>
    <row r="122" spans="3:7" x14ac:dyDescent="0.15">
      <c r="C122" s="5"/>
      <c r="D122" s="5"/>
      <c r="E122" s="5"/>
      <c r="F122" s="5"/>
      <c r="G122" s="5"/>
    </row>
    <row r="123" spans="3:7" x14ac:dyDescent="0.15">
      <c r="C123" s="4"/>
    </row>
  </sheetData>
  <mergeCells count="30">
    <mergeCell ref="C18:F19"/>
    <mergeCell ref="I18:R18"/>
    <mergeCell ref="S18:T18"/>
    <mergeCell ref="B5:AD5"/>
    <mergeCell ref="B7:F7"/>
    <mergeCell ref="G7:AD7"/>
    <mergeCell ref="B8:F8"/>
    <mergeCell ref="B9:F9"/>
    <mergeCell ref="I19:R19"/>
    <mergeCell ref="S19:T19"/>
    <mergeCell ref="C13:F13"/>
    <mergeCell ref="I13:R13"/>
    <mergeCell ref="S13:T13"/>
    <mergeCell ref="I14:R14"/>
    <mergeCell ref="S14:T14"/>
    <mergeCell ref="I15:R15"/>
    <mergeCell ref="S15:T15"/>
    <mergeCell ref="W15:Y15"/>
    <mergeCell ref="B28:AD28"/>
    <mergeCell ref="I20:R20"/>
    <mergeCell ref="S20:T20"/>
    <mergeCell ref="I21:R21"/>
    <mergeCell ref="S21:T21"/>
    <mergeCell ref="W21:Y21"/>
    <mergeCell ref="B24:AD24"/>
    <mergeCell ref="B25:C25"/>
    <mergeCell ref="D25:AC25"/>
    <mergeCell ref="B26:C26"/>
    <mergeCell ref="D26:AC26"/>
    <mergeCell ref="B27:AD27"/>
  </mergeCells>
  <phoneticPr fontId="2"/>
  <dataValidations count="1">
    <dataValidation type="list" allowBlank="1" showInputMessage="1" showErrorMessage="1" sqref="H8:H9 M8 R8 AA15 AC15 AA21 AC21">
      <formula1>"□,■"</formula1>
    </dataValidation>
  </dataValidations>
  <pageMargins left="0.7" right="0.7" top="0.75" bottom="0.75" header="0.3" footer="0.3"/>
  <pageSetup paperSize="9" scale="83"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AF969"/>
  <sheetViews>
    <sheetView zoomScale="70" zoomScaleNormal="70" zoomScaleSheetLayoutView="145" workbookViewId="0">
      <selection activeCell="AS6" sqref="AS6"/>
    </sheetView>
  </sheetViews>
  <sheetFormatPr defaultColWidth="4" defaultRowHeight="17.25" x14ac:dyDescent="0.15"/>
  <cols>
    <col min="1" max="1" width="1.5" style="21" customWidth="1"/>
    <col min="2" max="12" width="3.25" style="21" customWidth="1"/>
    <col min="13" max="13" width="13" style="21" customWidth="1"/>
    <col min="14" max="14" width="4.125" style="21" bestFit="1" customWidth="1"/>
    <col min="15" max="32" width="3.25" style="21" customWidth="1"/>
    <col min="33" max="33" width="1.5" style="21" customWidth="1"/>
    <col min="34" max="36" width="3.25" style="21" customWidth="1"/>
    <col min="37" max="16384" width="4" style="21"/>
  </cols>
  <sheetData>
    <row r="2" spans="1:32" x14ac:dyDescent="0.15">
      <c r="B2" s="21" t="s">
        <v>69</v>
      </c>
    </row>
    <row r="4" spans="1:32" x14ac:dyDescent="0.15">
      <c r="W4" s="26" t="s">
        <v>12</v>
      </c>
      <c r="X4" s="658"/>
      <c r="Y4" s="658"/>
      <c r="Z4" s="27" t="s">
        <v>11</v>
      </c>
      <c r="AA4" s="658"/>
      <c r="AB4" s="658"/>
      <c r="AC4" s="27" t="s">
        <v>10</v>
      </c>
      <c r="AD4" s="658"/>
      <c r="AE4" s="658"/>
      <c r="AF4" s="27" t="s">
        <v>44</v>
      </c>
    </row>
    <row r="5" spans="1:32" x14ac:dyDescent="0.15">
      <c r="B5" s="658"/>
      <c r="C5" s="658"/>
      <c r="D5" s="658"/>
      <c r="E5" s="658"/>
      <c r="F5" s="658"/>
      <c r="G5" s="658" t="s">
        <v>68</v>
      </c>
      <c r="H5" s="658"/>
      <c r="I5" s="658"/>
      <c r="J5" s="658"/>
      <c r="K5" s="27" t="s">
        <v>8</v>
      </c>
    </row>
    <row r="6" spans="1:32" x14ac:dyDescent="0.15">
      <c r="B6" s="27"/>
      <c r="C6" s="27"/>
      <c r="D6" s="27"/>
      <c r="E6" s="27"/>
      <c r="F6" s="27"/>
      <c r="G6" s="27"/>
      <c r="H6" s="27"/>
      <c r="I6" s="27"/>
      <c r="J6" s="27"/>
      <c r="K6" s="27"/>
    </row>
    <row r="7" spans="1:32" x14ac:dyDescent="0.15">
      <c r="S7" s="26" t="s">
        <v>60</v>
      </c>
      <c r="T7" s="657"/>
      <c r="U7" s="657"/>
      <c r="V7" s="657"/>
      <c r="W7" s="657"/>
      <c r="X7" s="657"/>
      <c r="Y7" s="657"/>
      <c r="Z7" s="657"/>
      <c r="AA7" s="657"/>
      <c r="AB7" s="657"/>
      <c r="AC7" s="657"/>
      <c r="AD7" s="657"/>
      <c r="AE7" s="657"/>
      <c r="AF7" s="657"/>
    </row>
    <row r="9" spans="1:32" ht="20.25" customHeight="1" x14ac:dyDescent="0.15">
      <c r="B9" s="651" t="s">
        <v>67</v>
      </c>
      <c r="C9" s="651"/>
      <c r="D9" s="651"/>
      <c r="E9" s="651"/>
      <c r="F9" s="651"/>
      <c r="G9" s="651"/>
      <c r="H9" s="651"/>
      <c r="I9" s="651"/>
      <c r="J9" s="651"/>
      <c r="K9" s="651"/>
      <c r="L9" s="651"/>
      <c r="M9" s="651"/>
      <c r="N9" s="651"/>
      <c r="O9" s="651"/>
      <c r="P9" s="651"/>
      <c r="Q9" s="651"/>
      <c r="R9" s="651"/>
      <c r="S9" s="651"/>
      <c r="T9" s="651"/>
      <c r="U9" s="651"/>
      <c r="V9" s="651"/>
      <c r="W9" s="651"/>
      <c r="X9" s="651"/>
      <c r="Y9" s="651"/>
      <c r="Z9" s="651"/>
      <c r="AA9" s="651"/>
      <c r="AB9" s="651"/>
      <c r="AC9" s="651"/>
      <c r="AD9" s="651"/>
      <c r="AE9" s="651"/>
      <c r="AF9" s="651"/>
    </row>
    <row r="10" spans="1:32" ht="20.25" customHeight="1" x14ac:dyDescent="0.15">
      <c r="B10" s="651"/>
      <c r="C10" s="651"/>
      <c r="D10" s="651"/>
      <c r="E10" s="651"/>
      <c r="F10" s="651"/>
      <c r="G10" s="651"/>
      <c r="H10" s="651"/>
      <c r="I10" s="651"/>
      <c r="J10" s="651"/>
      <c r="K10" s="651"/>
      <c r="L10" s="651"/>
      <c r="M10" s="651"/>
      <c r="N10" s="651"/>
      <c r="O10" s="651"/>
      <c r="P10" s="651"/>
      <c r="Q10" s="651"/>
      <c r="R10" s="651"/>
      <c r="S10" s="651"/>
      <c r="T10" s="651"/>
      <c r="U10" s="651"/>
      <c r="V10" s="651"/>
      <c r="W10" s="651"/>
      <c r="X10" s="651"/>
      <c r="Y10" s="651"/>
      <c r="Z10" s="651"/>
      <c r="AA10" s="651"/>
      <c r="AB10" s="651"/>
      <c r="AC10" s="651"/>
      <c r="AD10" s="651"/>
      <c r="AE10" s="651"/>
      <c r="AF10" s="651"/>
    </row>
    <row r="11" spans="1:32" x14ac:dyDescent="0.15">
      <c r="B11" s="45"/>
      <c r="C11" s="45"/>
      <c r="D11" s="45"/>
      <c r="E11" s="45"/>
      <c r="F11" s="45"/>
      <c r="G11" s="45"/>
      <c r="H11" s="45"/>
      <c r="I11" s="45"/>
      <c r="J11" s="45"/>
      <c r="K11" s="45"/>
      <c r="L11" s="45"/>
      <c r="M11" s="45"/>
      <c r="N11" s="45"/>
      <c r="O11" s="45"/>
      <c r="P11" s="45"/>
      <c r="Q11" s="45"/>
      <c r="R11" s="45"/>
      <c r="S11" s="45"/>
      <c r="T11" s="45"/>
      <c r="U11" s="45"/>
      <c r="V11" s="45"/>
      <c r="W11" s="45"/>
      <c r="X11" s="45"/>
      <c r="Y11" s="45"/>
      <c r="Z11" s="45"/>
      <c r="AA11" s="45"/>
    </row>
    <row r="12" spans="1:32" x14ac:dyDescent="0.15">
      <c r="A12" s="21" t="s">
        <v>58</v>
      </c>
    </row>
    <row r="14" spans="1:32" ht="36" customHeight="1" x14ac:dyDescent="0.15">
      <c r="R14" s="639" t="s">
        <v>57</v>
      </c>
      <c r="S14" s="640"/>
      <c r="T14" s="640"/>
      <c r="U14" s="640"/>
      <c r="V14" s="653"/>
      <c r="W14" s="44"/>
      <c r="X14" s="43"/>
      <c r="Y14" s="43"/>
      <c r="Z14" s="43"/>
      <c r="AA14" s="43"/>
      <c r="AB14" s="43"/>
      <c r="AC14" s="43"/>
      <c r="AD14" s="43"/>
      <c r="AE14" s="43"/>
      <c r="AF14" s="42"/>
    </row>
    <row r="15" spans="1:32" ht="13.5" customHeight="1" x14ac:dyDescent="0.15"/>
    <row r="16" spans="1:32" s="24" customFormat="1" ht="34.5" customHeight="1" x14ac:dyDescent="0.15">
      <c r="B16" s="639" t="s">
        <v>56</v>
      </c>
      <c r="C16" s="640"/>
      <c r="D16" s="640"/>
      <c r="E16" s="640"/>
      <c r="F16" s="640"/>
      <c r="G16" s="640"/>
      <c r="H16" s="640"/>
      <c r="I16" s="640"/>
      <c r="J16" s="640"/>
      <c r="K16" s="640"/>
      <c r="L16" s="653"/>
      <c r="M16" s="640" t="s">
        <v>55</v>
      </c>
      <c r="N16" s="653"/>
      <c r="O16" s="639" t="s">
        <v>54</v>
      </c>
      <c r="P16" s="640"/>
      <c r="Q16" s="640"/>
      <c r="R16" s="640"/>
      <c r="S16" s="640"/>
      <c r="T16" s="640"/>
      <c r="U16" s="640"/>
      <c r="V16" s="640"/>
      <c r="W16" s="640"/>
      <c r="X16" s="640"/>
      <c r="Y16" s="640"/>
      <c r="Z16" s="640"/>
      <c r="AA16" s="640"/>
      <c r="AB16" s="640"/>
      <c r="AC16" s="640"/>
      <c r="AD16" s="640"/>
      <c r="AE16" s="640"/>
      <c r="AF16" s="653"/>
    </row>
    <row r="17" spans="2:32" s="24" customFormat="1" ht="19.5" customHeight="1" x14ac:dyDescent="0.15">
      <c r="B17" s="666" t="s">
        <v>19</v>
      </c>
      <c r="C17" s="685"/>
      <c r="D17" s="685"/>
      <c r="E17" s="685"/>
      <c r="F17" s="685"/>
      <c r="G17" s="685"/>
      <c r="H17" s="685"/>
      <c r="I17" s="685"/>
      <c r="J17" s="685"/>
      <c r="K17" s="685"/>
      <c r="L17" s="686"/>
      <c r="M17" s="50"/>
      <c r="N17" s="40" t="s">
        <v>23</v>
      </c>
      <c r="O17" s="648"/>
      <c r="P17" s="649"/>
      <c r="Q17" s="649"/>
      <c r="R17" s="649"/>
      <c r="S17" s="649"/>
      <c r="T17" s="649"/>
      <c r="U17" s="649"/>
      <c r="V17" s="649"/>
      <c r="W17" s="649"/>
      <c r="X17" s="649"/>
      <c r="Y17" s="649"/>
      <c r="Z17" s="649"/>
      <c r="AA17" s="649"/>
      <c r="AB17" s="649"/>
      <c r="AC17" s="649"/>
      <c r="AD17" s="649"/>
      <c r="AE17" s="649"/>
      <c r="AF17" s="650"/>
    </row>
    <row r="18" spans="2:32" s="24" customFormat="1" ht="19.5" customHeight="1" x14ac:dyDescent="0.15">
      <c r="B18" s="687"/>
      <c r="C18" s="688"/>
      <c r="D18" s="688"/>
      <c r="E18" s="688"/>
      <c r="F18" s="688"/>
      <c r="G18" s="688"/>
      <c r="H18" s="688"/>
      <c r="I18" s="688"/>
      <c r="J18" s="688"/>
      <c r="K18" s="688"/>
      <c r="L18" s="689"/>
      <c r="M18" s="29"/>
      <c r="N18" s="25" t="s">
        <v>23</v>
      </c>
      <c r="O18" s="648"/>
      <c r="P18" s="649"/>
      <c r="Q18" s="649"/>
      <c r="R18" s="649"/>
      <c r="S18" s="649"/>
      <c r="T18" s="649"/>
      <c r="U18" s="649"/>
      <c r="V18" s="649"/>
      <c r="W18" s="649"/>
      <c r="X18" s="649"/>
      <c r="Y18" s="649"/>
      <c r="Z18" s="649"/>
      <c r="AA18" s="649"/>
      <c r="AB18" s="649"/>
      <c r="AC18" s="649"/>
      <c r="AD18" s="649"/>
      <c r="AE18" s="649"/>
      <c r="AF18" s="650"/>
    </row>
    <row r="19" spans="2:32" s="24" customFormat="1" ht="19.5" customHeight="1" x14ac:dyDescent="0.15">
      <c r="B19" s="690"/>
      <c r="C19" s="691"/>
      <c r="D19" s="691"/>
      <c r="E19" s="691"/>
      <c r="F19" s="691"/>
      <c r="G19" s="691"/>
      <c r="H19" s="691"/>
      <c r="I19" s="691"/>
      <c r="J19" s="691"/>
      <c r="K19" s="691"/>
      <c r="L19" s="692"/>
      <c r="M19" s="29"/>
      <c r="N19" s="25" t="s">
        <v>23</v>
      </c>
      <c r="O19" s="648"/>
      <c r="P19" s="649"/>
      <c r="Q19" s="649"/>
      <c r="R19" s="649"/>
      <c r="S19" s="649"/>
      <c r="T19" s="649"/>
      <c r="U19" s="649"/>
      <c r="V19" s="649"/>
      <c r="W19" s="649"/>
      <c r="X19" s="649"/>
      <c r="Y19" s="649"/>
      <c r="Z19" s="649"/>
      <c r="AA19" s="649"/>
      <c r="AB19" s="649"/>
      <c r="AC19" s="649"/>
      <c r="AD19" s="649"/>
      <c r="AE19" s="649"/>
      <c r="AF19" s="650"/>
    </row>
    <row r="20" spans="2:32" s="24" customFormat="1" ht="19.5" customHeight="1" x14ac:dyDescent="0.15">
      <c r="B20" s="666" t="s">
        <v>18</v>
      </c>
      <c r="C20" s="685"/>
      <c r="D20" s="685"/>
      <c r="E20" s="685"/>
      <c r="F20" s="685"/>
      <c r="G20" s="685"/>
      <c r="H20" s="685"/>
      <c r="I20" s="685"/>
      <c r="J20" s="685"/>
      <c r="K20" s="685"/>
      <c r="L20" s="686"/>
      <c r="M20" s="29"/>
      <c r="N20" s="35" t="s">
        <v>23</v>
      </c>
      <c r="O20" s="648"/>
      <c r="P20" s="649"/>
      <c r="Q20" s="649"/>
      <c r="R20" s="649"/>
      <c r="S20" s="649"/>
      <c r="T20" s="649"/>
      <c r="U20" s="649"/>
      <c r="V20" s="649"/>
      <c r="W20" s="649"/>
      <c r="X20" s="649"/>
      <c r="Y20" s="649"/>
      <c r="Z20" s="649"/>
      <c r="AA20" s="649"/>
      <c r="AB20" s="649"/>
      <c r="AC20" s="649"/>
      <c r="AD20" s="649"/>
      <c r="AE20" s="649"/>
      <c r="AF20" s="650"/>
    </row>
    <row r="21" spans="2:32" s="24" customFormat="1" ht="19.5" customHeight="1" x14ac:dyDescent="0.15">
      <c r="B21" s="687"/>
      <c r="C21" s="688"/>
      <c r="D21" s="688"/>
      <c r="E21" s="688"/>
      <c r="F21" s="688"/>
      <c r="G21" s="688"/>
      <c r="H21" s="688"/>
      <c r="I21" s="688"/>
      <c r="J21" s="688"/>
      <c r="K21" s="688"/>
      <c r="L21" s="689"/>
      <c r="M21" s="29"/>
      <c r="N21" s="35" t="s">
        <v>23</v>
      </c>
      <c r="O21" s="648"/>
      <c r="P21" s="649"/>
      <c r="Q21" s="649"/>
      <c r="R21" s="649"/>
      <c r="S21" s="649"/>
      <c r="T21" s="649"/>
      <c r="U21" s="649"/>
      <c r="V21" s="649"/>
      <c r="W21" s="649"/>
      <c r="X21" s="649"/>
      <c r="Y21" s="649"/>
      <c r="Z21" s="649"/>
      <c r="AA21" s="649"/>
      <c r="AB21" s="649"/>
      <c r="AC21" s="649"/>
      <c r="AD21" s="649"/>
      <c r="AE21" s="649"/>
      <c r="AF21" s="650"/>
    </row>
    <row r="22" spans="2:32" s="24" customFormat="1" ht="19.5" customHeight="1" x14ac:dyDescent="0.15">
      <c r="B22" s="690"/>
      <c r="C22" s="691"/>
      <c r="D22" s="691"/>
      <c r="E22" s="691"/>
      <c r="F22" s="691"/>
      <c r="G22" s="691"/>
      <c r="H22" s="691"/>
      <c r="I22" s="691"/>
      <c r="J22" s="691"/>
      <c r="K22" s="691"/>
      <c r="L22" s="692"/>
      <c r="M22" s="34"/>
      <c r="N22" s="33" t="s">
        <v>23</v>
      </c>
      <c r="O22" s="648"/>
      <c r="P22" s="649"/>
      <c r="Q22" s="649"/>
      <c r="R22" s="649"/>
      <c r="S22" s="649"/>
      <c r="T22" s="649"/>
      <c r="U22" s="649"/>
      <c r="V22" s="649"/>
      <c r="W22" s="649"/>
      <c r="X22" s="649"/>
      <c r="Y22" s="649"/>
      <c r="Z22" s="649"/>
      <c r="AA22" s="649"/>
      <c r="AB22" s="649"/>
      <c r="AC22" s="649"/>
      <c r="AD22" s="649"/>
      <c r="AE22" s="649"/>
      <c r="AF22" s="650"/>
    </row>
    <row r="23" spans="2:32" s="24" customFormat="1" ht="19.5" customHeight="1" x14ac:dyDescent="0.15">
      <c r="B23" s="666" t="s">
        <v>17</v>
      </c>
      <c r="C23" s="685"/>
      <c r="D23" s="685"/>
      <c r="E23" s="685"/>
      <c r="F23" s="685"/>
      <c r="G23" s="685"/>
      <c r="H23" s="685"/>
      <c r="I23" s="685"/>
      <c r="J23" s="685"/>
      <c r="K23" s="685"/>
      <c r="L23" s="686"/>
      <c r="M23" s="29"/>
      <c r="N23" s="35" t="s">
        <v>23</v>
      </c>
      <c r="O23" s="648"/>
      <c r="P23" s="649"/>
      <c r="Q23" s="649"/>
      <c r="R23" s="649"/>
      <c r="S23" s="649"/>
      <c r="T23" s="649"/>
      <c r="U23" s="649"/>
      <c r="V23" s="649"/>
      <c r="W23" s="649"/>
      <c r="X23" s="649"/>
      <c r="Y23" s="649"/>
      <c r="Z23" s="649"/>
      <c r="AA23" s="649"/>
      <c r="AB23" s="649"/>
      <c r="AC23" s="649"/>
      <c r="AD23" s="649"/>
      <c r="AE23" s="649"/>
      <c r="AF23" s="650"/>
    </row>
    <row r="24" spans="2:32" s="24" customFormat="1" ht="19.5" customHeight="1" x14ac:dyDescent="0.15">
      <c r="B24" s="687"/>
      <c r="C24" s="688"/>
      <c r="D24" s="688"/>
      <c r="E24" s="688"/>
      <c r="F24" s="688"/>
      <c r="G24" s="688"/>
      <c r="H24" s="688"/>
      <c r="I24" s="688"/>
      <c r="J24" s="688"/>
      <c r="K24" s="688"/>
      <c r="L24" s="689"/>
      <c r="M24" s="29"/>
      <c r="N24" s="35" t="s">
        <v>23</v>
      </c>
      <c r="O24" s="648"/>
      <c r="P24" s="649"/>
      <c r="Q24" s="649"/>
      <c r="R24" s="649"/>
      <c r="S24" s="649"/>
      <c r="T24" s="649"/>
      <c r="U24" s="649"/>
      <c r="V24" s="649"/>
      <c r="W24" s="649"/>
      <c r="X24" s="649"/>
      <c r="Y24" s="649"/>
      <c r="Z24" s="649"/>
      <c r="AA24" s="649"/>
      <c r="AB24" s="649"/>
      <c r="AC24" s="649"/>
      <c r="AD24" s="649"/>
      <c r="AE24" s="649"/>
      <c r="AF24" s="650"/>
    </row>
    <row r="25" spans="2:32" s="24" customFormat="1" ht="19.5" customHeight="1" x14ac:dyDescent="0.15">
      <c r="B25" s="690"/>
      <c r="C25" s="691"/>
      <c r="D25" s="691"/>
      <c r="E25" s="691"/>
      <c r="F25" s="691"/>
      <c r="G25" s="691"/>
      <c r="H25" s="691"/>
      <c r="I25" s="691"/>
      <c r="J25" s="691"/>
      <c r="K25" s="691"/>
      <c r="L25" s="692"/>
      <c r="M25" s="34"/>
      <c r="N25" s="33" t="s">
        <v>23</v>
      </c>
      <c r="O25" s="648"/>
      <c r="P25" s="649"/>
      <c r="Q25" s="649"/>
      <c r="R25" s="649"/>
      <c r="S25" s="649"/>
      <c r="T25" s="649"/>
      <c r="U25" s="649"/>
      <c r="V25" s="649"/>
      <c r="W25" s="649"/>
      <c r="X25" s="649"/>
      <c r="Y25" s="649"/>
      <c r="Z25" s="649"/>
      <c r="AA25" s="649"/>
      <c r="AB25" s="649"/>
      <c r="AC25" s="649"/>
      <c r="AD25" s="649"/>
      <c r="AE25" s="649"/>
      <c r="AF25" s="650"/>
    </row>
    <row r="26" spans="2:32" s="24" customFormat="1" ht="19.5" customHeight="1" x14ac:dyDescent="0.15">
      <c r="B26" s="666" t="s">
        <v>16</v>
      </c>
      <c r="C26" s="685"/>
      <c r="D26" s="685"/>
      <c r="E26" s="685"/>
      <c r="F26" s="685"/>
      <c r="G26" s="685"/>
      <c r="H26" s="685"/>
      <c r="I26" s="685"/>
      <c r="J26" s="685"/>
      <c r="K26" s="685"/>
      <c r="L26" s="686"/>
      <c r="M26" s="29"/>
      <c r="N26" s="35" t="s">
        <v>23</v>
      </c>
      <c r="O26" s="648"/>
      <c r="P26" s="649"/>
      <c r="Q26" s="649"/>
      <c r="R26" s="649"/>
      <c r="S26" s="649"/>
      <c r="T26" s="649"/>
      <c r="U26" s="649"/>
      <c r="V26" s="649"/>
      <c r="W26" s="649"/>
      <c r="X26" s="649"/>
      <c r="Y26" s="649"/>
      <c r="Z26" s="649"/>
      <c r="AA26" s="649"/>
      <c r="AB26" s="649"/>
      <c r="AC26" s="649"/>
      <c r="AD26" s="649"/>
      <c r="AE26" s="649"/>
      <c r="AF26" s="650"/>
    </row>
    <row r="27" spans="2:32" s="24" customFormat="1" ht="19.5" customHeight="1" x14ac:dyDescent="0.15">
      <c r="B27" s="696"/>
      <c r="C27" s="651"/>
      <c r="D27" s="651"/>
      <c r="E27" s="651"/>
      <c r="F27" s="651"/>
      <c r="G27" s="651"/>
      <c r="H27" s="651"/>
      <c r="I27" s="651"/>
      <c r="J27" s="651"/>
      <c r="K27" s="651"/>
      <c r="L27" s="697"/>
      <c r="M27" s="29"/>
      <c r="N27" s="35" t="s">
        <v>23</v>
      </c>
      <c r="O27" s="648"/>
      <c r="P27" s="649"/>
      <c r="Q27" s="649"/>
      <c r="R27" s="649"/>
      <c r="S27" s="649"/>
      <c r="T27" s="649"/>
      <c r="U27" s="649"/>
      <c r="V27" s="649"/>
      <c r="W27" s="649"/>
      <c r="X27" s="649"/>
      <c r="Y27" s="649"/>
      <c r="Z27" s="649"/>
      <c r="AA27" s="649"/>
      <c r="AB27" s="649"/>
      <c r="AC27" s="649"/>
      <c r="AD27" s="649"/>
      <c r="AE27" s="649"/>
      <c r="AF27" s="650"/>
    </row>
    <row r="28" spans="2:32" s="24" customFormat="1" ht="19.5" customHeight="1" x14ac:dyDescent="0.15">
      <c r="B28" s="698"/>
      <c r="C28" s="699"/>
      <c r="D28" s="699"/>
      <c r="E28" s="699"/>
      <c r="F28" s="699"/>
      <c r="G28" s="699"/>
      <c r="H28" s="699"/>
      <c r="I28" s="699"/>
      <c r="J28" s="699"/>
      <c r="K28" s="699"/>
      <c r="L28" s="700"/>
      <c r="M28" s="34"/>
      <c r="N28" s="33" t="s">
        <v>23</v>
      </c>
      <c r="O28" s="648"/>
      <c r="P28" s="649"/>
      <c r="Q28" s="649"/>
      <c r="R28" s="649"/>
      <c r="S28" s="649"/>
      <c r="T28" s="649"/>
      <c r="U28" s="649"/>
      <c r="V28" s="649"/>
      <c r="W28" s="649"/>
      <c r="X28" s="649"/>
      <c r="Y28" s="649"/>
      <c r="Z28" s="649"/>
      <c r="AA28" s="649"/>
      <c r="AB28" s="649"/>
      <c r="AC28" s="649"/>
      <c r="AD28" s="649"/>
      <c r="AE28" s="649"/>
      <c r="AF28" s="650"/>
    </row>
    <row r="29" spans="2:32" s="24" customFormat="1" ht="19.5" customHeight="1" x14ac:dyDescent="0.15">
      <c r="B29" s="666" t="s">
        <v>15</v>
      </c>
      <c r="C29" s="685"/>
      <c r="D29" s="685"/>
      <c r="E29" s="685"/>
      <c r="F29" s="685"/>
      <c r="G29" s="685"/>
      <c r="H29" s="685"/>
      <c r="I29" s="685"/>
      <c r="J29" s="685"/>
      <c r="K29" s="685"/>
      <c r="L29" s="686"/>
      <c r="M29" s="29"/>
      <c r="N29" s="35" t="s">
        <v>23</v>
      </c>
      <c r="O29" s="648"/>
      <c r="P29" s="649"/>
      <c r="Q29" s="649"/>
      <c r="R29" s="649"/>
      <c r="S29" s="649"/>
      <c r="T29" s="649"/>
      <c r="U29" s="649"/>
      <c r="V29" s="649"/>
      <c r="W29" s="649"/>
      <c r="X29" s="649"/>
      <c r="Y29" s="649"/>
      <c r="Z29" s="649"/>
      <c r="AA29" s="649"/>
      <c r="AB29" s="649"/>
      <c r="AC29" s="649"/>
      <c r="AD29" s="649"/>
      <c r="AE29" s="649"/>
      <c r="AF29" s="650"/>
    </row>
    <row r="30" spans="2:32" s="24" customFormat="1" ht="19.5" customHeight="1" x14ac:dyDescent="0.15">
      <c r="B30" s="687"/>
      <c r="C30" s="688"/>
      <c r="D30" s="688"/>
      <c r="E30" s="688"/>
      <c r="F30" s="688"/>
      <c r="G30" s="688"/>
      <c r="H30" s="688"/>
      <c r="I30" s="688"/>
      <c r="J30" s="688"/>
      <c r="K30" s="688"/>
      <c r="L30" s="689"/>
      <c r="M30" s="29"/>
      <c r="N30" s="35" t="s">
        <v>23</v>
      </c>
      <c r="O30" s="648"/>
      <c r="P30" s="649"/>
      <c r="Q30" s="649"/>
      <c r="R30" s="649"/>
      <c r="S30" s="649"/>
      <c r="T30" s="649"/>
      <c r="U30" s="649"/>
      <c r="V30" s="649"/>
      <c r="W30" s="649"/>
      <c r="X30" s="649"/>
      <c r="Y30" s="649"/>
      <c r="Z30" s="649"/>
      <c r="AA30" s="649"/>
      <c r="AB30" s="649"/>
      <c r="AC30" s="649"/>
      <c r="AD30" s="649"/>
      <c r="AE30" s="649"/>
      <c r="AF30" s="650"/>
    </row>
    <row r="31" spans="2:32" s="24" customFormat="1" ht="19.5" customHeight="1" x14ac:dyDescent="0.15">
      <c r="B31" s="690"/>
      <c r="C31" s="691"/>
      <c r="D31" s="691"/>
      <c r="E31" s="691"/>
      <c r="F31" s="691"/>
      <c r="G31" s="691"/>
      <c r="H31" s="691"/>
      <c r="I31" s="691"/>
      <c r="J31" s="691"/>
      <c r="K31" s="691"/>
      <c r="L31" s="692"/>
      <c r="M31" s="34"/>
      <c r="N31" s="33" t="s">
        <v>23</v>
      </c>
      <c r="O31" s="648"/>
      <c r="P31" s="649"/>
      <c r="Q31" s="649"/>
      <c r="R31" s="649"/>
      <c r="S31" s="649"/>
      <c r="T31" s="649"/>
      <c r="U31" s="649"/>
      <c r="V31" s="649"/>
      <c r="W31" s="649"/>
      <c r="X31" s="649"/>
      <c r="Y31" s="649"/>
      <c r="Z31" s="649"/>
      <c r="AA31" s="649"/>
      <c r="AB31" s="649"/>
      <c r="AC31" s="649"/>
      <c r="AD31" s="649"/>
      <c r="AE31" s="649"/>
      <c r="AF31" s="650"/>
    </row>
    <row r="32" spans="2:32" s="24" customFormat="1" ht="19.5" customHeight="1" x14ac:dyDescent="0.15">
      <c r="B32" s="666" t="s">
        <v>66</v>
      </c>
      <c r="C32" s="685"/>
      <c r="D32" s="685"/>
      <c r="E32" s="685"/>
      <c r="F32" s="685"/>
      <c r="G32" s="685"/>
      <c r="H32" s="685"/>
      <c r="I32" s="685"/>
      <c r="J32" s="685"/>
      <c r="K32" s="685"/>
      <c r="L32" s="686"/>
      <c r="M32" s="29"/>
      <c r="N32" s="35" t="s">
        <v>23</v>
      </c>
      <c r="O32" s="648"/>
      <c r="P32" s="649"/>
      <c r="Q32" s="649"/>
      <c r="R32" s="649"/>
      <c r="S32" s="649"/>
      <c r="T32" s="649"/>
      <c r="U32" s="649"/>
      <c r="V32" s="649"/>
      <c r="W32" s="649"/>
      <c r="X32" s="649"/>
      <c r="Y32" s="649"/>
      <c r="Z32" s="649"/>
      <c r="AA32" s="649"/>
      <c r="AB32" s="649"/>
      <c r="AC32" s="649"/>
      <c r="AD32" s="649"/>
      <c r="AE32" s="649"/>
      <c r="AF32" s="650"/>
    </row>
    <row r="33" spans="1:32" s="24" customFormat="1" ht="19.5" customHeight="1" x14ac:dyDescent="0.15">
      <c r="B33" s="696"/>
      <c r="C33" s="651"/>
      <c r="D33" s="651"/>
      <c r="E33" s="651"/>
      <c r="F33" s="651"/>
      <c r="G33" s="651"/>
      <c r="H33" s="651"/>
      <c r="I33" s="651"/>
      <c r="J33" s="651"/>
      <c r="K33" s="651"/>
      <c r="L33" s="697"/>
      <c r="M33" s="29"/>
      <c r="N33" s="35" t="s">
        <v>23</v>
      </c>
      <c r="O33" s="648"/>
      <c r="P33" s="649"/>
      <c r="Q33" s="649"/>
      <c r="R33" s="649"/>
      <c r="S33" s="649"/>
      <c r="T33" s="649"/>
      <c r="U33" s="649"/>
      <c r="V33" s="649"/>
      <c r="W33" s="649"/>
      <c r="X33" s="649"/>
      <c r="Y33" s="649"/>
      <c r="Z33" s="649"/>
      <c r="AA33" s="649"/>
      <c r="AB33" s="649"/>
      <c r="AC33" s="649"/>
      <c r="AD33" s="649"/>
      <c r="AE33" s="649"/>
      <c r="AF33" s="650"/>
    </row>
    <row r="34" spans="1:32" s="24" customFormat="1" ht="19.5" customHeight="1" x14ac:dyDescent="0.15">
      <c r="B34" s="698"/>
      <c r="C34" s="699"/>
      <c r="D34" s="699"/>
      <c r="E34" s="699"/>
      <c r="F34" s="699"/>
      <c r="G34" s="699"/>
      <c r="H34" s="699"/>
      <c r="I34" s="699"/>
      <c r="J34" s="699"/>
      <c r="K34" s="699"/>
      <c r="L34" s="700"/>
      <c r="M34" s="34"/>
      <c r="N34" s="33" t="s">
        <v>23</v>
      </c>
      <c r="O34" s="648"/>
      <c r="P34" s="649"/>
      <c r="Q34" s="649"/>
      <c r="R34" s="649"/>
      <c r="S34" s="649"/>
      <c r="T34" s="649"/>
      <c r="U34" s="649"/>
      <c r="V34" s="649"/>
      <c r="W34" s="649"/>
      <c r="X34" s="649"/>
      <c r="Y34" s="649"/>
      <c r="Z34" s="649"/>
      <c r="AA34" s="649"/>
      <c r="AB34" s="649"/>
      <c r="AC34" s="649"/>
      <c r="AD34" s="649"/>
      <c r="AE34" s="649"/>
      <c r="AF34" s="650"/>
    </row>
    <row r="35" spans="1:32" s="24" customFormat="1" ht="19.5" customHeight="1" x14ac:dyDescent="0.15">
      <c r="B35" s="666" t="s">
        <v>65</v>
      </c>
      <c r="C35" s="685"/>
      <c r="D35" s="685"/>
      <c r="E35" s="685"/>
      <c r="F35" s="685"/>
      <c r="G35" s="685"/>
      <c r="H35" s="685"/>
      <c r="I35" s="685"/>
      <c r="J35" s="685"/>
      <c r="K35" s="685"/>
      <c r="L35" s="686"/>
      <c r="M35" s="29"/>
      <c r="N35" s="35" t="s">
        <v>23</v>
      </c>
      <c r="O35" s="648"/>
      <c r="P35" s="649"/>
      <c r="Q35" s="649"/>
      <c r="R35" s="649"/>
      <c r="S35" s="649"/>
      <c r="T35" s="649"/>
      <c r="U35" s="649"/>
      <c r="V35" s="649"/>
      <c r="W35" s="649"/>
      <c r="X35" s="649"/>
      <c r="Y35" s="649"/>
      <c r="Z35" s="649"/>
      <c r="AA35" s="649"/>
      <c r="AB35" s="649"/>
      <c r="AC35" s="649"/>
      <c r="AD35" s="649"/>
      <c r="AE35" s="649"/>
      <c r="AF35" s="650"/>
    </row>
    <row r="36" spans="1:32" s="24" customFormat="1" ht="19.5" customHeight="1" x14ac:dyDescent="0.15">
      <c r="B36" s="696"/>
      <c r="C36" s="651"/>
      <c r="D36" s="651"/>
      <c r="E36" s="651"/>
      <c r="F36" s="651"/>
      <c r="G36" s="651"/>
      <c r="H36" s="651"/>
      <c r="I36" s="651"/>
      <c r="J36" s="651"/>
      <c r="K36" s="651"/>
      <c r="L36" s="697"/>
      <c r="M36" s="29"/>
      <c r="N36" s="35" t="s">
        <v>23</v>
      </c>
      <c r="O36" s="648"/>
      <c r="P36" s="649"/>
      <c r="Q36" s="649"/>
      <c r="R36" s="649"/>
      <c r="S36" s="649"/>
      <c r="T36" s="649"/>
      <c r="U36" s="649"/>
      <c r="V36" s="649"/>
      <c r="W36" s="649"/>
      <c r="X36" s="649"/>
      <c r="Y36" s="649"/>
      <c r="Z36" s="649"/>
      <c r="AA36" s="649"/>
      <c r="AB36" s="649"/>
      <c r="AC36" s="649"/>
      <c r="AD36" s="649"/>
      <c r="AE36" s="649"/>
      <c r="AF36" s="650"/>
    </row>
    <row r="37" spans="1:32" s="24" customFormat="1" ht="19.5" customHeight="1" x14ac:dyDescent="0.15">
      <c r="B37" s="698"/>
      <c r="C37" s="699"/>
      <c r="D37" s="699"/>
      <c r="E37" s="699"/>
      <c r="F37" s="699"/>
      <c r="G37" s="699"/>
      <c r="H37" s="699"/>
      <c r="I37" s="699"/>
      <c r="J37" s="699"/>
      <c r="K37" s="699"/>
      <c r="L37" s="700"/>
      <c r="M37" s="34"/>
      <c r="N37" s="33" t="s">
        <v>23</v>
      </c>
      <c r="O37" s="648"/>
      <c r="P37" s="649"/>
      <c r="Q37" s="649"/>
      <c r="R37" s="649"/>
      <c r="S37" s="649"/>
      <c r="T37" s="649"/>
      <c r="U37" s="649"/>
      <c r="V37" s="649"/>
      <c r="W37" s="649"/>
      <c r="X37" s="649"/>
      <c r="Y37" s="649"/>
      <c r="Z37" s="649"/>
      <c r="AA37" s="649"/>
      <c r="AB37" s="649"/>
      <c r="AC37" s="649"/>
      <c r="AD37" s="649"/>
      <c r="AE37" s="649"/>
      <c r="AF37" s="650"/>
    </row>
    <row r="38" spans="1:32" s="24" customFormat="1" ht="19.5" customHeight="1" x14ac:dyDescent="0.15">
      <c r="B38" s="701" t="s">
        <v>14</v>
      </c>
      <c r="C38" s="702"/>
      <c r="D38" s="702"/>
      <c r="E38" s="702"/>
      <c r="F38" s="702"/>
      <c r="G38" s="702"/>
      <c r="H38" s="702"/>
      <c r="I38" s="702"/>
      <c r="J38" s="702"/>
      <c r="K38" s="702"/>
      <c r="L38" s="703"/>
      <c r="M38" s="29"/>
      <c r="N38" s="35" t="s">
        <v>23</v>
      </c>
      <c r="O38" s="636"/>
      <c r="P38" s="637"/>
      <c r="Q38" s="637"/>
      <c r="R38" s="637"/>
      <c r="S38" s="637"/>
      <c r="T38" s="637"/>
      <c r="U38" s="637"/>
      <c r="V38" s="637"/>
      <c r="W38" s="637"/>
      <c r="X38" s="637"/>
      <c r="Y38" s="637"/>
      <c r="Z38" s="637"/>
      <c r="AA38" s="637"/>
      <c r="AB38" s="637"/>
      <c r="AC38" s="637"/>
      <c r="AD38" s="637"/>
      <c r="AE38" s="637"/>
      <c r="AF38" s="638"/>
    </row>
    <row r="39" spans="1:32" s="24" customFormat="1" ht="19.5" customHeight="1" x14ac:dyDescent="0.15">
      <c r="A39" s="32"/>
      <c r="B39" s="696"/>
      <c r="C39" s="685"/>
      <c r="D39" s="651"/>
      <c r="E39" s="651"/>
      <c r="F39" s="651"/>
      <c r="G39" s="651"/>
      <c r="H39" s="651"/>
      <c r="I39" s="651"/>
      <c r="J39" s="651"/>
      <c r="K39" s="651"/>
      <c r="L39" s="697"/>
      <c r="M39" s="31"/>
      <c r="N39" s="36" t="s">
        <v>23</v>
      </c>
      <c r="O39" s="642"/>
      <c r="P39" s="643"/>
      <c r="Q39" s="643"/>
      <c r="R39" s="643"/>
      <c r="S39" s="643"/>
      <c r="T39" s="643"/>
      <c r="U39" s="643"/>
      <c r="V39" s="643"/>
      <c r="W39" s="643"/>
      <c r="X39" s="643"/>
      <c r="Y39" s="643"/>
      <c r="Z39" s="643"/>
      <c r="AA39" s="643"/>
      <c r="AB39" s="643"/>
      <c r="AC39" s="643"/>
      <c r="AD39" s="643"/>
      <c r="AE39" s="643"/>
      <c r="AF39" s="644"/>
    </row>
    <row r="40" spans="1:32" s="24" customFormat="1" ht="19.5" customHeight="1" x14ac:dyDescent="0.15">
      <c r="B40" s="698"/>
      <c r="C40" s="699"/>
      <c r="D40" s="699"/>
      <c r="E40" s="699"/>
      <c r="F40" s="699"/>
      <c r="G40" s="699"/>
      <c r="H40" s="699"/>
      <c r="I40" s="699"/>
      <c r="J40" s="699"/>
      <c r="K40" s="699"/>
      <c r="L40" s="700"/>
      <c r="M40" s="34"/>
      <c r="N40" s="33" t="s">
        <v>23</v>
      </c>
      <c r="O40" s="648"/>
      <c r="P40" s="649"/>
      <c r="Q40" s="649"/>
      <c r="R40" s="649"/>
      <c r="S40" s="649"/>
      <c r="T40" s="649"/>
      <c r="U40" s="649"/>
      <c r="V40" s="649"/>
      <c r="W40" s="649"/>
      <c r="X40" s="649"/>
      <c r="Y40" s="649"/>
      <c r="Z40" s="649"/>
      <c r="AA40" s="649"/>
      <c r="AB40" s="649"/>
      <c r="AC40" s="649"/>
      <c r="AD40" s="649"/>
      <c r="AE40" s="649"/>
      <c r="AF40" s="650"/>
    </row>
    <row r="41" spans="1:32" s="24" customFormat="1" ht="19.5" customHeight="1" x14ac:dyDescent="0.15">
      <c r="B41" s="666" t="s">
        <v>13</v>
      </c>
      <c r="C41" s="685"/>
      <c r="D41" s="685"/>
      <c r="E41" s="685"/>
      <c r="F41" s="685"/>
      <c r="G41" s="685"/>
      <c r="H41" s="685"/>
      <c r="I41" s="685"/>
      <c r="J41" s="685"/>
      <c r="K41" s="685"/>
      <c r="L41" s="686"/>
      <c r="M41" s="29"/>
      <c r="N41" s="35" t="s">
        <v>23</v>
      </c>
      <c r="O41" s="648"/>
      <c r="P41" s="649"/>
      <c r="Q41" s="649"/>
      <c r="R41" s="649"/>
      <c r="S41" s="649"/>
      <c r="T41" s="649"/>
      <c r="U41" s="649"/>
      <c r="V41" s="649"/>
      <c r="W41" s="649"/>
      <c r="X41" s="649"/>
      <c r="Y41" s="649"/>
      <c r="Z41" s="649"/>
      <c r="AA41" s="649"/>
      <c r="AB41" s="649"/>
      <c r="AC41" s="649"/>
      <c r="AD41" s="649"/>
      <c r="AE41" s="649"/>
      <c r="AF41" s="650"/>
    </row>
    <row r="42" spans="1:32" s="24" customFormat="1" ht="19.5" customHeight="1" x14ac:dyDescent="0.15">
      <c r="B42" s="696"/>
      <c r="C42" s="651"/>
      <c r="D42" s="651"/>
      <c r="E42" s="651"/>
      <c r="F42" s="651"/>
      <c r="G42" s="651"/>
      <c r="H42" s="651"/>
      <c r="I42" s="651"/>
      <c r="J42" s="651"/>
      <c r="K42" s="651"/>
      <c r="L42" s="697"/>
      <c r="M42" s="29"/>
      <c r="N42" s="35" t="s">
        <v>23</v>
      </c>
      <c r="O42" s="648"/>
      <c r="P42" s="649"/>
      <c r="Q42" s="649"/>
      <c r="R42" s="649"/>
      <c r="S42" s="649"/>
      <c r="T42" s="649"/>
      <c r="U42" s="649"/>
      <c r="V42" s="649"/>
      <c r="W42" s="649"/>
      <c r="X42" s="649"/>
      <c r="Y42" s="649"/>
      <c r="Z42" s="649"/>
      <c r="AA42" s="649"/>
      <c r="AB42" s="649"/>
      <c r="AC42" s="649"/>
      <c r="AD42" s="649"/>
      <c r="AE42" s="649"/>
      <c r="AF42" s="650"/>
    </row>
    <row r="43" spans="1:32" s="24" customFormat="1" ht="19.5" customHeight="1" thickBot="1" x14ac:dyDescent="0.2">
      <c r="B43" s="698"/>
      <c r="C43" s="699"/>
      <c r="D43" s="699"/>
      <c r="E43" s="699"/>
      <c r="F43" s="699"/>
      <c r="G43" s="699"/>
      <c r="H43" s="699"/>
      <c r="I43" s="699"/>
      <c r="J43" s="699"/>
      <c r="K43" s="699"/>
      <c r="L43" s="700"/>
      <c r="M43" s="38"/>
      <c r="N43" s="37" t="s">
        <v>23</v>
      </c>
      <c r="O43" s="679"/>
      <c r="P43" s="680"/>
      <c r="Q43" s="680"/>
      <c r="R43" s="680"/>
      <c r="S43" s="680"/>
      <c r="T43" s="680"/>
      <c r="U43" s="680"/>
      <c r="V43" s="680"/>
      <c r="W43" s="680"/>
      <c r="X43" s="680"/>
      <c r="Y43" s="680"/>
      <c r="Z43" s="680"/>
      <c r="AA43" s="680"/>
      <c r="AB43" s="680"/>
      <c r="AC43" s="680"/>
      <c r="AD43" s="680"/>
      <c r="AE43" s="680"/>
      <c r="AF43" s="681"/>
    </row>
    <row r="44" spans="1:32" s="24" customFormat="1" ht="19.5" customHeight="1" thickTop="1" x14ac:dyDescent="0.15">
      <c r="B44" s="693" t="s">
        <v>64</v>
      </c>
      <c r="C44" s="694"/>
      <c r="D44" s="694"/>
      <c r="E44" s="694"/>
      <c r="F44" s="694"/>
      <c r="G44" s="694"/>
      <c r="H44" s="694"/>
      <c r="I44" s="694"/>
      <c r="J44" s="694"/>
      <c r="K44" s="694"/>
      <c r="L44" s="695"/>
      <c r="M44" s="49"/>
      <c r="N44" s="48" t="s">
        <v>23</v>
      </c>
      <c r="O44" s="682"/>
      <c r="P44" s="683"/>
      <c r="Q44" s="683"/>
      <c r="R44" s="683"/>
      <c r="S44" s="683"/>
      <c r="T44" s="683"/>
      <c r="U44" s="683"/>
      <c r="V44" s="683"/>
      <c r="W44" s="683"/>
      <c r="X44" s="683"/>
      <c r="Y44" s="683"/>
      <c r="Z44" s="683"/>
      <c r="AA44" s="683"/>
      <c r="AB44" s="683"/>
      <c r="AC44" s="683"/>
      <c r="AD44" s="683"/>
      <c r="AE44" s="683"/>
      <c r="AF44" s="684"/>
    </row>
    <row r="45" spans="1:32" s="24" customFormat="1" ht="19.5" customHeight="1" x14ac:dyDescent="0.15">
      <c r="B45" s="696"/>
      <c r="C45" s="651"/>
      <c r="D45" s="651"/>
      <c r="E45" s="651"/>
      <c r="F45" s="651"/>
      <c r="G45" s="651"/>
      <c r="H45" s="651"/>
      <c r="I45" s="651"/>
      <c r="J45" s="651"/>
      <c r="K45" s="651"/>
      <c r="L45" s="697"/>
      <c r="M45" s="29"/>
      <c r="N45" s="35" t="s">
        <v>23</v>
      </c>
      <c r="O45" s="648"/>
      <c r="P45" s="649"/>
      <c r="Q45" s="649"/>
      <c r="R45" s="649"/>
      <c r="S45" s="649"/>
      <c r="T45" s="649"/>
      <c r="U45" s="649"/>
      <c r="V45" s="649"/>
      <c r="W45" s="649"/>
      <c r="X45" s="649"/>
      <c r="Y45" s="649"/>
      <c r="Z45" s="649"/>
      <c r="AA45" s="649"/>
      <c r="AB45" s="649"/>
      <c r="AC45" s="649"/>
      <c r="AD45" s="649"/>
      <c r="AE45" s="649"/>
      <c r="AF45" s="650"/>
    </row>
    <row r="46" spans="1:32" s="24" customFormat="1" ht="19.5" customHeight="1" x14ac:dyDescent="0.15">
      <c r="B46" s="698"/>
      <c r="C46" s="699"/>
      <c r="D46" s="699"/>
      <c r="E46" s="699"/>
      <c r="F46" s="699"/>
      <c r="G46" s="699"/>
      <c r="H46" s="699"/>
      <c r="I46" s="699"/>
      <c r="J46" s="699"/>
      <c r="K46" s="699"/>
      <c r="L46" s="700"/>
      <c r="M46" s="34"/>
      <c r="N46" s="33" t="s">
        <v>23</v>
      </c>
      <c r="O46" s="648"/>
      <c r="P46" s="649"/>
      <c r="Q46" s="649"/>
      <c r="R46" s="649"/>
      <c r="S46" s="649"/>
      <c r="T46" s="649"/>
      <c r="U46" s="649"/>
      <c r="V46" s="649"/>
      <c r="W46" s="649"/>
      <c r="X46" s="649"/>
      <c r="Y46" s="649"/>
      <c r="Z46" s="649"/>
      <c r="AA46" s="649"/>
      <c r="AB46" s="649"/>
      <c r="AC46" s="649"/>
      <c r="AD46" s="649"/>
      <c r="AE46" s="649"/>
      <c r="AF46" s="650"/>
    </row>
    <row r="47" spans="1:32" s="24" customFormat="1" ht="19.5" customHeight="1" x14ac:dyDescent="0.15">
      <c r="B47" s="666" t="s">
        <v>63</v>
      </c>
      <c r="C47" s="685"/>
      <c r="D47" s="685"/>
      <c r="E47" s="685"/>
      <c r="F47" s="685"/>
      <c r="G47" s="685"/>
      <c r="H47" s="685"/>
      <c r="I47" s="685"/>
      <c r="J47" s="685"/>
      <c r="K47" s="685"/>
      <c r="L47" s="686"/>
      <c r="M47" s="29"/>
      <c r="N47" s="35" t="s">
        <v>23</v>
      </c>
      <c r="O47" s="648"/>
      <c r="P47" s="649"/>
      <c r="Q47" s="649"/>
      <c r="R47" s="649"/>
      <c r="S47" s="649"/>
      <c r="T47" s="649"/>
      <c r="U47" s="649"/>
      <c r="V47" s="649"/>
      <c r="W47" s="649"/>
      <c r="X47" s="649"/>
      <c r="Y47" s="649"/>
      <c r="Z47" s="649"/>
      <c r="AA47" s="649"/>
      <c r="AB47" s="649"/>
      <c r="AC47" s="649"/>
      <c r="AD47" s="649"/>
      <c r="AE47" s="649"/>
      <c r="AF47" s="650"/>
    </row>
    <row r="48" spans="1:32" s="24" customFormat="1" ht="19.5" customHeight="1" x14ac:dyDescent="0.15">
      <c r="B48" s="696"/>
      <c r="C48" s="651"/>
      <c r="D48" s="651"/>
      <c r="E48" s="651"/>
      <c r="F48" s="651"/>
      <c r="G48" s="651"/>
      <c r="H48" s="651"/>
      <c r="I48" s="651"/>
      <c r="J48" s="651"/>
      <c r="K48" s="651"/>
      <c r="L48" s="697"/>
      <c r="M48" s="29"/>
      <c r="N48" s="35" t="s">
        <v>23</v>
      </c>
      <c r="O48" s="648"/>
      <c r="P48" s="649"/>
      <c r="Q48" s="649"/>
      <c r="R48" s="649"/>
      <c r="S48" s="649"/>
      <c r="T48" s="649"/>
      <c r="U48" s="649"/>
      <c r="V48" s="649"/>
      <c r="W48" s="649"/>
      <c r="X48" s="649"/>
      <c r="Y48" s="649"/>
      <c r="Z48" s="649"/>
      <c r="AA48" s="649"/>
      <c r="AB48" s="649"/>
      <c r="AC48" s="649"/>
      <c r="AD48" s="649"/>
      <c r="AE48" s="649"/>
      <c r="AF48" s="650"/>
    </row>
    <row r="49" spans="1:32" s="24" customFormat="1" ht="19.5" customHeight="1" x14ac:dyDescent="0.15">
      <c r="B49" s="698"/>
      <c r="C49" s="699"/>
      <c r="D49" s="699"/>
      <c r="E49" s="699"/>
      <c r="F49" s="699"/>
      <c r="G49" s="699"/>
      <c r="H49" s="699"/>
      <c r="I49" s="699"/>
      <c r="J49" s="699"/>
      <c r="K49" s="699"/>
      <c r="L49" s="700"/>
      <c r="M49" s="34"/>
      <c r="N49" s="33" t="s">
        <v>23</v>
      </c>
      <c r="O49" s="648"/>
      <c r="P49" s="649"/>
      <c r="Q49" s="649"/>
      <c r="R49" s="649"/>
      <c r="S49" s="649"/>
      <c r="T49" s="649"/>
      <c r="U49" s="649"/>
      <c r="V49" s="649"/>
      <c r="W49" s="649"/>
      <c r="X49" s="649"/>
      <c r="Y49" s="649"/>
      <c r="Z49" s="649"/>
      <c r="AA49" s="649"/>
      <c r="AB49" s="649"/>
      <c r="AC49" s="649"/>
      <c r="AD49" s="649"/>
      <c r="AE49" s="649"/>
      <c r="AF49" s="650"/>
    </row>
    <row r="50" spans="1:32" s="24" customFormat="1" ht="19.5" customHeight="1" x14ac:dyDescent="0.15">
      <c r="B50" s="666" t="s">
        <v>62</v>
      </c>
      <c r="C50" s="685"/>
      <c r="D50" s="685"/>
      <c r="E50" s="685"/>
      <c r="F50" s="685"/>
      <c r="G50" s="685"/>
      <c r="H50" s="685"/>
      <c r="I50" s="685"/>
      <c r="J50" s="685"/>
      <c r="K50" s="685"/>
      <c r="L50" s="686"/>
      <c r="M50" s="29"/>
      <c r="N50" s="35" t="s">
        <v>23</v>
      </c>
      <c r="O50" s="648"/>
      <c r="P50" s="649"/>
      <c r="Q50" s="649"/>
      <c r="R50" s="649"/>
      <c r="S50" s="649"/>
      <c r="T50" s="649"/>
      <c r="U50" s="649"/>
      <c r="V50" s="649"/>
      <c r="W50" s="649"/>
      <c r="X50" s="649"/>
      <c r="Y50" s="649"/>
      <c r="Z50" s="649"/>
      <c r="AA50" s="649"/>
      <c r="AB50" s="649"/>
      <c r="AC50" s="649"/>
      <c r="AD50" s="649"/>
      <c r="AE50" s="649"/>
      <c r="AF50" s="650"/>
    </row>
    <row r="51" spans="1:32" s="24" customFormat="1" ht="19.5" customHeight="1" x14ac:dyDescent="0.15">
      <c r="B51" s="687"/>
      <c r="C51" s="688"/>
      <c r="D51" s="688"/>
      <c r="E51" s="688"/>
      <c r="F51" s="688"/>
      <c r="G51" s="688"/>
      <c r="H51" s="688"/>
      <c r="I51" s="688"/>
      <c r="J51" s="688"/>
      <c r="K51" s="688"/>
      <c r="L51" s="689"/>
      <c r="M51" s="29"/>
      <c r="N51" s="35" t="s">
        <v>23</v>
      </c>
      <c r="O51" s="648"/>
      <c r="P51" s="649"/>
      <c r="Q51" s="649"/>
      <c r="R51" s="649"/>
      <c r="S51" s="649"/>
      <c r="T51" s="649"/>
      <c r="U51" s="649"/>
      <c r="V51" s="649"/>
      <c r="W51" s="649"/>
      <c r="X51" s="649"/>
      <c r="Y51" s="649"/>
      <c r="Z51" s="649"/>
      <c r="AA51" s="649"/>
      <c r="AB51" s="649"/>
      <c r="AC51" s="649"/>
      <c r="AD51" s="649"/>
      <c r="AE51" s="649"/>
      <c r="AF51" s="650"/>
    </row>
    <row r="52" spans="1:32" s="24" customFormat="1" ht="19.5" customHeight="1" x14ac:dyDescent="0.15">
      <c r="B52" s="690"/>
      <c r="C52" s="691"/>
      <c r="D52" s="691"/>
      <c r="E52" s="691"/>
      <c r="F52" s="691"/>
      <c r="G52" s="691"/>
      <c r="H52" s="691"/>
      <c r="I52" s="691"/>
      <c r="J52" s="691"/>
      <c r="K52" s="691"/>
      <c r="L52" s="692"/>
      <c r="M52" s="29"/>
      <c r="N52" s="35" t="s">
        <v>23</v>
      </c>
      <c r="O52" s="636"/>
      <c r="P52" s="637"/>
      <c r="Q52" s="637"/>
      <c r="R52" s="637"/>
      <c r="S52" s="637"/>
      <c r="T52" s="637"/>
      <c r="U52" s="637"/>
      <c r="V52" s="637"/>
      <c r="W52" s="637"/>
      <c r="X52" s="637"/>
      <c r="Y52" s="637"/>
      <c r="Z52" s="637"/>
      <c r="AA52" s="637"/>
      <c r="AB52" s="637"/>
      <c r="AC52" s="637"/>
      <c r="AD52" s="637"/>
      <c r="AE52" s="637"/>
      <c r="AF52" s="638"/>
    </row>
    <row r="54" spans="1:32" x14ac:dyDescent="0.15">
      <c r="B54" s="21" t="s">
        <v>48</v>
      </c>
    </row>
    <row r="55" spans="1:32" x14ac:dyDescent="0.15">
      <c r="B55" s="21" t="s">
        <v>47</v>
      </c>
    </row>
    <row r="57" spans="1:32" x14ac:dyDescent="0.15">
      <c r="A57" s="21" t="s">
        <v>46</v>
      </c>
      <c r="M57" s="28"/>
      <c r="N57" s="21" t="s">
        <v>11</v>
      </c>
      <c r="O57" s="641"/>
      <c r="P57" s="641"/>
      <c r="Q57" s="21" t="s">
        <v>21</v>
      </c>
      <c r="R57" s="641"/>
      <c r="S57" s="641"/>
      <c r="T57" s="21" t="s">
        <v>20</v>
      </c>
    </row>
    <row r="82" spans="12:12" x14ac:dyDescent="0.15">
      <c r="L82" s="47"/>
    </row>
    <row r="122" spans="1:7" x14ac:dyDescent="0.15">
      <c r="A122" s="23"/>
      <c r="C122" s="23"/>
      <c r="D122" s="23"/>
      <c r="E122" s="23"/>
      <c r="F122" s="23"/>
      <c r="G122" s="23"/>
    </row>
    <row r="123" spans="1:7" x14ac:dyDescent="0.15">
      <c r="C123" s="22"/>
    </row>
    <row r="151" spans="1:1" x14ac:dyDescent="0.15">
      <c r="A151" s="23"/>
    </row>
    <row r="187" spans="1:1" x14ac:dyDescent="0.15">
      <c r="A187" s="46"/>
    </row>
    <row r="238" spans="1:1" x14ac:dyDescent="0.15">
      <c r="A238" s="46"/>
    </row>
    <row r="287" spans="1:1" x14ac:dyDescent="0.15">
      <c r="A287" s="46"/>
    </row>
    <row r="314" spans="1:1" x14ac:dyDescent="0.15">
      <c r="A314" s="23"/>
    </row>
    <row r="364" spans="1:1" x14ac:dyDescent="0.15">
      <c r="A364" s="46"/>
    </row>
    <row r="388" spans="1:1" x14ac:dyDescent="0.15">
      <c r="A388" s="23"/>
    </row>
    <row r="416" spans="1:1" x14ac:dyDescent="0.15">
      <c r="A416" s="23"/>
    </row>
    <row r="444" spans="1:1" x14ac:dyDescent="0.15">
      <c r="A444" s="23"/>
    </row>
    <row r="468" spans="1:1" x14ac:dyDescent="0.15">
      <c r="A468" s="23"/>
    </row>
    <row r="497" spans="1:1" x14ac:dyDescent="0.15">
      <c r="A497" s="23"/>
    </row>
    <row r="526" spans="1:1" x14ac:dyDescent="0.15">
      <c r="A526" s="23"/>
    </row>
    <row r="575" spans="1:1" x14ac:dyDescent="0.15">
      <c r="A575" s="46"/>
    </row>
    <row r="606" spans="1:1" x14ac:dyDescent="0.15">
      <c r="A606" s="46"/>
    </row>
    <row r="650" spans="1:1" x14ac:dyDescent="0.15">
      <c r="A650" s="46"/>
    </row>
    <row r="686" spans="1:1" x14ac:dyDescent="0.15">
      <c r="A686" s="23"/>
    </row>
    <row r="725" spans="1:1" x14ac:dyDescent="0.15">
      <c r="A725" s="46"/>
    </row>
    <row r="754" spans="1:1" x14ac:dyDescent="0.15">
      <c r="A754" s="46"/>
    </row>
    <row r="793" spans="1:1" x14ac:dyDescent="0.15">
      <c r="A793" s="46"/>
    </row>
    <row r="832" spans="1:1" x14ac:dyDescent="0.15">
      <c r="A832" s="46"/>
    </row>
    <row r="860" spans="1:1" x14ac:dyDescent="0.15">
      <c r="A860" s="46"/>
    </row>
    <row r="900" spans="1:1" x14ac:dyDescent="0.15">
      <c r="A900" s="46"/>
    </row>
    <row r="940" spans="1:1" x14ac:dyDescent="0.15">
      <c r="A940" s="46"/>
    </row>
    <row r="969" spans="1:1" x14ac:dyDescent="0.15">
      <c r="A969" s="46"/>
    </row>
  </sheetData>
  <mergeCells count="61">
    <mergeCell ref="B17:L19"/>
    <mergeCell ref="O17:AF17"/>
    <mergeCell ref="O18:AF18"/>
    <mergeCell ref="O19:AF19"/>
    <mergeCell ref="X4:Y4"/>
    <mergeCell ref="AA4:AB4"/>
    <mergeCell ref="AD4:AE4"/>
    <mergeCell ref="B5:F5"/>
    <mergeCell ref="G5:J5"/>
    <mergeCell ref="T7:AF7"/>
    <mergeCell ref="B9:AF10"/>
    <mergeCell ref="R14:V14"/>
    <mergeCell ref="B16:L16"/>
    <mergeCell ref="M16:N16"/>
    <mergeCell ref="O16:AF16"/>
    <mergeCell ref="B20:L22"/>
    <mergeCell ref="O20:AF20"/>
    <mergeCell ref="O21:AF21"/>
    <mergeCell ref="O22:AF22"/>
    <mergeCell ref="B23:L25"/>
    <mergeCell ref="O23:AF23"/>
    <mergeCell ref="O24:AF24"/>
    <mergeCell ref="O25:AF25"/>
    <mergeCell ref="B26:L28"/>
    <mergeCell ref="O26:AF26"/>
    <mergeCell ref="O27:AF27"/>
    <mergeCell ref="O28:AF28"/>
    <mergeCell ref="B29:L31"/>
    <mergeCell ref="O29:AF29"/>
    <mergeCell ref="O30:AF30"/>
    <mergeCell ref="O31:AF31"/>
    <mergeCell ref="B32:L34"/>
    <mergeCell ref="O32:AF32"/>
    <mergeCell ref="O33:AF33"/>
    <mergeCell ref="O34:AF34"/>
    <mergeCell ref="B35:L37"/>
    <mergeCell ref="O35:AF35"/>
    <mergeCell ref="O36:AF36"/>
    <mergeCell ref="O37:AF37"/>
    <mergeCell ref="B38:L40"/>
    <mergeCell ref="O38:AF38"/>
    <mergeCell ref="O39:AF39"/>
    <mergeCell ref="O40:AF40"/>
    <mergeCell ref="B41:L43"/>
    <mergeCell ref="O41:AF41"/>
    <mergeCell ref="O42:AF42"/>
    <mergeCell ref="O43:AF43"/>
    <mergeCell ref="B44:L46"/>
    <mergeCell ref="O44:AF44"/>
    <mergeCell ref="O45:AF45"/>
    <mergeCell ref="O46:AF46"/>
    <mergeCell ref="B47:L49"/>
    <mergeCell ref="O47:AF47"/>
    <mergeCell ref="O48:AF48"/>
    <mergeCell ref="O49:AF49"/>
    <mergeCell ref="B50:L52"/>
    <mergeCell ref="O50:AF50"/>
    <mergeCell ref="O51:AF51"/>
    <mergeCell ref="O52:AF52"/>
    <mergeCell ref="O57:P57"/>
    <mergeCell ref="R57:S57"/>
  </mergeCells>
  <phoneticPr fontId="2"/>
  <pageMargins left="0.7" right="0.7" top="0.75" bottom="0.75" header="0.3" footer="0.3"/>
  <pageSetup paperSize="9" scale="70" orientation="portrait" r:id="rId1"/>
</worksheet>
</file>

<file path=xl/worksheets/sheet3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AF123"/>
  <sheetViews>
    <sheetView zoomScaleNormal="100" workbookViewId="0">
      <selection activeCell="C87" sqref="C87"/>
    </sheetView>
  </sheetViews>
  <sheetFormatPr defaultColWidth="4" defaultRowHeight="13.5" x14ac:dyDescent="0.15"/>
  <cols>
    <col min="1" max="1" width="1.5" style="8" customWidth="1"/>
    <col min="2" max="2" width="3.125" style="8" customWidth="1"/>
    <col min="3" max="3" width="1.125" style="8" customWidth="1"/>
    <col min="4" max="19" width="4" style="8"/>
    <col min="20" max="20" width="3.125" style="8" customWidth="1"/>
    <col min="21" max="21" width="2.375" style="8" customWidth="1"/>
    <col min="22" max="22" width="4" style="8"/>
    <col min="23" max="23" width="2.25" style="8" customWidth="1"/>
    <col min="24" max="24" width="4" style="8"/>
    <col min="25" max="25" width="2.375" style="8" customWidth="1"/>
    <col min="26" max="26" width="1.5" style="8" customWidth="1"/>
    <col min="27" max="16384" width="4" style="8"/>
  </cols>
  <sheetData>
    <row r="2" spans="2:27" x14ac:dyDescent="0.15">
      <c r="B2" s="8" t="s">
        <v>818</v>
      </c>
      <c r="C2"/>
      <c r="D2"/>
      <c r="E2"/>
      <c r="F2"/>
      <c r="G2"/>
      <c r="H2"/>
      <c r="I2"/>
      <c r="J2"/>
      <c r="K2"/>
      <c r="L2"/>
      <c r="M2"/>
      <c r="N2"/>
      <c r="O2"/>
      <c r="P2"/>
      <c r="Q2"/>
      <c r="R2"/>
      <c r="S2"/>
      <c r="T2"/>
      <c r="U2"/>
      <c r="V2"/>
      <c r="W2"/>
      <c r="X2"/>
      <c r="Y2"/>
    </row>
    <row r="4" spans="2:27" ht="34.5" customHeight="1" x14ac:dyDescent="0.15">
      <c r="B4" s="1033" t="s">
        <v>817</v>
      </c>
      <c r="C4" s="778"/>
      <c r="D4" s="778"/>
      <c r="E4" s="778"/>
      <c r="F4" s="778"/>
      <c r="G4" s="778"/>
      <c r="H4" s="778"/>
      <c r="I4" s="778"/>
      <c r="J4" s="778"/>
      <c r="K4" s="778"/>
      <c r="L4" s="778"/>
      <c r="M4" s="778"/>
      <c r="N4" s="778"/>
      <c r="O4" s="778"/>
      <c r="P4" s="778"/>
      <c r="Q4" s="778"/>
      <c r="R4" s="778"/>
      <c r="S4" s="778"/>
      <c r="T4" s="778"/>
      <c r="U4" s="778"/>
      <c r="V4" s="778"/>
      <c r="W4" s="778"/>
      <c r="X4" s="778"/>
      <c r="Y4" s="778"/>
    </row>
    <row r="5" spans="2:27" ht="13.5" customHeight="1" x14ac:dyDescent="0.15"/>
    <row r="6" spans="2:27" ht="24" customHeight="1" x14ac:dyDescent="0.15">
      <c r="B6" s="790" t="s">
        <v>531</v>
      </c>
      <c r="C6" s="790"/>
      <c r="D6" s="790"/>
      <c r="E6" s="790"/>
      <c r="F6" s="790"/>
      <c r="G6" s="791"/>
      <c r="H6" s="792"/>
      <c r="I6" s="792"/>
      <c r="J6" s="792"/>
      <c r="K6" s="792"/>
      <c r="L6" s="792"/>
      <c r="M6" s="792"/>
      <c r="N6" s="792"/>
      <c r="O6" s="792"/>
      <c r="P6" s="792"/>
      <c r="Q6" s="792"/>
      <c r="R6" s="792"/>
      <c r="S6" s="792"/>
      <c r="T6" s="792"/>
      <c r="U6" s="792"/>
      <c r="V6" s="792"/>
      <c r="W6" s="792"/>
      <c r="X6" s="792"/>
      <c r="Y6" s="793"/>
    </row>
    <row r="7" spans="2:27" ht="24" customHeight="1" x14ac:dyDescent="0.15">
      <c r="B7" s="790" t="s">
        <v>481</v>
      </c>
      <c r="C7" s="790"/>
      <c r="D7" s="790"/>
      <c r="E7" s="790"/>
      <c r="F7" s="790"/>
      <c r="G7" s="169" t="s">
        <v>0</v>
      </c>
      <c r="H7" s="168" t="s">
        <v>242</v>
      </c>
      <c r="I7" s="168"/>
      <c r="J7" s="168"/>
      <c r="K7" s="168"/>
      <c r="L7" s="18" t="s">
        <v>0</v>
      </c>
      <c r="M7" s="168" t="s">
        <v>241</v>
      </c>
      <c r="N7" s="168"/>
      <c r="O7" s="168"/>
      <c r="P7" s="168"/>
      <c r="Q7" s="18" t="s">
        <v>0</v>
      </c>
      <c r="R7" s="168" t="s">
        <v>240</v>
      </c>
      <c r="S7" s="168"/>
      <c r="T7" s="168"/>
      <c r="U7" s="168"/>
      <c r="V7" s="168"/>
      <c r="W7" s="181"/>
      <c r="X7" s="181"/>
      <c r="Y7" s="197"/>
    </row>
    <row r="8" spans="2:27" ht="21.95" customHeight="1" x14ac:dyDescent="0.15">
      <c r="B8" s="783" t="s">
        <v>530</v>
      </c>
      <c r="C8" s="784"/>
      <c r="D8" s="784"/>
      <c r="E8" s="784"/>
      <c r="F8" s="785"/>
      <c r="G8" s="18" t="s">
        <v>0</v>
      </c>
      <c r="H8" s="157" t="s">
        <v>816</v>
      </c>
      <c r="I8" s="259"/>
      <c r="J8" s="259"/>
      <c r="K8" s="259"/>
      <c r="L8" s="259"/>
      <c r="M8" s="259"/>
      <c r="N8" s="259"/>
      <c r="O8" s="259"/>
      <c r="P8" s="259"/>
      <c r="Q8" s="259"/>
      <c r="R8" s="259"/>
      <c r="S8" s="259"/>
      <c r="T8" s="259"/>
      <c r="U8" s="259"/>
      <c r="V8" s="259"/>
      <c r="W8" s="259"/>
      <c r="X8" s="259"/>
      <c r="Y8" s="258"/>
    </row>
    <row r="9" spans="2:27" ht="21.95" customHeight="1" x14ac:dyDescent="0.15">
      <c r="B9" s="810"/>
      <c r="C9" s="778"/>
      <c r="D9" s="778"/>
      <c r="E9" s="778"/>
      <c r="F9" s="811"/>
      <c r="G9" s="18" t="s">
        <v>0</v>
      </c>
      <c r="H9" s="8" t="s">
        <v>815</v>
      </c>
      <c r="I9" s="154"/>
      <c r="J9" s="154"/>
      <c r="K9" s="154"/>
      <c r="L9" s="154"/>
      <c r="M9" s="154"/>
      <c r="N9" s="154"/>
      <c r="O9" s="154"/>
      <c r="P9" s="154"/>
      <c r="Q9" s="154"/>
      <c r="R9" s="154"/>
      <c r="S9" s="154"/>
      <c r="T9" s="154"/>
      <c r="U9" s="154"/>
      <c r="V9" s="154"/>
      <c r="W9" s="154"/>
      <c r="X9" s="154"/>
      <c r="Y9" s="196"/>
    </row>
    <row r="10" spans="2:27" ht="21.95" customHeight="1" x14ac:dyDescent="0.15">
      <c r="B10" s="786"/>
      <c r="C10" s="787"/>
      <c r="D10" s="787"/>
      <c r="E10" s="787"/>
      <c r="F10" s="788"/>
      <c r="G10" s="163" t="s">
        <v>0</v>
      </c>
      <c r="H10" s="172" t="s">
        <v>814</v>
      </c>
      <c r="I10" s="145"/>
      <c r="J10" s="145"/>
      <c r="K10" s="145"/>
      <c r="L10" s="145"/>
      <c r="M10" s="145"/>
      <c r="N10" s="145"/>
      <c r="O10" s="145"/>
      <c r="P10" s="145"/>
      <c r="Q10" s="145"/>
      <c r="R10" s="145"/>
      <c r="S10" s="145"/>
      <c r="T10" s="145"/>
      <c r="U10" s="145"/>
      <c r="V10" s="145"/>
      <c r="W10" s="145"/>
      <c r="X10" s="145"/>
      <c r="Y10" s="257"/>
    </row>
    <row r="11" spans="2:27" ht="13.5" customHeight="1" x14ac:dyDescent="0.15"/>
    <row r="12" spans="2:27" ht="12.95" customHeight="1" x14ac:dyDescent="0.15">
      <c r="B12" s="158"/>
      <c r="C12" s="157"/>
      <c r="D12" s="157"/>
      <c r="E12" s="157"/>
      <c r="F12" s="157"/>
      <c r="G12" s="157"/>
      <c r="H12" s="157"/>
      <c r="I12" s="157"/>
      <c r="J12" s="157"/>
      <c r="K12" s="157"/>
      <c r="L12" s="157"/>
      <c r="M12" s="157"/>
      <c r="N12" s="157"/>
      <c r="O12" s="157"/>
      <c r="P12" s="157"/>
      <c r="Q12" s="157"/>
      <c r="R12" s="157"/>
      <c r="S12" s="157"/>
      <c r="T12" s="156"/>
      <c r="U12" s="157"/>
      <c r="V12" s="157"/>
      <c r="W12" s="157"/>
      <c r="X12" s="157"/>
      <c r="Y12" s="156"/>
      <c r="Z12"/>
      <c r="AA12"/>
    </row>
    <row r="13" spans="2:27" ht="17.100000000000001" customHeight="1" x14ac:dyDescent="0.15">
      <c r="B13" s="343" t="s">
        <v>813</v>
      </c>
      <c r="C13" s="342"/>
      <c r="T13" s="149"/>
      <c r="V13" s="152" t="s">
        <v>227</v>
      </c>
      <c r="W13" s="152" t="s">
        <v>217</v>
      </c>
      <c r="X13" s="152" t="s">
        <v>226</v>
      </c>
      <c r="Y13" s="149"/>
      <c r="Z13"/>
      <c r="AA13"/>
    </row>
    <row r="14" spans="2:27" ht="17.100000000000001" customHeight="1" x14ac:dyDescent="0.15">
      <c r="B14" s="9"/>
      <c r="T14" s="149"/>
      <c r="Y14" s="149"/>
      <c r="Z14"/>
      <c r="AA14"/>
    </row>
    <row r="15" spans="2:27" ht="21.95" customHeight="1" x14ac:dyDescent="0.15">
      <c r="B15" s="9"/>
      <c r="C15" s="1031" t="s">
        <v>812</v>
      </c>
      <c r="D15" s="1032"/>
      <c r="E15" s="1032"/>
      <c r="F15" s="188" t="s">
        <v>279</v>
      </c>
      <c r="G15" s="804" t="s">
        <v>811</v>
      </c>
      <c r="H15" s="804"/>
      <c r="I15" s="804"/>
      <c r="J15" s="804"/>
      <c r="K15" s="804"/>
      <c r="L15" s="804"/>
      <c r="M15" s="804"/>
      <c r="N15" s="804"/>
      <c r="O15" s="804"/>
      <c r="P15" s="804"/>
      <c r="Q15" s="804"/>
      <c r="R15" s="804"/>
      <c r="S15" s="804"/>
      <c r="T15" s="149"/>
      <c r="V15" s="18" t="s">
        <v>0</v>
      </c>
      <c r="W15" s="18" t="s">
        <v>217</v>
      </c>
      <c r="X15" s="18" t="s">
        <v>0</v>
      </c>
      <c r="Y15" s="149"/>
      <c r="Z15"/>
      <c r="AA15"/>
    </row>
    <row r="16" spans="2:27" ht="49.5" customHeight="1" x14ac:dyDescent="0.15">
      <c r="B16" s="9"/>
      <c r="C16" s="1032"/>
      <c r="D16" s="1032"/>
      <c r="E16" s="1032"/>
      <c r="F16" s="188" t="s">
        <v>277</v>
      </c>
      <c r="G16" s="806" t="s">
        <v>810</v>
      </c>
      <c r="H16" s="806"/>
      <c r="I16" s="806"/>
      <c r="J16" s="806"/>
      <c r="K16" s="806"/>
      <c r="L16" s="806"/>
      <c r="M16" s="806"/>
      <c r="N16" s="806"/>
      <c r="O16" s="806"/>
      <c r="P16" s="806"/>
      <c r="Q16" s="806"/>
      <c r="R16" s="806"/>
      <c r="S16" s="806"/>
      <c r="T16" s="149"/>
      <c r="V16" s="18" t="s">
        <v>0</v>
      </c>
      <c r="W16" s="18" t="s">
        <v>217</v>
      </c>
      <c r="X16" s="18" t="s">
        <v>0</v>
      </c>
      <c r="Y16" s="149"/>
      <c r="Z16"/>
      <c r="AA16"/>
    </row>
    <row r="17" spans="2:27" ht="21.95" customHeight="1" x14ac:dyDescent="0.15">
      <c r="B17" s="9"/>
      <c r="C17" s="1032"/>
      <c r="D17" s="1032"/>
      <c r="E17" s="1032"/>
      <c r="F17" s="188" t="s">
        <v>293</v>
      </c>
      <c r="G17" s="804" t="s">
        <v>803</v>
      </c>
      <c r="H17" s="804"/>
      <c r="I17" s="804"/>
      <c r="J17" s="804"/>
      <c r="K17" s="804"/>
      <c r="L17" s="804"/>
      <c r="M17" s="804"/>
      <c r="N17" s="804"/>
      <c r="O17" s="804"/>
      <c r="P17" s="804"/>
      <c r="Q17" s="804"/>
      <c r="R17" s="804"/>
      <c r="S17" s="804"/>
      <c r="T17" s="149"/>
      <c r="V17" s="18" t="s">
        <v>0</v>
      </c>
      <c r="W17" s="18" t="s">
        <v>217</v>
      </c>
      <c r="X17" s="18" t="s">
        <v>0</v>
      </c>
      <c r="Y17" s="149"/>
      <c r="Z17"/>
      <c r="AA17"/>
    </row>
    <row r="18" spans="2:27" ht="17.100000000000001" customHeight="1" x14ac:dyDescent="0.15">
      <c r="B18" s="9"/>
      <c r="C18" s="16"/>
      <c r="D18" s="16"/>
      <c r="E18" s="16"/>
      <c r="T18" s="149"/>
      <c r="Y18" s="149"/>
      <c r="Z18"/>
      <c r="AA18"/>
    </row>
    <row r="19" spans="2:27" ht="21.95" customHeight="1" x14ac:dyDescent="0.15">
      <c r="B19" s="9"/>
      <c r="C19" s="1029" t="s">
        <v>809</v>
      </c>
      <c r="D19" s="1030"/>
      <c r="E19" s="1030"/>
      <c r="F19" s="188" t="s">
        <v>279</v>
      </c>
      <c r="G19" s="804" t="s">
        <v>808</v>
      </c>
      <c r="H19" s="804"/>
      <c r="I19" s="804"/>
      <c r="J19" s="804"/>
      <c r="K19" s="804"/>
      <c r="L19" s="804"/>
      <c r="M19" s="804"/>
      <c r="N19" s="804"/>
      <c r="O19" s="804"/>
      <c r="P19" s="804"/>
      <c r="Q19" s="804"/>
      <c r="R19" s="804"/>
      <c r="S19" s="804"/>
      <c r="T19" s="149"/>
      <c r="V19" s="18" t="s">
        <v>0</v>
      </c>
      <c r="W19" s="18" t="s">
        <v>217</v>
      </c>
      <c r="X19" s="18" t="s">
        <v>0</v>
      </c>
      <c r="Y19" s="149"/>
      <c r="Z19"/>
      <c r="AA19"/>
    </row>
    <row r="20" spans="2:27" ht="49.5" customHeight="1" x14ac:dyDescent="0.15">
      <c r="B20" s="9"/>
      <c r="C20" s="1030"/>
      <c r="D20" s="1030"/>
      <c r="E20" s="1030"/>
      <c r="F20" s="188" t="s">
        <v>277</v>
      </c>
      <c r="G20" s="806" t="s">
        <v>807</v>
      </c>
      <c r="H20" s="806"/>
      <c r="I20" s="806"/>
      <c r="J20" s="806"/>
      <c r="K20" s="806"/>
      <c r="L20" s="806"/>
      <c r="M20" s="806"/>
      <c r="N20" s="806"/>
      <c r="O20" s="806"/>
      <c r="P20" s="806"/>
      <c r="Q20" s="806"/>
      <c r="R20" s="806"/>
      <c r="S20" s="806"/>
      <c r="T20" s="149"/>
      <c r="V20" s="18" t="s">
        <v>0</v>
      </c>
      <c r="W20" s="18" t="s">
        <v>217</v>
      </c>
      <c r="X20" s="18" t="s">
        <v>0</v>
      </c>
      <c r="Y20" s="149"/>
      <c r="Z20"/>
      <c r="AA20"/>
    </row>
    <row r="21" spans="2:27" ht="21.95" customHeight="1" x14ac:dyDescent="0.15">
      <c r="B21" s="9"/>
      <c r="C21" s="1030"/>
      <c r="D21" s="1030"/>
      <c r="E21" s="1030"/>
      <c r="F21" s="188" t="s">
        <v>293</v>
      </c>
      <c r="G21" s="804" t="s">
        <v>803</v>
      </c>
      <c r="H21" s="804"/>
      <c r="I21" s="804"/>
      <c r="J21" s="804"/>
      <c r="K21" s="804"/>
      <c r="L21" s="804"/>
      <c r="M21" s="804"/>
      <c r="N21" s="804"/>
      <c r="O21" s="804"/>
      <c r="P21" s="804"/>
      <c r="Q21" s="804"/>
      <c r="R21" s="804"/>
      <c r="S21" s="804"/>
      <c r="T21" s="149"/>
      <c r="V21" s="18" t="s">
        <v>0</v>
      </c>
      <c r="W21" s="18" t="s">
        <v>217</v>
      </c>
      <c r="X21" s="18" t="s">
        <v>0</v>
      </c>
      <c r="Y21" s="149"/>
      <c r="Z21"/>
      <c r="AA21"/>
    </row>
    <row r="22" spans="2:27" ht="17.100000000000001" customHeight="1" x14ac:dyDescent="0.15">
      <c r="B22" s="9"/>
      <c r="T22" s="149"/>
      <c r="Y22" s="149"/>
      <c r="Z22"/>
      <c r="AA22"/>
    </row>
    <row r="23" spans="2:27" ht="21.95" customHeight="1" x14ac:dyDescent="0.15">
      <c r="B23" s="9"/>
      <c r="C23" s="1031" t="s">
        <v>806</v>
      </c>
      <c r="D23" s="1032"/>
      <c r="E23" s="1032"/>
      <c r="F23" s="188" t="s">
        <v>279</v>
      </c>
      <c r="G23" s="804" t="s">
        <v>805</v>
      </c>
      <c r="H23" s="804"/>
      <c r="I23" s="804"/>
      <c r="J23" s="804"/>
      <c r="K23" s="804"/>
      <c r="L23" s="804"/>
      <c r="M23" s="804"/>
      <c r="N23" s="804"/>
      <c r="O23" s="804"/>
      <c r="P23" s="804"/>
      <c r="Q23" s="804"/>
      <c r="R23" s="804"/>
      <c r="S23" s="804"/>
      <c r="T23" s="149"/>
      <c r="V23" s="18" t="s">
        <v>0</v>
      </c>
      <c r="W23" s="18" t="s">
        <v>217</v>
      </c>
      <c r="X23" s="18" t="s">
        <v>0</v>
      </c>
      <c r="Y23" s="149"/>
      <c r="Z23"/>
      <c r="AA23"/>
    </row>
    <row r="24" spans="2:27" ht="21.95" customHeight="1" x14ac:dyDescent="0.15">
      <c r="B24" s="9"/>
      <c r="C24" s="1032"/>
      <c r="D24" s="1032"/>
      <c r="E24" s="1032"/>
      <c r="F24" s="188" t="s">
        <v>277</v>
      </c>
      <c r="G24" s="806" t="s">
        <v>804</v>
      </c>
      <c r="H24" s="806"/>
      <c r="I24" s="806"/>
      <c r="J24" s="806"/>
      <c r="K24" s="806"/>
      <c r="L24" s="806"/>
      <c r="M24" s="806"/>
      <c r="N24" s="806"/>
      <c r="O24" s="806"/>
      <c r="P24" s="806"/>
      <c r="Q24" s="806"/>
      <c r="R24" s="806"/>
      <c r="S24" s="806"/>
      <c r="T24" s="149"/>
      <c r="V24" s="18" t="s">
        <v>0</v>
      </c>
      <c r="W24" s="18" t="s">
        <v>217</v>
      </c>
      <c r="X24" s="18" t="s">
        <v>0</v>
      </c>
      <c r="Y24" s="149"/>
      <c r="Z24"/>
      <c r="AA24"/>
    </row>
    <row r="25" spans="2:27" ht="21.95" customHeight="1" x14ac:dyDescent="0.15">
      <c r="B25" s="9"/>
      <c r="C25" s="1032"/>
      <c r="D25" s="1032"/>
      <c r="E25" s="1032"/>
      <c r="F25" s="188" t="s">
        <v>293</v>
      </c>
      <c r="G25" s="804" t="s">
        <v>803</v>
      </c>
      <c r="H25" s="804"/>
      <c r="I25" s="804"/>
      <c r="J25" s="804"/>
      <c r="K25" s="804"/>
      <c r="L25" s="804"/>
      <c r="M25" s="804"/>
      <c r="N25" s="804"/>
      <c r="O25" s="804"/>
      <c r="P25" s="804"/>
      <c r="Q25" s="804"/>
      <c r="R25" s="804"/>
      <c r="S25" s="804"/>
      <c r="T25" s="149"/>
      <c r="V25" s="18" t="s">
        <v>0</v>
      </c>
      <c r="W25" s="18" t="s">
        <v>217</v>
      </c>
      <c r="X25" s="18" t="s">
        <v>0</v>
      </c>
      <c r="Y25" s="149"/>
      <c r="Z25"/>
      <c r="AA25"/>
    </row>
    <row r="26" spans="2:27" ht="12.95" customHeight="1" x14ac:dyDescent="0.15">
      <c r="B26" s="173"/>
      <c r="C26" s="172"/>
      <c r="D26" s="172"/>
      <c r="E26" s="172"/>
      <c r="F26" s="172"/>
      <c r="G26" s="172"/>
      <c r="H26" s="172"/>
      <c r="I26" s="172"/>
      <c r="J26" s="172"/>
      <c r="K26" s="172"/>
      <c r="L26" s="172"/>
      <c r="M26" s="172"/>
      <c r="N26" s="172"/>
      <c r="O26" s="172"/>
      <c r="P26" s="172"/>
      <c r="Q26" s="172"/>
      <c r="R26" s="172"/>
      <c r="S26" s="172"/>
      <c r="T26" s="171"/>
      <c r="U26" s="172"/>
      <c r="V26" s="172"/>
      <c r="W26" s="172"/>
      <c r="X26" s="172"/>
      <c r="Y26" s="171"/>
    </row>
    <row r="28" spans="2:27" x14ac:dyDescent="0.15">
      <c r="B28" s="8" t="s">
        <v>507</v>
      </c>
    </row>
    <row r="29" spans="2:27" x14ac:dyDescent="0.15">
      <c r="B29" s="8" t="s">
        <v>506</v>
      </c>
      <c r="K29"/>
      <c r="L29"/>
      <c r="M29"/>
      <c r="N29"/>
      <c r="O29"/>
      <c r="P29"/>
      <c r="Q29"/>
      <c r="R29"/>
      <c r="S29"/>
      <c r="T29"/>
      <c r="U29"/>
      <c r="V29"/>
      <c r="W29"/>
      <c r="X29"/>
      <c r="Y29"/>
      <c r="Z29"/>
      <c r="AA29"/>
    </row>
    <row r="38" spans="3:32" x14ac:dyDescent="0.15">
      <c r="C38" s="172"/>
      <c r="D38" s="172"/>
      <c r="E38" s="172"/>
      <c r="F38" s="172"/>
      <c r="G38" s="172"/>
      <c r="H38" s="172"/>
      <c r="I38" s="172"/>
      <c r="J38" s="172"/>
      <c r="K38" s="172"/>
      <c r="L38" s="172"/>
      <c r="M38" s="172"/>
      <c r="N38" s="172"/>
      <c r="O38" s="172"/>
      <c r="P38" s="172"/>
      <c r="Q38" s="172"/>
      <c r="R38" s="172"/>
      <c r="S38" s="172"/>
      <c r="T38" s="172"/>
      <c r="U38" s="172"/>
      <c r="V38" s="172"/>
      <c r="W38" s="172"/>
      <c r="X38" s="172"/>
      <c r="Y38" s="172"/>
      <c r="Z38" s="172"/>
      <c r="AA38" s="172"/>
      <c r="AB38" s="172"/>
      <c r="AC38" s="172"/>
      <c r="AD38" s="172"/>
      <c r="AE38" s="172"/>
      <c r="AF38" s="172"/>
    </row>
    <row r="39" spans="3:32" x14ac:dyDescent="0.15">
      <c r="C39" s="157"/>
    </row>
    <row r="122" spans="3:7" x14ac:dyDescent="0.15">
      <c r="C122" s="172"/>
      <c r="D122" s="172"/>
      <c r="E122" s="172"/>
      <c r="F122" s="172"/>
      <c r="G122" s="172"/>
    </row>
    <row r="123" spans="3:7" x14ac:dyDescent="0.15">
      <c r="C123" s="157"/>
    </row>
  </sheetData>
  <mergeCells count="17">
    <mergeCell ref="C15:E17"/>
    <mergeCell ref="G15:S15"/>
    <mergeCell ref="G16:S16"/>
    <mergeCell ref="G17:S17"/>
    <mergeCell ref="B4:Y4"/>
    <mergeCell ref="B6:F6"/>
    <mergeCell ref="G6:Y6"/>
    <mergeCell ref="B7:F7"/>
    <mergeCell ref="B8:F10"/>
    <mergeCell ref="C19:E21"/>
    <mergeCell ref="G19:S19"/>
    <mergeCell ref="G20:S20"/>
    <mergeCell ref="G21:S21"/>
    <mergeCell ref="C23:E25"/>
    <mergeCell ref="G23:S23"/>
    <mergeCell ref="G24:S24"/>
    <mergeCell ref="G25:S25"/>
  </mergeCells>
  <phoneticPr fontId="2"/>
  <dataValidations count="1">
    <dataValidation type="list" allowBlank="1" showInputMessage="1" showErrorMessage="1" sqref="V15:V17 X15:X17 V19:V21 X19:X21 V23:V25 X23:X25 L7 Q7 G7:G10">
      <formula1>"□,■"</formula1>
    </dataValidation>
  </dataValidations>
  <pageMargins left="0.7" right="0.7" top="0.75" bottom="0.75" header="0.3" footer="0.3"/>
  <pageSetup paperSize="9" orientation="portrait" r:id="rId1"/>
</worksheet>
</file>

<file path=xl/worksheets/sheet3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AF123"/>
  <sheetViews>
    <sheetView zoomScaleNormal="100" workbookViewId="0">
      <selection activeCell="C87" sqref="C87"/>
    </sheetView>
  </sheetViews>
  <sheetFormatPr defaultColWidth="4" defaultRowHeight="13.5" x14ac:dyDescent="0.15"/>
  <cols>
    <col min="1" max="1" width="1.5" style="8" customWidth="1"/>
    <col min="2" max="2" width="3.125" style="8" customWidth="1"/>
    <col min="3" max="3" width="1.125" style="8" customWidth="1"/>
    <col min="4" max="19" width="4" style="8"/>
    <col min="20" max="20" width="3.125" style="8" customWidth="1"/>
    <col min="21" max="21" width="2.375" style="8" customWidth="1"/>
    <col min="22" max="22" width="4" style="8"/>
    <col min="23" max="23" width="2.25" style="8" customWidth="1"/>
    <col min="24" max="24" width="4" style="8"/>
    <col min="25" max="25" width="2.375" style="8" customWidth="1"/>
    <col min="26" max="26" width="1.5" style="8" customWidth="1"/>
    <col min="27" max="29" width="4" style="8"/>
    <col min="30" max="30" width="6.625" style="8" bestFit="1" customWidth="1"/>
    <col min="31" max="16384" width="4" style="8"/>
  </cols>
  <sheetData>
    <row r="2" spans="2:30" x14ac:dyDescent="0.15">
      <c r="B2" s="8" t="s">
        <v>835</v>
      </c>
      <c r="C2"/>
      <c r="D2"/>
      <c r="E2"/>
      <c r="F2"/>
      <c r="G2"/>
      <c r="H2"/>
      <c r="I2"/>
      <c r="J2"/>
      <c r="K2"/>
      <c r="L2"/>
      <c r="M2"/>
      <c r="N2"/>
      <c r="O2"/>
      <c r="P2"/>
      <c r="Q2"/>
      <c r="R2"/>
      <c r="S2"/>
      <c r="T2"/>
      <c r="U2"/>
      <c r="V2"/>
      <c r="W2"/>
      <c r="X2"/>
      <c r="Y2"/>
    </row>
    <row r="4" spans="2:30" ht="34.5" customHeight="1" x14ac:dyDescent="0.15">
      <c r="B4" s="1033" t="s">
        <v>834</v>
      </c>
      <c r="C4" s="778"/>
      <c r="D4" s="778"/>
      <c r="E4" s="778"/>
      <c r="F4" s="778"/>
      <c r="G4" s="778"/>
      <c r="H4" s="778"/>
      <c r="I4" s="778"/>
      <c r="J4" s="778"/>
      <c r="K4" s="778"/>
      <c r="L4" s="778"/>
      <c r="M4" s="778"/>
      <c r="N4" s="778"/>
      <c r="O4" s="778"/>
      <c r="P4" s="778"/>
      <c r="Q4" s="778"/>
      <c r="R4" s="778"/>
      <c r="S4" s="778"/>
      <c r="T4" s="778"/>
      <c r="U4" s="778"/>
      <c r="V4" s="778"/>
      <c r="W4" s="778"/>
      <c r="X4" s="778"/>
      <c r="Y4" s="778"/>
    </row>
    <row r="5" spans="2:30" ht="13.5" customHeight="1" x14ac:dyDescent="0.15"/>
    <row r="6" spans="2:30" ht="24" customHeight="1" x14ac:dyDescent="0.15">
      <c r="B6" s="790" t="s">
        <v>531</v>
      </c>
      <c r="C6" s="790"/>
      <c r="D6" s="790"/>
      <c r="E6" s="790"/>
      <c r="F6" s="790"/>
      <c r="G6" s="791"/>
      <c r="H6" s="792"/>
      <c r="I6" s="792"/>
      <c r="J6" s="792"/>
      <c r="K6" s="792"/>
      <c r="L6" s="792"/>
      <c r="M6" s="792"/>
      <c r="N6" s="792"/>
      <c r="O6" s="792"/>
      <c r="P6" s="792"/>
      <c r="Q6" s="792"/>
      <c r="R6" s="792"/>
      <c r="S6" s="792"/>
      <c r="T6" s="792"/>
      <c r="U6" s="792"/>
      <c r="V6" s="792"/>
      <c r="W6" s="792"/>
      <c r="X6" s="792"/>
      <c r="Y6" s="793"/>
    </row>
    <row r="7" spans="2:30" ht="24" customHeight="1" x14ac:dyDescent="0.15">
      <c r="B7" s="790" t="s">
        <v>481</v>
      </c>
      <c r="C7" s="790"/>
      <c r="D7" s="790"/>
      <c r="E7" s="790"/>
      <c r="F7" s="790"/>
      <c r="G7" s="177" t="s">
        <v>0</v>
      </c>
      <c r="H7" s="168" t="s">
        <v>242</v>
      </c>
      <c r="I7" s="168"/>
      <c r="J7" s="168"/>
      <c r="K7" s="168"/>
      <c r="L7" s="177" t="s">
        <v>0</v>
      </c>
      <c r="M7" s="168" t="s">
        <v>241</v>
      </c>
      <c r="N7" s="168"/>
      <c r="O7" s="168"/>
      <c r="P7" s="168"/>
      <c r="Q7" s="177" t="s">
        <v>0</v>
      </c>
      <c r="R7" s="168" t="s">
        <v>240</v>
      </c>
      <c r="S7" s="168"/>
      <c r="T7" s="168"/>
      <c r="U7" s="168"/>
      <c r="V7" s="168"/>
      <c r="W7" s="181"/>
      <c r="X7" s="181"/>
      <c r="Y7" s="197"/>
    </row>
    <row r="8" spans="2:30" ht="21.95" customHeight="1" x14ac:dyDescent="0.15">
      <c r="B8" s="783" t="s">
        <v>530</v>
      </c>
      <c r="C8" s="784"/>
      <c r="D8" s="784"/>
      <c r="E8" s="784"/>
      <c r="F8" s="785"/>
      <c r="G8" s="250" t="s">
        <v>0</v>
      </c>
      <c r="H8" s="157" t="s">
        <v>816</v>
      </c>
      <c r="I8" s="259"/>
      <c r="J8" s="259"/>
      <c r="K8" s="259"/>
      <c r="L8" s="259"/>
      <c r="M8" s="259"/>
      <c r="N8" s="259"/>
      <c r="O8" s="259"/>
      <c r="P8" s="259"/>
      <c r="Q8" s="259"/>
      <c r="R8" s="259"/>
      <c r="S8" s="259"/>
      <c r="T8" s="259"/>
      <c r="U8" s="259"/>
      <c r="V8" s="259"/>
      <c r="W8" s="259"/>
      <c r="X8" s="259"/>
      <c r="Y8" s="258"/>
    </row>
    <row r="9" spans="2:30" ht="21.95" customHeight="1" x14ac:dyDescent="0.15">
      <c r="B9" s="810"/>
      <c r="C9" s="778"/>
      <c r="D9" s="778"/>
      <c r="E9" s="778"/>
      <c r="F9" s="811"/>
      <c r="G9" s="151" t="s">
        <v>0</v>
      </c>
      <c r="H9" s="8" t="s">
        <v>815</v>
      </c>
      <c r="I9" s="154"/>
      <c r="J9" s="154"/>
      <c r="K9" s="154"/>
      <c r="L9" s="154"/>
      <c r="M9" s="154"/>
      <c r="N9" s="154"/>
      <c r="O9" s="154"/>
      <c r="P9" s="154"/>
      <c r="Q9" s="154"/>
      <c r="R9" s="154"/>
      <c r="S9" s="154"/>
      <c r="T9" s="154"/>
      <c r="U9" s="154"/>
      <c r="V9" s="154"/>
      <c r="W9" s="154"/>
      <c r="X9" s="154"/>
      <c r="Y9" s="196"/>
    </row>
    <row r="10" spans="2:30" ht="21.95" customHeight="1" x14ac:dyDescent="0.15">
      <c r="B10" s="786"/>
      <c r="C10" s="787"/>
      <c r="D10" s="787"/>
      <c r="E10" s="787"/>
      <c r="F10" s="788"/>
      <c r="G10" s="163" t="s">
        <v>0</v>
      </c>
      <c r="H10" s="172" t="s">
        <v>833</v>
      </c>
      <c r="I10" s="145"/>
      <c r="J10" s="145"/>
      <c r="K10" s="145"/>
      <c r="L10" s="145"/>
      <c r="M10" s="145"/>
      <c r="N10" s="145"/>
      <c r="O10" s="145"/>
      <c r="P10" s="145"/>
      <c r="Q10" s="145"/>
      <c r="R10" s="145"/>
      <c r="S10" s="145"/>
      <c r="T10" s="145"/>
      <c r="U10" s="145"/>
      <c r="V10" s="145"/>
      <c r="W10" s="145"/>
      <c r="X10" s="145"/>
      <c r="Y10" s="257"/>
    </row>
    <row r="11" spans="2:30" ht="13.5" customHeight="1" x14ac:dyDescent="0.15">
      <c r="AD11" s="344"/>
    </row>
    <row r="12" spans="2:30" ht="12.95" customHeight="1" x14ac:dyDescent="0.15">
      <c r="B12" s="158"/>
      <c r="C12" s="157"/>
      <c r="D12" s="157"/>
      <c r="E12" s="157"/>
      <c r="F12" s="157"/>
      <c r="G12" s="157"/>
      <c r="H12" s="157"/>
      <c r="I12" s="157"/>
      <c r="J12" s="157"/>
      <c r="K12" s="157"/>
      <c r="L12" s="157"/>
      <c r="M12" s="157"/>
      <c r="N12" s="157"/>
      <c r="O12" s="157"/>
      <c r="P12" s="157"/>
      <c r="Q12" s="157"/>
      <c r="R12" s="157"/>
      <c r="S12" s="157"/>
      <c r="T12" s="156"/>
      <c r="U12" s="157"/>
      <c r="V12" s="157"/>
      <c r="W12" s="157"/>
      <c r="X12" s="157"/>
      <c r="Y12" s="156"/>
      <c r="Z12"/>
      <c r="AA12"/>
    </row>
    <row r="13" spans="2:30" ht="17.100000000000001" customHeight="1" x14ac:dyDescent="0.15">
      <c r="B13" s="343" t="s">
        <v>832</v>
      </c>
      <c r="C13" s="342"/>
      <c r="T13" s="149"/>
      <c r="V13" s="152" t="s">
        <v>227</v>
      </c>
      <c r="W13" s="152" t="s">
        <v>217</v>
      </c>
      <c r="X13" s="152" t="s">
        <v>226</v>
      </c>
      <c r="Y13" s="149"/>
      <c r="Z13"/>
      <c r="AA13"/>
    </row>
    <row r="14" spans="2:30" ht="17.100000000000001" customHeight="1" x14ac:dyDescent="0.15">
      <c r="B14" s="9"/>
      <c r="T14" s="149"/>
      <c r="Y14" s="149"/>
      <c r="Z14"/>
      <c r="AA14"/>
    </row>
    <row r="15" spans="2:30" ht="49.5" customHeight="1" x14ac:dyDescent="0.15">
      <c r="B15" s="9"/>
      <c r="C15" s="1031" t="s">
        <v>812</v>
      </c>
      <c r="D15" s="1032"/>
      <c r="E15" s="1032"/>
      <c r="F15" s="188" t="s">
        <v>279</v>
      </c>
      <c r="G15" s="806" t="s">
        <v>831</v>
      </c>
      <c r="H15" s="806"/>
      <c r="I15" s="806"/>
      <c r="J15" s="806"/>
      <c r="K15" s="806"/>
      <c r="L15" s="806"/>
      <c r="M15" s="806"/>
      <c r="N15" s="806"/>
      <c r="O15" s="806"/>
      <c r="P15" s="806"/>
      <c r="Q15" s="806"/>
      <c r="R15" s="806"/>
      <c r="S15" s="806"/>
      <c r="T15" s="149"/>
      <c r="V15" s="18" t="s">
        <v>0</v>
      </c>
      <c r="W15" s="18" t="s">
        <v>217</v>
      </c>
      <c r="X15" s="18" t="s">
        <v>0</v>
      </c>
      <c r="Y15" s="149"/>
      <c r="Z15"/>
      <c r="AA15"/>
    </row>
    <row r="16" spans="2:30" ht="69" customHeight="1" x14ac:dyDescent="0.15">
      <c r="B16" s="9"/>
      <c r="C16" s="1032"/>
      <c r="D16" s="1032"/>
      <c r="E16" s="1032"/>
      <c r="F16" s="188" t="s">
        <v>277</v>
      </c>
      <c r="G16" s="806" t="s">
        <v>830</v>
      </c>
      <c r="H16" s="806"/>
      <c r="I16" s="806"/>
      <c r="J16" s="806"/>
      <c r="K16" s="806"/>
      <c r="L16" s="806"/>
      <c r="M16" s="806"/>
      <c r="N16" s="806"/>
      <c r="O16" s="806"/>
      <c r="P16" s="806"/>
      <c r="Q16" s="806"/>
      <c r="R16" s="806"/>
      <c r="S16" s="806"/>
      <c r="T16" s="149"/>
      <c r="V16" s="18" t="s">
        <v>0</v>
      </c>
      <c r="W16" s="18" t="s">
        <v>217</v>
      </c>
      <c r="X16" s="18" t="s">
        <v>0</v>
      </c>
      <c r="Y16" s="149"/>
      <c r="Z16"/>
      <c r="AA16"/>
    </row>
    <row r="17" spans="2:27" ht="39.950000000000003" customHeight="1" x14ac:dyDescent="0.15">
      <c r="B17" s="9"/>
      <c r="C17" s="1032"/>
      <c r="D17" s="1032"/>
      <c r="E17" s="1032"/>
      <c r="F17" s="188" t="s">
        <v>293</v>
      </c>
      <c r="G17" s="806" t="s">
        <v>829</v>
      </c>
      <c r="H17" s="806"/>
      <c r="I17" s="806"/>
      <c r="J17" s="806"/>
      <c r="K17" s="806"/>
      <c r="L17" s="806"/>
      <c r="M17" s="806"/>
      <c r="N17" s="806"/>
      <c r="O17" s="806"/>
      <c r="P17" s="806"/>
      <c r="Q17" s="806"/>
      <c r="R17" s="806"/>
      <c r="S17" s="806"/>
      <c r="T17" s="149"/>
      <c r="V17" s="18" t="s">
        <v>0</v>
      </c>
      <c r="W17" s="18" t="s">
        <v>217</v>
      </c>
      <c r="X17" s="18" t="s">
        <v>0</v>
      </c>
      <c r="Y17" s="149"/>
      <c r="Z17"/>
      <c r="AA17"/>
    </row>
    <row r="18" spans="2:27" ht="21.95" customHeight="1" x14ac:dyDescent="0.15">
      <c r="B18" s="9"/>
      <c r="C18" s="1032"/>
      <c r="D18" s="1032"/>
      <c r="E18" s="1032"/>
      <c r="F18" s="188" t="s">
        <v>513</v>
      </c>
      <c r="G18" s="806" t="s">
        <v>828</v>
      </c>
      <c r="H18" s="806"/>
      <c r="I18" s="806"/>
      <c r="J18" s="806"/>
      <c r="K18" s="806"/>
      <c r="L18" s="806"/>
      <c r="M18" s="806"/>
      <c r="N18" s="806"/>
      <c r="O18" s="806"/>
      <c r="P18" s="806"/>
      <c r="Q18" s="806"/>
      <c r="R18" s="806"/>
      <c r="S18" s="806"/>
      <c r="T18" s="149"/>
      <c r="V18" s="18" t="s">
        <v>0</v>
      </c>
      <c r="W18" s="18" t="s">
        <v>217</v>
      </c>
      <c r="X18" s="18" t="s">
        <v>0</v>
      </c>
      <c r="Y18" s="149"/>
      <c r="Z18"/>
      <c r="AA18"/>
    </row>
    <row r="19" spans="2:27" ht="17.45" customHeight="1" x14ac:dyDescent="0.15">
      <c r="B19" s="9"/>
      <c r="C19" s="249"/>
      <c r="D19" s="249"/>
      <c r="E19" s="249"/>
      <c r="F19" s="18"/>
      <c r="G19" s="154"/>
      <c r="H19" s="154"/>
      <c r="I19" s="154"/>
      <c r="J19" s="154"/>
      <c r="K19" s="154"/>
      <c r="L19" s="154"/>
      <c r="M19" s="154"/>
      <c r="N19" s="154"/>
      <c r="O19" s="154"/>
      <c r="P19" s="154"/>
      <c r="Q19" s="154"/>
      <c r="R19" s="154"/>
      <c r="S19" s="154"/>
      <c r="T19" s="149"/>
      <c r="Y19" s="149"/>
      <c r="Z19"/>
      <c r="AA19"/>
    </row>
    <row r="20" spans="2:27" ht="69" customHeight="1" x14ac:dyDescent="0.15">
      <c r="B20" s="9"/>
      <c r="C20" s="1029" t="s">
        <v>827</v>
      </c>
      <c r="D20" s="1030"/>
      <c r="E20" s="1030"/>
      <c r="F20" s="188" t="s">
        <v>279</v>
      </c>
      <c r="G20" s="806" t="s">
        <v>826</v>
      </c>
      <c r="H20" s="806"/>
      <c r="I20" s="806"/>
      <c r="J20" s="806"/>
      <c r="K20" s="806"/>
      <c r="L20" s="806"/>
      <c r="M20" s="806"/>
      <c r="N20" s="806"/>
      <c r="O20" s="806"/>
      <c r="P20" s="806"/>
      <c r="Q20" s="806"/>
      <c r="R20" s="806"/>
      <c r="S20" s="806"/>
      <c r="T20" s="149"/>
      <c r="V20" s="18" t="s">
        <v>0</v>
      </c>
      <c r="W20" s="18" t="s">
        <v>217</v>
      </c>
      <c r="X20" s="18" t="s">
        <v>0</v>
      </c>
      <c r="Y20" s="149"/>
      <c r="Z20"/>
      <c r="AA20"/>
    </row>
    <row r="21" spans="2:27" ht="69" customHeight="1" x14ac:dyDescent="0.15">
      <c r="B21" s="9"/>
      <c r="C21" s="1030"/>
      <c r="D21" s="1030"/>
      <c r="E21" s="1030"/>
      <c r="F21" s="188" t="s">
        <v>277</v>
      </c>
      <c r="G21" s="806" t="s">
        <v>825</v>
      </c>
      <c r="H21" s="806"/>
      <c r="I21" s="806"/>
      <c r="J21" s="806"/>
      <c r="K21" s="806"/>
      <c r="L21" s="806"/>
      <c r="M21" s="806"/>
      <c r="N21" s="806"/>
      <c r="O21" s="806"/>
      <c r="P21" s="806"/>
      <c r="Q21" s="806"/>
      <c r="R21" s="806"/>
      <c r="S21" s="806"/>
      <c r="T21" s="149"/>
      <c r="V21" s="18" t="s">
        <v>0</v>
      </c>
      <c r="W21" s="18" t="s">
        <v>217</v>
      </c>
      <c r="X21" s="18" t="s">
        <v>0</v>
      </c>
      <c r="Y21" s="149"/>
      <c r="Z21"/>
      <c r="AA21"/>
    </row>
    <row r="22" spans="2:27" ht="49.5" customHeight="1" x14ac:dyDescent="0.15">
      <c r="B22" s="9"/>
      <c r="C22" s="1030"/>
      <c r="D22" s="1030"/>
      <c r="E22" s="1030"/>
      <c r="F22" s="188" t="s">
        <v>293</v>
      </c>
      <c r="G22" s="806" t="s">
        <v>824</v>
      </c>
      <c r="H22" s="806"/>
      <c r="I22" s="806"/>
      <c r="J22" s="806"/>
      <c r="K22" s="806"/>
      <c r="L22" s="806"/>
      <c r="M22" s="806"/>
      <c r="N22" s="806"/>
      <c r="O22" s="806"/>
      <c r="P22" s="806"/>
      <c r="Q22" s="806"/>
      <c r="R22" s="806"/>
      <c r="S22" s="806"/>
      <c r="T22" s="149"/>
      <c r="V22" s="18" t="s">
        <v>0</v>
      </c>
      <c r="W22" s="18" t="s">
        <v>217</v>
      </c>
      <c r="X22" s="18" t="s">
        <v>0</v>
      </c>
      <c r="Y22" s="149"/>
      <c r="Z22"/>
      <c r="AA22"/>
    </row>
    <row r="23" spans="2:27" ht="21.95" customHeight="1" x14ac:dyDescent="0.15">
      <c r="B23" s="9"/>
      <c r="C23" s="1030"/>
      <c r="D23" s="1030"/>
      <c r="E23" s="1030"/>
      <c r="F23" s="188" t="s">
        <v>513</v>
      </c>
      <c r="G23" s="806" t="s">
        <v>823</v>
      </c>
      <c r="H23" s="806"/>
      <c r="I23" s="806"/>
      <c r="J23" s="806"/>
      <c r="K23" s="806"/>
      <c r="L23" s="806"/>
      <c r="M23" s="806"/>
      <c r="N23" s="806"/>
      <c r="O23" s="806"/>
      <c r="P23" s="806"/>
      <c r="Q23" s="806"/>
      <c r="R23" s="806"/>
      <c r="S23" s="806"/>
      <c r="T23" s="149"/>
      <c r="V23" s="18" t="s">
        <v>0</v>
      </c>
      <c r="W23" s="18" t="s">
        <v>217</v>
      </c>
      <c r="X23" s="18" t="s">
        <v>0</v>
      </c>
      <c r="Y23" s="149"/>
      <c r="Z23"/>
      <c r="AA23"/>
    </row>
    <row r="24" spans="2:27" ht="17.45" customHeight="1" x14ac:dyDescent="0.15">
      <c r="B24" s="9"/>
      <c r="C24" s="249"/>
      <c r="D24" s="249"/>
      <c r="E24" s="249"/>
      <c r="F24" s="18"/>
      <c r="G24" s="154"/>
      <c r="H24" s="154"/>
      <c r="I24" s="154"/>
      <c r="J24" s="154"/>
      <c r="K24" s="154"/>
      <c r="L24" s="154"/>
      <c r="M24" s="154"/>
      <c r="N24" s="154"/>
      <c r="O24" s="154"/>
      <c r="P24" s="154"/>
      <c r="Q24" s="154"/>
      <c r="R24" s="154"/>
      <c r="S24" s="154"/>
      <c r="T24" s="149"/>
      <c r="Y24" s="149"/>
      <c r="Z24"/>
      <c r="AA24"/>
    </row>
    <row r="25" spans="2:27" ht="69" customHeight="1" x14ac:dyDescent="0.15">
      <c r="B25" s="9"/>
      <c r="C25" s="1034" t="s">
        <v>822</v>
      </c>
      <c r="D25" s="1035"/>
      <c r="E25" s="1036"/>
      <c r="F25" s="188" t="s">
        <v>279</v>
      </c>
      <c r="G25" s="806" t="s">
        <v>821</v>
      </c>
      <c r="H25" s="806"/>
      <c r="I25" s="806"/>
      <c r="J25" s="806"/>
      <c r="K25" s="806"/>
      <c r="L25" s="806"/>
      <c r="M25" s="806"/>
      <c r="N25" s="806"/>
      <c r="O25" s="806"/>
      <c r="P25" s="806"/>
      <c r="Q25" s="806"/>
      <c r="R25" s="806"/>
      <c r="S25" s="806"/>
      <c r="T25" s="149"/>
      <c r="V25" s="18" t="s">
        <v>0</v>
      </c>
      <c r="W25" s="18" t="s">
        <v>217</v>
      </c>
      <c r="X25" s="18" t="s">
        <v>0</v>
      </c>
      <c r="Y25" s="149"/>
      <c r="Z25"/>
      <c r="AA25"/>
    </row>
    <row r="26" spans="2:27" ht="69" customHeight="1" x14ac:dyDescent="0.15">
      <c r="B26" s="9"/>
      <c r="C26" s="1037"/>
      <c r="D26" s="1038"/>
      <c r="E26" s="1039"/>
      <c r="F26" s="188" t="s">
        <v>277</v>
      </c>
      <c r="G26" s="806" t="s">
        <v>820</v>
      </c>
      <c r="H26" s="806"/>
      <c r="I26" s="806"/>
      <c r="J26" s="806"/>
      <c r="K26" s="806"/>
      <c r="L26" s="806"/>
      <c r="M26" s="806"/>
      <c r="N26" s="806"/>
      <c r="O26" s="806"/>
      <c r="P26" s="806"/>
      <c r="Q26" s="806"/>
      <c r="R26" s="806"/>
      <c r="S26" s="806"/>
      <c r="T26" s="149"/>
      <c r="V26" s="18" t="s">
        <v>0</v>
      </c>
      <c r="W26" s="18" t="s">
        <v>217</v>
      </c>
      <c r="X26" s="18" t="s">
        <v>0</v>
      </c>
      <c r="Y26" s="149"/>
      <c r="Z26"/>
      <c r="AA26"/>
    </row>
    <row r="27" spans="2:27" ht="49.5" customHeight="1" x14ac:dyDescent="0.15">
      <c r="B27" s="9"/>
      <c r="C27" s="1040"/>
      <c r="D27" s="1041"/>
      <c r="E27" s="1042"/>
      <c r="F27" s="188" t="s">
        <v>293</v>
      </c>
      <c r="G27" s="806" t="s">
        <v>819</v>
      </c>
      <c r="H27" s="806"/>
      <c r="I27" s="806"/>
      <c r="J27" s="806"/>
      <c r="K27" s="806"/>
      <c r="L27" s="806"/>
      <c r="M27" s="806"/>
      <c r="N27" s="806"/>
      <c r="O27" s="806"/>
      <c r="P27" s="806"/>
      <c r="Q27" s="806"/>
      <c r="R27" s="806"/>
      <c r="S27" s="806"/>
      <c r="T27" s="149"/>
      <c r="V27" s="18" t="s">
        <v>0</v>
      </c>
      <c r="W27" s="18" t="s">
        <v>217</v>
      </c>
      <c r="X27" s="18" t="s">
        <v>0</v>
      </c>
      <c r="Y27" s="149"/>
      <c r="Z27"/>
      <c r="AA27"/>
    </row>
    <row r="28" spans="2:27" ht="12.95" customHeight="1" x14ac:dyDescent="0.15">
      <c r="B28" s="173"/>
      <c r="C28" s="172"/>
      <c r="D28" s="172"/>
      <c r="E28" s="172"/>
      <c r="F28" s="172"/>
      <c r="G28" s="172"/>
      <c r="H28" s="172"/>
      <c r="I28" s="172"/>
      <c r="J28" s="172"/>
      <c r="K28" s="172"/>
      <c r="L28" s="172"/>
      <c r="M28" s="172"/>
      <c r="N28" s="172"/>
      <c r="O28" s="172"/>
      <c r="P28" s="172"/>
      <c r="Q28" s="172"/>
      <c r="R28" s="172"/>
      <c r="S28" s="172"/>
      <c r="T28" s="171"/>
      <c r="U28" s="172"/>
      <c r="V28" s="172"/>
      <c r="W28" s="172"/>
      <c r="X28" s="172"/>
      <c r="Y28" s="171"/>
    </row>
    <row r="30" spans="2:27" x14ac:dyDescent="0.15">
      <c r="B30" s="8" t="s">
        <v>507</v>
      </c>
    </row>
    <row r="31" spans="2:27" x14ac:dyDescent="0.15">
      <c r="B31" s="8" t="s">
        <v>506</v>
      </c>
      <c r="K31"/>
      <c r="L31"/>
      <c r="M31"/>
      <c r="N31"/>
      <c r="O31"/>
      <c r="P31"/>
      <c r="Q31"/>
      <c r="R31"/>
      <c r="S31"/>
      <c r="T31"/>
      <c r="U31"/>
      <c r="V31"/>
      <c r="W31"/>
      <c r="X31"/>
      <c r="Y31"/>
      <c r="Z31"/>
      <c r="AA31"/>
    </row>
    <row r="38" spans="3:32" x14ac:dyDescent="0.15">
      <c r="C38" s="172"/>
      <c r="D38" s="172"/>
      <c r="E38" s="172"/>
      <c r="F38" s="172"/>
      <c r="G38" s="172"/>
      <c r="H38" s="172"/>
      <c r="I38" s="172"/>
      <c r="J38" s="172"/>
      <c r="K38" s="172"/>
      <c r="L38" s="172"/>
      <c r="M38" s="172"/>
      <c r="N38" s="172"/>
      <c r="O38" s="172"/>
      <c r="P38" s="172"/>
      <c r="Q38" s="172"/>
      <c r="R38" s="172"/>
      <c r="S38" s="172"/>
      <c r="T38" s="172"/>
      <c r="U38" s="172"/>
      <c r="V38" s="172"/>
      <c r="W38" s="172"/>
      <c r="X38" s="172"/>
      <c r="Y38" s="172"/>
      <c r="Z38" s="172"/>
      <c r="AA38" s="172"/>
      <c r="AB38" s="172"/>
      <c r="AC38" s="172"/>
      <c r="AD38" s="172"/>
      <c r="AE38" s="172"/>
      <c r="AF38" s="172"/>
    </row>
    <row r="39" spans="3:32" x14ac:dyDescent="0.15">
      <c r="C39" s="157"/>
    </row>
    <row r="122" spans="3:7" x14ac:dyDescent="0.15">
      <c r="C122" s="172"/>
      <c r="D122" s="172"/>
      <c r="E122" s="172"/>
      <c r="F122" s="172"/>
      <c r="G122" s="172"/>
    </row>
    <row r="123" spans="3:7" x14ac:dyDescent="0.15">
      <c r="C123" s="157"/>
    </row>
  </sheetData>
  <mergeCells count="19">
    <mergeCell ref="B4:Y4"/>
    <mergeCell ref="B6:F6"/>
    <mergeCell ref="G6:Y6"/>
    <mergeCell ref="B7:F7"/>
    <mergeCell ref="B8:F10"/>
    <mergeCell ref="C15:E18"/>
    <mergeCell ref="G15:S15"/>
    <mergeCell ref="G16:S16"/>
    <mergeCell ref="G17:S17"/>
    <mergeCell ref="G18:S18"/>
    <mergeCell ref="G21:S21"/>
    <mergeCell ref="G22:S22"/>
    <mergeCell ref="G23:S23"/>
    <mergeCell ref="C25:E27"/>
    <mergeCell ref="G25:S25"/>
    <mergeCell ref="G26:S26"/>
    <mergeCell ref="G27:S27"/>
    <mergeCell ref="C20:E23"/>
    <mergeCell ref="G20:S20"/>
  </mergeCells>
  <phoneticPr fontId="2"/>
  <dataValidations count="1">
    <dataValidation type="list" allowBlank="1" showInputMessage="1" showErrorMessage="1" sqref="V15:V18 X15:X18 V20:V23 X20:X23 V25:V27 X25:X27 L7 Q7 G7:G10">
      <formula1>"□,■"</formula1>
    </dataValidation>
  </dataValidations>
  <pageMargins left="0.7" right="0.7" top="0.75" bottom="0.75" header="0.3" footer="0.3"/>
  <pageSetup paperSize="9" scale="85" orientation="portrait" r:id="rId1"/>
</worksheet>
</file>

<file path=xl/worksheets/sheet3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F123"/>
  <sheetViews>
    <sheetView zoomScaleNormal="100" workbookViewId="0">
      <selection activeCell="C87" sqref="C87"/>
    </sheetView>
  </sheetViews>
  <sheetFormatPr defaultRowHeight="18.75" x14ac:dyDescent="0.15"/>
  <cols>
    <col min="1" max="1" width="2.125" style="345" customWidth="1"/>
    <col min="2" max="23" width="3.625" style="345" customWidth="1"/>
    <col min="24" max="24" width="2.125" style="345" customWidth="1"/>
    <col min="25" max="37" width="5.625" style="345" customWidth="1"/>
    <col min="38" max="16384" width="9" style="345"/>
  </cols>
  <sheetData>
    <row r="1" spans="2:23" x14ac:dyDescent="0.15">
      <c r="B1" s="345" t="s">
        <v>856</v>
      </c>
      <c r="M1" s="356"/>
      <c r="N1" s="355"/>
      <c r="O1" s="355"/>
      <c r="P1" s="355"/>
      <c r="Q1" s="356" t="s">
        <v>12</v>
      </c>
      <c r="R1" s="354"/>
      <c r="S1" s="355" t="s">
        <v>11</v>
      </c>
      <c r="T1" s="354"/>
      <c r="U1" s="355" t="s">
        <v>10</v>
      </c>
      <c r="V1" s="354"/>
      <c r="W1" s="355" t="s">
        <v>20</v>
      </c>
    </row>
    <row r="2" spans="2:23" ht="5.0999999999999996" customHeight="1" x14ac:dyDescent="0.15">
      <c r="M2" s="356"/>
      <c r="N2" s="355"/>
      <c r="O2" s="355"/>
      <c r="P2" s="355"/>
      <c r="Q2" s="356"/>
      <c r="R2" s="355"/>
      <c r="S2" s="355"/>
      <c r="T2" s="355"/>
      <c r="U2" s="355"/>
      <c r="V2" s="355"/>
      <c r="W2" s="355"/>
    </row>
    <row r="3" spans="2:23" x14ac:dyDescent="0.15">
      <c r="B3" s="1060" t="s">
        <v>855</v>
      </c>
      <c r="C3" s="1060"/>
      <c r="D3" s="1060"/>
      <c r="E3" s="1060"/>
      <c r="F3" s="1060"/>
      <c r="G3" s="1060"/>
      <c r="H3" s="1060"/>
      <c r="I3" s="1060"/>
      <c r="J3" s="1060"/>
      <c r="K3" s="1060"/>
      <c r="L3" s="1060"/>
      <c r="M3" s="1060"/>
      <c r="N3" s="1060"/>
      <c r="O3" s="1060"/>
      <c r="P3" s="1060"/>
      <c r="Q3" s="1060"/>
      <c r="R3" s="1060"/>
      <c r="S3" s="1060"/>
      <c r="T3" s="1060"/>
      <c r="U3" s="1060"/>
      <c r="V3" s="1060"/>
      <c r="W3" s="1060"/>
    </row>
    <row r="4" spans="2:23" ht="5.0999999999999996" customHeight="1" x14ac:dyDescent="0.15">
      <c r="B4" s="355"/>
      <c r="C4" s="355"/>
      <c r="D4" s="355"/>
      <c r="E4" s="355"/>
      <c r="F4" s="355"/>
      <c r="G4" s="355"/>
      <c r="H4" s="355"/>
      <c r="I4" s="355"/>
      <c r="J4" s="355"/>
      <c r="K4" s="355"/>
      <c r="L4" s="355"/>
      <c r="M4" s="355"/>
      <c r="N4" s="355"/>
      <c r="O4" s="355"/>
      <c r="P4" s="355"/>
      <c r="Q4" s="355"/>
      <c r="R4" s="355"/>
      <c r="S4" s="355"/>
      <c r="T4" s="355"/>
      <c r="U4" s="355"/>
      <c r="V4" s="355"/>
      <c r="W4" s="355"/>
    </row>
    <row r="5" spans="2:23" x14ac:dyDescent="0.15">
      <c r="B5" s="355"/>
      <c r="C5" s="355"/>
      <c r="D5" s="355"/>
      <c r="E5" s="355"/>
      <c r="F5" s="355"/>
      <c r="G5" s="355"/>
      <c r="H5" s="355"/>
      <c r="I5" s="355"/>
      <c r="J5" s="355"/>
      <c r="K5" s="355"/>
      <c r="L5" s="355"/>
      <c r="M5" s="355"/>
      <c r="N5" s="355"/>
      <c r="O5" s="355"/>
      <c r="P5" s="356" t="s">
        <v>211</v>
      </c>
      <c r="Q5" s="1061"/>
      <c r="R5" s="1061"/>
      <c r="S5" s="1061"/>
      <c r="T5" s="1061"/>
      <c r="U5" s="1061"/>
      <c r="V5" s="1061"/>
      <c r="W5" s="1061"/>
    </row>
    <row r="6" spans="2:23" x14ac:dyDescent="0.15">
      <c r="B6" s="355"/>
      <c r="C6" s="355"/>
      <c r="D6" s="355"/>
      <c r="E6" s="355"/>
      <c r="F6" s="355"/>
      <c r="G6" s="355"/>
      <c r="H6" s="355"/>
      <c r="I6" s="355"/>
      <c r="J6" s="355"/>
      <c r="K6" s="355"/>
      <c r="L6" s="355"/>
      <c r="M6" s="355"/>
      <c r="N6" s="355"/>
      <c r="O6" s="355"/>
      <c r="P6" s="356" t="s">
        <v>57</v>
      </c>
      <c r="Q6" s="1062"/>
      <c r="R6" s="1062"/>
      <c r="S6" s="1062"/>
      <c r="T6" s="1062"/>
      <c r="U6" s="1062"/>
      <c r="V6" s="1062"/>
      <c r="W6" s="1062"/>
    </row>
    <row r="7" spans="2:23" ht="10.5" customHeight="1" x14ac:dyDescent="0.15">
      <c r="B7" s="355"/>
      <c r="C7" s="355"/>
      <c r="D7" s="355"/>
      <c r="E7" s="355"/>
      <c r="F7" s="355"/>
      <c r="G7" s="355"/>
      <c r="H7" s="355"/>
      <c r="I7" s="355"/>
      <c r="J7" s="355"/>
      <c r="K7" s="355"/>
      <c r="L7" s="355"/>
      <c r="M7" s="355"/>
      <c r="N7" s="355"/>
      <c r="O7" s="355"/>
      <c r="P7" s="355"/>
      <c r="Q7" s="355"/>
      <c r="R7" s="355"/>
      <c r="S7" s="355"/>
      <c r="T7" s="355"/>
      <c r="U7" s="355"/>
      <c r="V7" s="355"/>
      <c r="W7" s="355"/>
    </row>
    <row r="8" spans="2:23" x14ac:dyDescent="0.15">
      <c r="B8" s="345" t="s">
        <v>854</v>
      </c>
    </row>
    <row r="9" spans="2:23" x14ac:dyDescent="0.15">
      <c r="C9" s="354" t="s">
        <v>0</v>
      </c>
      <c r="D9" s="345" t="s">
        <v>853</v>
      </c>
      <c r="J9" s="354" t="s">
        <v>0</v>
      </c>
      <c r="K9" s="345" t="s">
        <v>852</v>
      </c>
    </row>
    <row r="10" spans="2:23" ht="10.5" customHeight="1" x14ac:dyDescent="0.15"/>
    <row r="11" spans="2:23" x14ac:dyDescent="0.15">
      <c r="B11" s="345" t="s">
        <v>851</v>
      </c>
    </row>
    <row r="12" spans="2:23" x14ac:dyDescent="0.15">
      <c r="C12" s="354" t="s">
        <v>0</v>
      </c>
      <c r="D12" s="345" t="s">
        <v>850</v>
      </c>
    </row>
    <row r="13" spans="2:23" x14ac:dyDescent="0.15">
      <c r="C13" s="354" t="s">
        <v>0</v>
      </c>
      <c r="D13" s="345" t="s">
        <v>849</v>
      </c>
    </row>
    <row r="14" spans="2:23" ht="10.5" customHeight="1" x14ac:dyDescent="0.15"/>
    <row r="15" spans="2:23" x14ac:dyDescent="0.15">
      <c r="B15" s="345" t="s">
        <v>351</v>
      </c>
    </row>
    <row r="16" spans="2:23" ht="60" customHeight="1" x14ac:dyDescent="0.15">
      <c r="B16" s="1046"/>
      <c r="C16" s="1046"/>
      <c r="D16" s="1046"/>
      <c r="E16" s="1046"/>
      <c r="F16" s="1052" t="s">
        <v>847</v>
      </c>
      <c r="G16" s="1053"/>
      <c r="H16" s="1053"/>
      <c r="I16" s="1053"/>
      <c r="J16" s="1053"/>
      <c r="K16" s="1053"/>
      <c r="L16" s="1054"/>
      <c r="M16" s="1049" t="s">
        <v>846</v>
      </c>
      <c r="N16" s="1049"/>
      <c r="O16" s="1049"/>
      <c r="P16" s="1049"/>
      <c r="Q16" s="1049"/>
      <c r="R16" s="1049"/>
      <c r="S16" s="1049"/>
    </row>
    <row r="17" spans="2:23" x14ac:dyDescent="0.15">
      <c r="B17" s="1047">
        <v>4</v>
      </c>
      <c r="C17" s="1048"/>
      <c r="D17" s="1048" t="s">
        <v>21</v>
      </c>
      <c r="E17" s="1058"/>
      <c r="F17" s="1044"/>
      <c r="G17" s="1045"/>
      <c r="H17" s="1045"/>
      <c r="I17" s="1045"/>
      <c r="J17" s="1045"/>
      <c r="K17" s="1045"/>
      <c r="L17" s="352" t="s">
        <v>175</v>
      </c>
      <c r="M17" s="1044"/>
      <c r="N17" s="1045"/>
      <c r="O17" s="1045"/>
      <c r="P17" s="1045"/>
      <c r="Q17" s="1045"/>
      <c r="R17" s="1045"/>
      <c r="S17" s="352" t="s">
        <v>175</v>
      </c>
    </row>
    <row r="18" spans="2:23" x14ac:dyDescent="0.15">
      <c r="B18" s="1047">
        <v>5</v>
      </c>
      <c r="C18" s="1048"/>
      <c r="D18" s="1048" t="s">
        <v>21</v>
      </c>
      <c r="E18" s="1058"/>
      <c r="F18" s="1044"/>
      <c r="G18" s="1045"/>
      <c r="H18" s="1045"/>
      <c r="I18" s="1045"/>
      <c r="J18" s="1045"/>
      <c r="K18" s="1045"/>
      <c r="L18" s="352" t="s">
        <v>175</v>
      </c>
      <c r="M18" s="1044"/>
      <c r="N18" s="1045"/>
      <c r="O18" s="1045"/>
      <c r="P18" s="1045"/>
      <c r="Q18" s="1045"/>
      <c r="R18" s="1045"/>
      <c r="S18" s="352" t="s">
        <v>175</v>
      </c>
    </row>
    <row r="19" spans="2:23" x14ac:dyDescent="0.15">
      <c r="B19" s="1047">
        <v>6</v>
      </c>
      <c r="C19" s="1048"/>
      <c r="D19" s="1048" t="s">
        <v>21</v>
      </c>
      <c r="E19" s="1058"/>
      <c r="F19" s="1044"/>
      <c r="G19" s="1045"/>
      <c r="H19" s="1045"/>
      <c r="I19" s="1045"/>
      <c r="J19" s="1045"/>
      <c r="K19" s="1045"/>
      <c r="L19" s="352" t="s">
        <v>175</v>
      </c>
      <c r="M19" s="1044"/>
      <c r="N19" s="1045"/>
      <c r="O19" s="1045"/>
      <c r="P19" s="1045"/>
      <c r="Q19" s="1045"/>
      <c r="R19" s="1045"/>
      <c r="S19" s="352" t="s">
        <v>175</v>
      </c>
    </row>
    <row r="20" spans="2:23" x14ac:dyDescent="0.15">
      <c r="B20" s="1047">
        <v>7</v>
      </c>
      <c r="C20" s="1048"/>
      <c r="D20" s="1048" t="s">
        <v>21</v>
      </c>
      <c r="E20" s="1058"/>
      <c r="F20" s="1044"/>
      <c r="G20" s="1045"/>
      <c r="H20" s="1045"/>
      <c r="I20" s="1045"/>
      <c r="J20" s="1045"/>
      <c r="K20" s="1045"/>
      <c r="L20" s="352" t="s">
        <v>175</v>
      </c>
      <c r="M20" s="1044"/>
      <c r="N20" s="1045"/>
      <c r="O20" s="1045"/>
      <c r="P20" s="1045"/>
      <c r="Q20" s="1045"/>
      <c r="R20" s="1045"/>
      <c r="S20" s="352" t="s">
        <v>175</v>
      </c>
    </row>
    <row r="21" spans="2:23" x14ac:dyDescent="0.15">
      <c r="B21" s="1047">
        <v>8</v>
      </c>
      <c r="C21" s="1048"/>
      <c r="D21" s="1048" t="s">
        <v>21</v>
      </c>
      <c r="E21" s="1058"/>
      <c r="F21" s="1044"/>
      <c r="G21" s="1045"/>
      <c r="H21" s="1045"/>
      <c r="I21" s="1045"/>
      <c r="J21" s="1045"/>
      <c r="K21" s="1045"/>
      <c r="L21" s="352" t="s">
        <v>175</v>
      </c>
      <c r="M21" s="1044"/>
      <c r="N21" s="1045"/>
      <c r="O21" s="1045"/>
      <c r="P21" s="1045"/>
      <c r="Q21" s="1045"/>
      <c r="R21" s="1045"/>
      <c r="S21" s="352" t="s">
        <v>175</v>
      </c>
    </row>
    <row r="22" spans="2:23" x14ac:dyDescent="0.15">
      <c r="B22" s="1047">
        <v>9</v>
      </c>
      <c r="C22" s="1048"/>
      <c r="D22" s="1048" t="s">
        <v>21</v>
      </c>
      <c r="E22" s="1058"/>
      <c r="F22" s="1044"/>
      <c r="G22" s="1045"/>
      <c r="H22" s="1045"/>
      <c r="I22" s="1045"/>
      <c r="J22" s="1045"/>
      <c r="K22" s="1045"/>
      <c r="L22" s="352" t="s">
        <v>175</v>
      </c>
      <c r="M22" s="1044"/>
      <c r="N22" s="1045"/>
      <c r="O22" s="1045"/>
      <c r="P22" s="1045"/>
      <c r="Q22" s="1045"/>
      <c r="R22" s="1045"/>
      <c r="S22" s="352" t="s">
        <v>175</v>
      </c>
    </row>
    <row r="23" spans="2:23" x14ac:dyDescent="0.15">
      <c r="B23" s="1047">
        <v>10</v>
      </c>
      <c r="C23" s="1048"/>
      <c r="D23" s="1048" t="s">
        <v>21</v>
      </c>
      <c r="E23" s="1058"/>
      <c r="F23" s="1044"/>
      <c r="G23" s="1045"/>
      <c r="H23" s="1045"/>
      <c r="I23" s="1045"/>
      <c r="J23" s="1045"/>
      <c r="K23" s="1045"/>
      <c r="L23" s="352" t="s">
        <v>175</v>
      </c>
      <c r="M23" s="1044"/>
      <c r="N23" s="1045"/>
      <c r="O23" s="1045"/>
      <c r="P23" s="1045"/>
      <c r="Q23" s="1045"/>
      <c r="R23" s="1045"/>
      <c r="S23" s="352" t="s">
        <v>175</v>
      </c>
    </row>
    <row r="24" spans="2:23" x14ac:dyDescent="0.15">
      <c r="B24" s="1047">
        <v>11</v>
      </c>
      <c r="C24" s="1048"/>
      <c r="D24" s="1048" t="s">
        <v>21</v>
      </c>
      <c r="E24" s="1058"/>
      <c r="F24" s="1044"/>
      <c r="G24" s="1045"/>
      <c r="H24" s="1045"/>
      <c r="I24" s="1045"/>
      <c r="J24" s="1045"/>
      <c r="K24" s="1045"/>
      <c r="L24" s="352" t="s">
        <v>175</v>
      </c>
      <c r="M24" s="1044"/>
      <c r="N24" s="1045"/>
      <c r="O24" s="1045"/>
      <c r="P24" s="1045"/>
      <c r="Q24" s="1045"/>
      <c r="R24" s="1045"/>
      <c r="S24" s="352" t="s">
        <v>175</v>
      </c>
    </row>
    <row r="25" spans="2:23" x14ac:dyDescent="0.15">
      <c r="B25" s="1047">
        <v>12</v>
      </c>
      <c r="C25" s="1048"/>
      <c r="D25" s="1048" t="s">
        <v>21</v>
      </c>
      <c r="E25" s="1058"/>
      <c r="F25" s="1044"/>
      <c r="G25" s="1045"/>
      <c r="H25" s="1045"/>
      <c r="I25" s="1045"/>
      <c r="J25" s="1045"/>
      <c r="K25" s="1045"/>
      <c r="L25" s="352" t="s">
        <v>175</v>
      </c>
      <c r="M25" s="1044"/>
      <c r="N25" s="1045"/>
      <c r="O25" s="1045"/>
      <c r="P25" s="1045"/>
      <c r="Q25" s="1045"/>
      <c r="R25" s="1045"/>
      <c r="S25" s="352" t="s">
        <v>175</v>
      </c>
      <c r="U25" s="1046" t="s">
        <v>848</v>
      </c>
      <c r="V25" s="1046"/>
      <c r="W25" s="1046"/>
    </row>
    <row r="26" spans="2:23" x14ac:dyDescent="0.15">
      <c r="B26" s="1047">
        <v>1</v>
      </c>
      <c r="C26" s="1048"/>
      <c r="D26" s="1048" t="s">
        <v>21</v>
      </c>
      <c r="E26" s="1058"/>
      <c r="F26" s="1044"/>
      <c r="G26" s="1045"/>
      <c r="H26" s="1045"/>
      <c r="I26" s="1045"/>
      <c r="J26" s="1045"/>
      <c r="K26" s="1045"/>
      <c r="L26" s="352" t="s">
        <v>175</v>
      </c>
      <c r="M26" s="1044"/>
      <c r="N26" s="1045"/>
      <c r="O26" s="1045"/>
      <c r="P26" s="1045"/>
      <c r="Q26" s="1045"/>
      <c r="R26" s="1045"/>
      <c r="S26" s="352" t="s">
        <v>175</v>
      </c>
      <c r="U26" s="1059"/>
      <c r="V26" s="1059"/>
      <c r="W26" s="1059"/>
    </row>
    <row r="27" spans="2:23" x14ac:dyDescent="0.15">
      <c r="B27" s="1047">
        <v>2</v>
      </c>
      <c r="C27" s="1048"/>
      <c r="D27" s="1048" t="s">
        <v>21</v>
      </c>
      <c r="E27" s="1058"/>
      <c r="F27" s="1044"/>
      <c r="G27" s="1045"/>
      <c r="H27" s="1045"/>
      <c r="I27" s="1045"/>
      <c r="J27" s="1045"/>
      <c r="K27" s="1045"/>
      <c r="L27" s="352" t="s">
        <v>175</v>
      </c>
      <c r="M27" s="1044"/>
      <c r="N27" s="1045"/>
      <c r="O27" s="1045"/>
      <c r="P27" s="1045"/>
      <c r="Q27" s="1045"/>
      <c r="R27" s="1045"/>
      <c r="S27" s="352" t="s">
        <v>175</v>
      </c>
    </row>
    <row r="28" spans="2:23" x14ac:dyDescent="0.15">
      <c r="B28" s="1046" t="s">
        <v>173</v>
      </c>
      <c r="C28" s="1046"/>
      <c r="D28" s="1046"/>
      <c r="E28" s="1046"/>
      <c r="F28" s="1047" t="str">
        <f>IF(SUM(F17:K27)=0,"",SUM(F17:K27))</f>
        <v/>
      </c>
      <c r="G28" s="1048"/>
      <c r="H28" s="1048"/>
      <c r="I28" s="1048"/>
      <c r="J28" s="1048"/>
      <c r="K28" s="1048"/>
      <c r="L28" s="352" t="s">
        <v>175</v>
      </c>
      <c r="M28" s="1047" t="str">
        <f>IF(SUM(M17:R27)=0,"",SUM(M17:R27))</f>
        <v/>
      </c>
      <c r="N28" s="1048"/>
      <c r="O28" s="1048"/>
      <c r="P28" s="1048"/>
      <c r="Q28" s="1048"/>
      <c r="R28" s="1048"/>
      <c r="S28" s="352" t="s">
        <v>175</v>
      </c>
      <c r="U28" s="1046" t="s">
        <v>845</v>
      </c>
      <c r="V28" s="1046"/>
      <c r="W28" s="1046"/>
    </row>
    <row r="29" spans="2:23" ht="39.950000000000003" customHeight="1" x14ac:dyDescent="0.15">
      <c r="B29" s="1049" t="s">
        <v>844</v>
      </c>
      <c r="C29" s="1046"/>
      <c r="D29" s="1046"/>
      <c r="E29" s="1046"/>
      <c r="F29" s="1050" t="str">
        <f>IF(F28="","",F28/U26)</f>
        <v/>
      </c>
      <c r="G29" s="1051"/>
      <c r="H29" s="1051"/>
      <c r="I29" s="1051"/>
      <c r="J29" s="1051"/>
      <c r="K29" s="1051"/>
      <c r="L29" s="352" t="s">
        <v>175</v>
      </c>
      <c r="M29" s="1050" t="str">
        <f>IF(M28="","",M28/U26)</f>
        <v/>
      </c>
      <c r="N29" s="1051"/>
      <c r="O29" s="1051"/>
      <c r="P29" s="1051"/>
      <c r="Q29" s="1051"/>
      <c r="R29" s="1051"/>
      <c r="S29" s="352" t="s">
        <v>175</v>
      </c>
      <c r="U29" s="1055" t="str">
        <f>IF(F29="","",ROUNDDOWN(M29/F29,3))</f>
        <v/>
      </c>
      <c r="V29" s="1056"/>
      <c r="W29" s="1057"/>
    </row>
    <row r="31" spans="2:23" x14ac:dyDescent="0.15">
      <c r="B31" s="345" t="s">
        <v>350</v>
      </c>
    </row>
    <row r="32" spans="2:23" ht="60" customHeight="1" x14ac:dyDescent="0.15">
      <c r="B32" s="1046"/>
      <c r="C32" s="1046"/>
      <c r="D32" s="1046"/>
      <c r="E32" s="1046"/>
      <c r="F32" s="1052" t="s">
        <v>847</v>
      </c>
      <c r="G32" s="1053"/>
      <c r="H32" s="1053"/>
      <c r="I32" s="1053"/>
      <c r="J32" s="1053"/>
      <c r="K32" s="1053"/>
      <c r="L32" s="1054"/>
      <c r="M32" s="1049" t="s">
        <v>846</v>
      </c>
      <c r="N32" s="1049"/>
      <c r="O32" s="1049"/>
      <c r="P32" s="1049"/>
      <c r="Q32" s="1049"/>
      <c r="R32" s="1049"/>
      <c r="S32" s="1049"/>
    </row>
    <row r="33" spans="1:32" x14ac:dyDescent="0.15">
      <c r="B33" s="1044"/>
      <c r="C33" s="1045"/>
      <c r="D33" s="1045"/>
      <c r="E33" s="353" t="s">
        <v>21</v>
      </c>
      <c r="F33" s="1044"/>
      <c r="G33" s="1045"/>
      <c r="H33" s="1045"/>
      <c r="I33" s="1045"/>
      <c r="J33" s="1045"/>
      <c r="K33" s="1045"/>
      <c r="L33" s="352" t="s">
        <v>175</v>
      </c>
      <c r="M33" s="1044"/>
      <c r="N33" s="1045"/>
      <c r="O33" s="1045"/>
      <c r="P33" s="1045"/>
      <c r="Q33" s="1045"/>
      <c r="R33" s="1045"/>
      <c r="S33" s="352" t="s">
        <v>175</v>
      </c>
    </row>
    <row r="34" spans="1:32" x14ac:dyDescent="0.15">
      <c r="B34" s="1044"/>
      <c r="C34" s="1045"/>
      <c r="D34" s="1045"/>
      <c r="E34" s="353" t="s">
        <v>21</v>
      </c>
      <c r="F34" s="1044"/>
      <c r="G34" s="1045"/>
      <c r="H34" s="1045"/>
      <c r="I34" s="1045"/>
      <c r="J34" s="1045"/>
      <c r="K34" s="1045"/>
      <c r="L34" s="352" t="s">
        <v>175</v>
      </c>
      <c r="M34" s="1044"/>
      <c r="N34" s="1045"/>
      <c r="O34" s="1045"/>
      <c r="P34" s="1045"/>
      <c r="Q34" s="1045"/>
      <c r="R34" s="1045"/>
      <c r="S34" s="352" t="s">
        <v>175</v>
      </c>
    </row>
    <row r="35" spans="1:32" x14ac:dyDescent="0.15">
      <c r="B35" s="1044"/>
      <c r="C35" s="1045"/>
      <c r="D35" s="1045"/>
      <c r="E35" s="353" t="s">
        <v>344</v>
      </c>
      <c r="F35" s="1044"/>
      <c r="G35" s="1045"/>
      <c r="H35" s="1045"/>
      <c r="I35" s="1045"/>
      <c r="J35" s="1045"/>
      <c r="K35" s="1045"/>
      <c r="L35" s="352" t="s">
        <v>175</v>
      </c>
      <c r="M35" s="1044"/>
      <c r="N35" s="1045"/>
      <c r="O35" s="1045"/>
      <c r="P35" s="1045"/>
      <c r="Q35" s="1045"/>
      <c r="R35" s="1045"/>
      <c r="S35" s="352" t="s">
        <v>175</v>
      </c>
    </row>
    <row r="36" spans="1:32" x14ac:dyDescent="0.15">
      <c r="B36" s="1046" t="s">
        <v>173</v>
      </c>
      <c r="C36" s="1046"/>
      <c r="D36" s="1046"/>
      <c r="E36" s="1046"/>
      <c r="F36" s="1047" t="str">
        <f>IF(SUM(F33:K35)=0,"",SUM(F33:K35))</f>
        <v/>
      </c>
      <c r="G36" s="1048"/>
      <c r="H36" s="1048"/>
      <c r="I36" s="1048"/>
      <c r="J36" s="1048"/>
      <c r="K36" s="1048"/>
      <c r="L36" s="352" t="s">
        <v>175</v>
      </c>
      <c r="M36" s="1047" t="str">
        <f>IF(SUM(M33:R35)=0,"",SUM(M33:R35))</f>
        <v/>
      </c>
      <c r="N36" s="1048"/>
      <c r="O36" s="1048"/>
      <c r="P36" s="1048"/>
      <c r="Q36" s="1048"/>
      <c r="R36" s="1048"/>
      <c r="S36" s="352" t="s">
        <v>175</v>
      </c>
      <c r="U36" s="1046" t="s">
        <v>845</v>
      </c>
      <c r="V36" s="1046"/>
      <c r="W36" s="1046"/>
    </row>
    <row r="37" spans="1:32" ht="39.950000000000003" customHeight="1" x14ac:dyDescent="0.15">
      <c r="B37" s="1049" t="s">
        <v>844</v>
      </c>
      <c r="C37" s="1046"/>
      <c r="D37" s="1046"/>
      <c r="E37" s="1046"/>
      <c r="F37" s="1050" t="str">
        <f>IF(F36="","",F36/3)</f>
        <v/>
      </c>
      <c r="G37" s="1051"/>
      <c r="H37" s="1051"/>
      <c r="I37" s="1051"/>
      <c r="J37" s="1051"/>
      <c r="K37" s="1051"/>
      <c r="L37" s="352" t="s">
        <v>175</v>
      </c>
      <c r="M37" s="1050" t="str">
        <f>IF(M36="","",M36/3)</f>
        <v/>
      </c>
      <c r="N37" s="1051"/>
      <c r="O37" s="1051"/>
      <c r="P37" s="1051"/>
      <c r="Q37" s="1051"/>
      <c r="R37" s="1051"/>
      <c r="S37" s="352" t="s">
        <v>175</v>
      </c>
      <c r="U37" s="1055" t="str">
        <f>IF(F37="","",ROUNDDOWN(M37/F37,3))</f>
        <v/>
      </c>
      <c r="V37" s="1056"/>
      <c r="W37" s="1057"/>
    </row>
    <row r="38" spans="1:32" ht="5.0999999999999996" customHeight="1" x14ac:dyDescent="0.15">
      <c r="A38" s="347"/>
      <c r="B38" s="351"/>
      <c r="C38" s="349"/>
      <c r="D38" s="349"/>
      <c r="E38" s="349"/>
      <c r="F38" s="350"/>
      <c r="G38" s="350"/>
      <c r="H38" s="350"/>
      <c r="I38" s="350"/>
      <c r="J38" s="350"/>
      <c r="K38" s="350"/>
      <c r="L38" s="349"/>
      <c r="M38" s="350"/>
      <c r="N38" s="350"/>
      <c r="O38" s="350"/>
      <c r="P38" s="350"/>
      <c r="Q38" s="350"/>
      <c r="R38" s="350"/>
      <c r="S38" s="349"/>
      <c r="T38" s="347"/>
      <c r="U38" s="348"/>
      <c r="V38" s="348"/>
      <c r="W38" s="348"/>
      <c r="X38" s="347"/>
      <c r="Y38" s="347"/>
      <c r="Z38" s="347"/>
      <c r="AA38" s="347"/>
      <c r="AB38" s="347"/>
      <c r="AC38" s="347"/>
      <c r="AD38" s="347"/>
      <c r="AE38" s="347"/>
      <c r="AF38" s="347"/>
    </row>
    <row r="39" spans="1:32" x14ac:dyDescent="0.15">
      <c r="B39" s="345" t="s">
        <v>170</v>
      </c>
      <c r="C39" s="346"/>
    </row>
    <row r="40" spans="1:32" x14ac:dyDescent="0.15">
      <c r="B40" s="1043" t="s">
        <v>843</v>
      </c>
      <c r="C40" s="1043"/>
      <c r="D40" s="1043"/>
      <c r="E40" s="1043"/>
      <c r="F40" s="1043"/>
      <c r="G40" s="1043"/>
      <c r="H40" s="1043"/>
      <c r="I40" s="1043"/>
      <c r="J40" s="1043"/>
      <c r="K40" s="1043"/>
      <c r="L40" s="1043"/>
      <c r="M40" s="1043"/>
      <c r="N40" s="1043"/>
      <c r="O40" s="1043"/>
      <c r="P40" s="1043"/>
      <c r="Q40" s="1043"/>
      <c r="R40" s="1043"/>
      <c r="S40" s="1043"/>
      <c r="T40" s="1043"/>
      <c r="U40" s="1043"/>
      <c r="V40" s="1043"/>
      <c r="W40" s="1043"/>
    </row>
    <row r="41" spans="1:32" x14ac:dyDescent="0.15">
      <c r="B41" s="1043" t="s">
        <v>842</v>
      </c>
      <c r="C41" s="1043"/>
      <c r="D41" s="1043"/>
      <c r="E41" s="1043"/>
      <c r="F41" s="1043"/>
      <c r="G41" s="1043"/>
      <c r="H41" s="1043"/>
      <c r="I41" s="1043"/>
      <c r="J41" s="1043"/>
      <c r="K41" s="1043"/>
      <c r="L41" s="1043"/>
      <c r="M41" s="1043"/>
      <c r="N41" s="1043"/>
      <c r="O41" s="1043"/>
      <c r="P41" s="1043"/>
      <c r="Q41" s="1043"/>
      <c r="R41" s="1043"/>
      <c r="S41" s="1043"/>
      <c r="T41" s="1043"/>
      <c r="U41" s="1043"/>
      <c r="V41" s="1043"/>
      <c r="W41" s="1043"/>
    </row>
    <row r="42" spans="1:32" x14ac:dyDescent="0.15">
      <c r="B42" s="1043" t="s">
        <v>841</v>
      </c>
      <c r="C42" s="1043"/>
      <c r="D42" s="1043"/>
      <c r="E42" s="1043"/>
      <c r="F42" s="1043"/>
      <c r="G42" s="1043"/>
      <c r="H42" s="1043"/>
      <c r="I42" s="1043"/>
      <c r="J42" s="1043"/>
      <c r="K42" s="1043"/>
      <c r="L42" s="1043"/>
      <c r="M42" s="1043"/>
      <c r="N42" s="1043"/>
      <c r="O42" s="1043"/>
      <c r="P42" s="1043"/>
      <c r="Q42" s="1043"/>
      <c r="R42" s="1043"/>
      <c r="S42" s="1043"/>
      <c r="T42" s="1043"/>
      <c r="U42" s="1043"/>
      <c r="V42" s="1043"/>
      <c r="W42" s="1043"/>
    </row>
    <row r="43" spans="1:32" x14ac:dyDescent="0.15">
      <c r="B43" s="1043" t="s">
        <v>840</v>
      </c>
      <c r="C43" s="1043"/>
      <c r="D43" s="1043"/>
      <c r="E43" s="1043"/>
      <c r="F43" s="1043"/>
      <c r="G43" s="1043"/>
      <c r="H43" s="1043"/>
      <c r="I43" s="1043"/>
      <c r="J43" s="1043"/>
      <c r="K43" s="1043"/>
      <c r="L43" s="1043"/>
      <c r="M43" s="1043"/>
      <c r="N43" s="1043"/>
      <c r="O43" s="1043"/>
      <c r="P43" s="1043"/>
      <c r="Q43" s="1043"/>
      <c r="R43" s="1043"/>
      <c r="S43" s="1043"/>
      <c r="T43" s="1043"/>
      <c r="U43" s="1043"/>
      <c r="V43" s="1043"/>
      <c r="W43" s="1043"/>
    </row>
    <row r="44" spans="1:32" x14ac:dyDescent="0.15">
      <c r="B44" s="1043" t="s">
        <v>839</v>
      </c>
      <c r="C44" s="1043"/>
      <c r="D44" s="1043"/>
      <c r="E44" s="1043"/>
      <c r="F44" s="1043"/>
      <c r="G44" s="1043"/>
      <c r="H44" s="1043"/>
      <c r="I44" s="1043"/>
      <c r="J44" s="1043"/>
      <c r="K44" s="1043"/>
      <c r="L44" s="1043"/>
      <c r="M44" s="1043"/>
      <c r="N44" s="1043"/>
      <c r="O44" s="1043"/>
      <c r="P44" s="1043"/>
      <c r="Q44" s="1043"/>
      <c r="R44" s="1043"/>
      <c r="S44" s="1043"/>
      <c r="T44" s="1043"/>
      <c r="U44" s="1043"/>
      <c r="V44" s="1043"/>
      <c r="W44" s="1043"/>
    </row>
    <row r="45" spans="1:32" x14ac:dyDescent="0.15">
      <c r="B45" s="1043" t="s">
        <v>838</v>
      </c>
      <c r="C45" s="1043"/>
      <c r="D45" s="1043"/>
      <c r="E45" s="1043"/>
      <c r="F45" s="1043"/>
      <c r="G45" s="1043"/>
      <c r="H45" s="1043"/>
      <c r="I45" s="1043"/>
      <c r="J45" s="1043"/>
      <c r="K45" s="1043"/>
      <c r="L45" s="1043"/>
      <c r="M45" s="1043"/>
      <c r="N45" s="1043"/>
      <c r="O45" s="1043"/>
      <c r="P45" s="1043"/>
      <c r="Q45" s="1043"/>
      <c r="R45" s="1043"/>
      <c r="S45" s="1043"/>
      <c r="T45" s="1043"/>
      <c r="U45" s="1043"/>
      <c r="V45" s="1043"/>
      <c r="W45" s="1043"/>
    </row>
    <row r="46" spans="1:32" x14ac:dyDescent="0.15">
      <c r="B46" s="1043" t="s">
        <v>837</v>
      </c>
      <c r="C46" s="1043"/>
      <c r="D46" s="1043"/>
      <c r="E46" s="1043"/>
      <c r="F46" s="1043"/>
      <c r="G46" s="1043"/>
      <c r="H46" s="1043"/>
      <c r="I46" s="1043"/>
      <c r="J46" s="1043"/>
      <c r="K46" s="1043"/>
      <c r="L46" s="1043"/>
      <c r="M46" s="1043"/>
      <c r="N46" s="1043"/>
      <c r="O46" s="1043"/>
      <c r="P46" s="1043"/>
      <c r="Q46" s="1043"/>
      <c r="R46" s="1043"/>
      <c r="S46" s="1043"/>
      <c r="T46" s="1043"/>
      <c r="U46" s="1043"/>
      <c r="V46" s="1043"/>
      <c r="W46" s="1043"/>
    </row>
    <row r="47" spans="1:32" x14ac:dyDescent="0.15">
      <c r="B47" s="1043" t="s">
        <v>836</v>
      </c>
      <c r="C47" s="1043"/>
      <c r="D47" s="1043"/>
      <c r="E47" s="1043"/>
      <c r="F47" s="1043"/>
      <c r="G47" s="1043"/>
      <c r="H47" s="1043"/>
      <c r="I47" s="1043"/>
      <c r="J47" s="1043"/>
      <c r="K47" s="1043"/>
      <c r="L47" s="1043"/>
      <c r="M47" s="1043"/>
      <c r="N47" s="1043"/>
      <c r="O47" s="1043"/>
      <c r="P47" s="1043"/>
      <c r="Q47" s="1043"/>
      <c r="R47" s="1043"/>
      <c r="S47" s="1043"/>
      <c r="T47" s="1043"/>
      <c r="U47" s="1043"/>
      <c r="V47" s="1043"/>
      <c r="W47" s="1043"/>
    </row>
    <row r="48" spans="1:32" x14ac:dyDescent="0.15">
      <c r="B48" s="1043"/>
      <c r="C48" s="1043"/>
      <c r="D48" s="1043"/>
      <c r="E48" s="1043"/>
      <c r="F48" s="1043"/>
      <c r="G48" s="1043"/>
      <c r="H48" s="1043"/>
      <c r="I48" s="1043"/>
      <c r="J48" s="1043"/>
      <c r="K48" s="1043"/>
      <c r="L48" s="1043"/>
      <c r="M48" s="1043"/>
      <c r="N48" s="1043"/>
      <c r="O48" s="1043"/>
      <c r="P48" s="1043"/>
      <c r="Q48" s="1043"/>
      <c r="R48" s="1043"/>
      <c r="S48" s="1043"/>
      <c r="T48" s="1043"/>
      <c r="U48" s="1043"/>
      <c r="V48" s="1043"/>
      <c r="W48" s="1043"/>
    </row>
    <row r="49" spans="2:23" x14ac:dyDescent="0.15">
      <c r="B49" s="1043"/>
      <c r="C49" s="1043"/>
      <c r="D49" s="1043"/>
      <c r="E49" s="1043"/>
      <c r="F49" s="1043"/>
      <c r="G49" s="1043"/>
      <c r="H49" s="1043"/>
      <c r="I49" s="1043"/>
      <c r="J49" s="1043"/>
      <c r="K49" s="1043"/>
      <c r="L49" s="1043"/>
      <c r="M49" s="1043"/>
      <c r="N49" s="1043"/>
      <c r="O49" s="1043"/>
      <c r="P49" s="1043"/>
      <c r="Q49" s="1043"/>
      <c r="R49" s="1043"/>
      <c r="S49" s="1043"/>
      <c r="T49" s="1043"/>
      <c r="U49" s="1043"/>
      <c r="V49" s="1043"/>
      <c r="W49" s="1043"/>
    </row>
    <row r="122" spans="3:7" x14ac:dyDescent="0.15">
      <c r="C122" s="347"/>
      <c r="D122" s="347"/>
      <c r="E122" s="347"/>
      <c r="F122" s="347"/>
      <c r="G122" s="347"/>
    </row>
    <row r="123" spans="3:7" x14ac:dyDescent="0.15">
      <c r="C123" s="346"/>
    </row>
  </sheetData>
  <mergeCells count="90">
    <mergeCell ref="B3:W3"/>
    <mergeCell ref="Q5:W5"/>
    <mergeCell ref="Q6:W6"/>
    <mergeCell ref="B16:E16"/>
    <mergeCell ref="F16:L16"/>
    <mergeCell ref="M16:S16"/>
    <mergeCell ref="B17:C17"/>
    <mergeCell ref="D17:E17"/>
    <mergeCell ref="F17:K17"/>
    <mergeCell ref="M17:R17"/>
    <mergeCell ref="B18:C18"/>
    <mergeCell ref="D18:E18"/>
    <mergeCell ref="F18:K18"/>
    <mergeCell ref="M18:R18"/>
    <mergeCell ref="B19:C19"/>
    <mergeCell ref="D19:E19"/>
    <mergeCell ref="F19:K19"/>
    <mergeCell ref="M19:R19"/>
    <mergeCell ref="B20:C20"/>
    <mergeCell ref="D20:E20"/>
    <mergeCell ref="F20:K20"/>
    <mergeCell ref="M20:R20"/>
    <mergeCell ref="B21:C21"/>
    <mergeCell ref="D21:E21"/>
    <mergeCell ref="F21:K21"/>
    <mergeCell ref="M21:R21"/>
    <mergeCell ref="B22:C22"/>
    <mergeCell ref="D22:E22"/>
    <mergeCell ref="F22:K22"/>
    <mergeCell ref="M22:R22"/>
    <mergeCell ref="B23:C23"/>
    <mergeCell ref="D23:E23"/>
    <mergeCell ref="F23:K23"/>
    <mergeCell ref="M23:R23"/>
    <mergeCell ref="B24:C24"/>
    <mergeCell ref="D24:E24"/>
    <mergeCell ref="F24:K24"/>
    <mergeCell ref="M24:R24"/>
    <mergeCell ref="B25:C25"/>
    <mergeCell ref="D25:E25"/>
    <mergeCell ref="F25:K25"/>
    <mergeCell ref="M25:R25"/>
    <mergeCell ref="U25:W25"/>
    <mergeCell ref="B26:C26"/>
    <mergeCell ref="D26:E26"/>
    <mergeCell ref="F26:K26"/>
    <mergeCell ref="M26:R26"/>
    <mergeCell ref="U26:W26"/>
    <mergeCell ref="B27:C27"/>
    <mergeCell ref="D27:E27"/>
    <mergeCell ref="F27:K27"/>
    <mergeCell ref="M27:R27"/>
    <mergeCell ref="B28:E28"/>
    <mergeCell ref="F28:K28"/>
    <mergeCell ref="M28:R28"/>
    <mergeCell ref="U28:W28"/>
    <mergeCell ref="B29:E29"/>
    <mergeCell ref="F29:K29"/>
    <mergeCell ref="M29:R29"/>
    <mergeCell ref="U29:W29"/>
    <mergeCell ref="B32:E32"/>
    <mergeCell ref="F32:L32"/>
    <mergeCell ref="M32:S32"/>
    <mergeCell ref="M37:R37"/>
    <mergeCell ref="U37:W37"/>
    <mergeCell ref="B33:D33"/>
    <mergeCell ref="F33:K33"/>
    <mergeCell ref="M33:R33"/>
    <mergeCell ref="B34:D34"/>
    <mergeCell ref="F34:K34"/>
    <mergeCell ref="M34:R34"/>
    <mergeCell ref="B40:W40"/>
    <mergeCell ref="B35:D35"/>
    <mergeCell ref="F35:K35"/>
    <mergeCell ref="M35:R35"/>
    <mergeCell ref="B36:E36"/>
    <mergeCell ref="F36:K36"/>
    <mergeCell ref="M36:R36"/>
    <mergeCell ref="U36:W36"/>
    <mergeCell ref="B37:E37"/>
    <mergeCell ref="F37:K37"/>
    <mergeCell ref="B47:W47"/>
    <mergeCell ref="B48:W48"/>
    <mergeCell ref="B49:W49"/>
    <mergeCell ref="B41:W41"/>
    <mergeCell ref="B42:W42"/>
    <mergeCell ref="B43:W43"/>
    <mergeCell ref="B44:W44"/>
    <mergeCell ref="B45:W45"/>
    <mergeCell ref="B46:W46"/>
  </mergeCells>
  <phoneticPr fontId="2"/>
  <dataValidations count="1">
    <dataValidation type="list" allowBlank="1" showInputMessage="1" showErrorMessage="1" sqref="C9 J9 C12:C13">
      <formula1>"□,■"</formula1>
    </dataValidation>
  </dataValidations>
  <pageMargins left="0.7" right="0.7" top="0.75" bottom="0.75" header="0.3" footer="0.3"/>
  <pageSetup paperSize="9" orientation="portrait" r:id="rId1"/>
</worksheet>
</file>

<file path=xl/worksheets/sheet3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AG123"/>
  <sheetViews>
    <sheetView zoomScaleNormal="100" workbookViewId="0">
      <selection activeCell="C87" sqref="C87"/>
    </sheetView>
  </sheetViews>
  <sheetFormatPr defaultColWidth="4" defaultRowHeight="13.5" x14ac:dyDescent="0.15"/>
  <cols>
    <col min="1" max="1" width="1.5" style="8" customWidth="1"/>
    <col min="2" max="2" width="3.125" style="8" customWidth="1"/>
    <col min="3" max="3" width="1.125" style="8" customWidth="1"/>
    <col min="4" max="22" width="4" style="8"/>
    <col min="23" max="23" width="3.125" style="8" customWidth="1"/>
    <col min="24" max="24" width="2.375" style="8" customWidth="1"/>
    <col min="25" max="25" width="4" style="8"/>
    <col min="26" max="26" width="2.25" style="8" customWidth="1"/>
    <col min="27" max="27" width="4" style="8"/>
    <col min="28" max="28" width="2.375" style="8" customWidth="1"/>
    <col min="29" max="29" width="1.5" style="8" customWidth="1"/>
    <col min="30" max="32" width="4" style="8"/>
    <col min="33" max="33" width="6.625" style="8" bestFit="1" customWidth="1"/>
    <col min="34" max="16384" width="4" style="8"/>
  </cols>
  <sheetData>
    <row r="2" spans="2:33" x14ac:dyDescent="0.15">
      <c r="B2" s="8" t="s">
        <v>868</v>
      </c>
      <c r="C2"/>
      <c r="D2"/>
      <c r="E2"/>
      <c r="F2"/>
      <c r="G2"/>
      <c r="H2"/>
      <c r="I2"/>
      <c r="J2"/>
      <c r="K2"/>
      <c r="L2"/>
      <c r="M2"/>
      <c r="N2"/>
      <c r="O2"/>
      <c r="P2"/>
      <c r="Q2"/>
      <c r="R2"/>
      <c r="S2"/>
      <c r="T2"/>
      <c r="U2"/>
      <c r="V2"/>
      <c r="W2"/>
      <c r="X2"/>
      <c r="Y2"/>
      <c r="Z2"/>
      <c r="AA2"/>
      <c r="AB2"/>
    </row>
    <row r="4" spans="2:33" ht="34.5" customHeight="1" x14ac:dyDescent="0.15">
      <c r="B4" s="1033" t="s">
        <v>867</v>
      </c>
      <c r="C4" s="778"/>
      <c r="D4" s="778"/>
      <c r="E4" s="778"/>
      <c r="F4" s="778"/>
      <c r="G4" s="778"/>
      <c r="H4" s="778"/>
      <c r="I4" s="778"/>
      <c r="J4" s="778"/>
      <c r="K4" s="778"/>
      <c r="L4" s="778"/>
      <c r="M4" s="778"/>
      <c r="N4" s="778"/>
      <c r="O4" s="778"/>
      <c r="P4" s="778"/>
      <c r="Q4" s="778"/>
      <c r="R4" s="778"/>
      <c r="S4" s="778"/>
      <c r="T4" s="778"/>
      <c r="U4" s="778"/>
      <c r="V4" s="778"/>
      <c r="W4" s="778"/>
      <c r="X4" s="778"/>
      <c r="Y4" s="778"/>
      <c r="Z4" s="778"/>
      <c r="AA4" s="778"/>
      <c r="AB4" s="778"/>
    </row>
    <row r="5" spans="2:33" ht="16.5" customHeight="1" x14ac:dyDescent="0.15">
      <c r="B5" s="778" t="s">
        <v>866</v>
      </c>
      <c r="C5" s="778"/>
      <c r="D5" s="778"/>
      <c r="E5" s="778"/>
      <c r="F5" s="778"/>
      <c r="G5" s="778"/>
      <c r="H5" s="778"/>
      <c r="I5" s="778"/>
      <c r="J5" s="778"/>
      <c r="K5" s="778"/>
      <c r="L5" s="778"/>
      <c r="M5" s="778"/>
      <c r="N5" s="778"/>
      <c r="O5" s="778"/>
      <c r="P5" s="778"/>
      <c r="Q5" s="778"/>
      <c r="R5" s="778"/>
      <c r="S5" s="778"/>
      <c r="T5" s="778"/>
      <c r="U5" s="778"/>
      <c r="V5" s="778"/>
      <c r="W5" s="778"/>
      <c r="X5" s="778"/>
      <c r="Y5" s="778"/>
      <c r="Z5" s="778"/>
      <c r="AA5" s="778"/>
      <c r="AB5" s="778"/>
      <c r="AC5" s="16"/>
      <c r="AD5" s="16"/>
    </row>
    <row r="6" spans="2:33" ht="13.5" customHeight="1" x14ac:dyDescent="0.15"/>
    <row r="7" spans="2:33" ht="24" customHeight="1" x14ac:dyDescent="0.15">
      <c r="B7" s="790" t="s">
        <v>531</v>
      </c>
      <c r="C7" s="790"/>
      <c r="D7" s="790"/>
      <c r="E7" s="790"/>
      <c r="F7" s="790"/>
      <c r="G7" s="791"/>
      <c r="H7" s="792"/>
      <c r="I7" s="792"/>
      <c r="J7" s="792"/>
      <c r="K7" s="792"/>
      <c r="L7" s="792"/>
      <c r="M7" s="792"/>
      <c r="N7" s="792"/>
      <c r="O7" s="792"/>
      <c r="P7" s="792"/>
      <c r="Q7" s="792"/>
      <c r="R7" s="792"/>
      <c r="S7" s="792"/>
      <c r="T7" s="792"/>
      <c r="U7" s="792"/>
      <c r="V7" s="792"/>
      <c r="W7" s="792"/>
      <c r="X7" s="792"/>
      <c r="Y7" s="792"/>
      <c r="Z7" s="792"/>
      <c r="AA7" s="792"/>
      <c r="AB7" s="793"/>
    </row>
    <row r="8" spans="2:33" ht="24" customHeight="1" x14ac:dyDescent="0.15">
      <c r="B8" s="790" t="s">
        <v>481</v>
      </c>
      <c r="C8" s="790"/>
      <c r="D8" s="790"/>
      <c r="E8" s="790"/>
      <c r="F8" s="790"/>
      <c r="G8" s="177" t="s">
        <v>0</v>
      </c>
      <c r="H8" s="168" t="s">
        <v>242</v>
      </c>
      <c r="I8" s="168"/>
      <c r="J8" s="168"/>
      <c r="K8" s="168"/>
      <c r="L8" s="177" t="s">
        <v>0</v>
      </c>
      <c r="M8" s="168" t="s">
        <v>241</v>
      </c>
      <c r="N8" s="168"/>
      <c r="O8" s="168"/>
      <c r="P8" s="168"/>
      <c r="Q8" s="177" t="s">
        <v>0</v>
      </c>
      <c r="R8" s="168" t="s">
        <v>240</v>
      </c>
      <c r="S8" s="168"/>
      <c r="T8" s="168"/>
      <c r="U8" s="168"/>
      <c r="V8" s="168"/>
      <c r="W8" s="168"/>
      <c r="X8" s="168"/>
      <c r="Y8" s="168"/>
      <c r="Z8" s="181"/>
      <c r="AA8" s="181"/>
      <c r="AB8" s="197"/>
    </row>
    <row r="9" spans="2:33" ht="21.95" customHeight="1" x14ac:dyDescent="0.15">
      <c r="B9" s="783" t="s">
        <v>530</v>
      </c>
      <c r="C9" s="784"/>
      <c r="D9" s="784"/>
      <c r="E9" s="784"/>
      <c r="F9" s="785"/>
      <c r="G9" s="250" t="s">
        <v>0</v>
      </c>
      <c r="H9" s="157" t="s">
        <v>816</v>
      </c>
      <c r="I9" s="259"/>
      <c r="J9" s="259"/>
      <c r="K9" s="259"/>
      <c r="L9" s="259"/>
      <c r="M9" s="259"/>
      <c r="N9" s="259"/>
      <c r="O9" s="259"/>
      <c r="P9" s="259"/>
      <c r="Q9" s="259"/>
      <c r="R9" s="259"/>
      <c r="S9" s="259"/>
      <c r="T9" s="259"/>
      <c r="U9" s="259"/>
      <c r="V9" s="259"/>
      <c r="W9" s="259"/>
      <c r="X9" s="259"/>
      <c r="Y9" s="259"/>
      <c r="Z9" s="259"/>
      <c r="AA9" s="259"/>
      <c r="AB9" s="258"/>
    </row>
    <row r="10" spans="2:33" ht="21.95" customHeight="1" x14ac:dyDescent="0.15">
      <c r="B10" s="786"/>
      <c r="C10" s="787"/>
      <c r="D10" s="787"/>
      <c r="E10" s="787"/>
      <c r="F10" s="788"/>
      <c r="G10" s="163" t="s">
        <v>0</v>
      </c>
      <c r="H10" s="172" t="s">
        <v>815</v>
      </c>
      <c r="I10" s="145"/>
      <c r="J10" s="145"/>
      <c r="K10" s="145"/>
      <c r="L10" s="145"/>
      <c r="M10" s="145"/>
      <c r="N10" s="145"/>
      <c r="O10" s="145"/>
      <c r="P10" s="145"/>
      <c r="Q10" s="145"/>
      <c r="R10" s="145"/>
      <c r="S10" s="145"/>
      <c r="T10" s="145"/>
      <c r="U10" s="145"/>
      <c r="V10" s="145"/>
      <c r="W10" s="145"/>
      <c r="X10" s="145"/>
      <c r="Y10" s="145"/>
      <c r="Z10" s="145"/>
      <c r="AA10" s="145"/>
      <c r="AB10" s="257"/>
    </row>
    <row r="11" spans="2:33" ht="13.5" customHeight="1" x14ac:dyDescent="0.15">
      <c r="AG11" s="344"/>
    </row>
    <row r="12" spans="2:33" ht="12.95" customHeight="1" x14ac:dyDescent="0.15">
      <c r="B12" s="158"/>
      <c r="C12" s="157"/>
      <c r="D12" s="157"/>
      <c r="E12" s="157"/>
      <c r="F12" s="157"/>
      <c r="G12" s="157"/>
      <c r="H12" s="157"/>
      <c r="I12" s="157"/>
      <c r="J12" s="157"/>
      <c r="K12" s="157"/>
      <c r="L12" s="157"/>
      <c r="M12" s="157"/>
      <c r="N12" s="157"/>
      <c r="O12" s="157"/>
      <c r="P12" s="157"/>
      <c r="Q12" s="157"/>
      <c r="R12" s="157"/>
      <c r="S12" s="157"/>
      <c r="T12" s="157"/>
      <c r="U12" s="157"/>
      <c r="V12" s="157"/>
      <c r="W12" s="157"/>
      <c r="X12" s="158"/>
      <c r="Y12" s="157"/>
      <c r="Z12" s="157"/>
      <c r="AA12" s="157"/>
      <c r="AB12" s="156"/>
      <c r="AC12"/>
      <c r="AD12"/>
    </row>
    <row r="13" spans="2:33" ht="17.100000000000001" customHeight="1" x14ac:dyDescent="0.15">
      <c r="B13" s="343" t="s">
        <v>865</v>
      </c>
      <c r="C13" s="342"/>
      <c r="X13" s="9"/>
      <c r="Y13" s="152" t="s">
        <v>227</v>
      </c>
      <c r="Z13" s="152" t="s">
        <v>217</v>
      </c>
      <c r="AA13" s="152" t="s">
        <v>226</v>
      </c>
      <c r="AB13" s="149"/>
      <c r="AC13"/>
      <c r="AD13"/>
    </row>
    <row r="14" spans="2:33" ht="17.100000000000001" customHeight="1" x14ac:dyDescent="0.15">
      <c r="B14" s="9"/>
      <c r="X14" s="9"/>
      <c r="AB14" s="149"/>
      <c r="AC14"/>
      <c r="AD14"/>
    </row>
    <row r="15" spans="2:33" ht="49.15" customHeight="1" x14ac:dyDescent="0.15">
      <c r="B15" s="9"/>
      <c r="C15" s="1031" t="s">
        <v>812</v>
      </c>
      <c r="D15" s="1031"/>
      <c r="E15" s="1031"/>
      <c r="F15" s="188" t="s">
        <v>279</v>
      </c>
      <c r="G15" s="829" t="s">
        <v>831</v>
      </c>
      <c r="H15" s="829"/>
      <c r="I15" s="829"/>
      <c r="J15" s="829"/>
      <c r="K15" s="829"/>
      <c r="L15" s="829"/>
      <c r="M15" s="829"/>
      <c r="N15" s="829"/>
      <c r="O15" s="829"/>
      <c r="P15" s="829"/>
      <c r="Q15" s="829"/>
      <c r="R15" s="829"/>
      <c r="S15" s="829"/>
      <c r="T15" s="829"/>
      <c r="U15" s="829"/>
      <c r="V15" s="830"/>
      <c r="X15" s="9"/>
      <c r="Y15" s="18" t="s">
        <v>0</v>
      </c>
      <c r="Z15" s="18" t="s">
        <v>217</v>
      </c>
      <c r="AA15" s="18" t="s">
        <v>0</v>
      </c>
      <c r="AB15" s="149"/>
      <c r="AC15"/>
      <c r="AD15"/>
    </row>
    <row r="16" spans="2:33" ht="80.25" customHeight="1" x14ac:dyDescent="0.15">
      <c r="B16" s="9"/>
      <c r="C16" s="1031"/>
      <c r="D16" s="1031"/>
      <c r="E16" s="1031"/>
      <c r="F16" s="296"/>
      <c r="G16" s="938" t="s">
        <v>864</v>
      </c>
      <c r="H16" s="938"/>
      <c r="I16" s="938"/>
      <c r="J16" s="938"/>
      <c r="K16" s="938"/>
      <c r="L16" s="938"/>
      <c r="M16" s="938"/>
      <c r="N16" s="938"/>
      <c r="O16" s="938"/>
      <c r="P16" s="938"/>
      <c r="Q16" s="938"/>
      <c r="R16" s="938"/>
      <c r="S16" s="938"/>
      <c r="T16" s="938"/>
      <c r="U16" s="938"/>
      <c r="V16" s="939"/>
      <c r="X16" s="9"/>
      <c r="Y16" s="18" t="s">
        <v>0</v>
      </c>
      <c r="Z16" s="18" t="s">
        <v>217</v>
      </c>
      <c r="AA16" s="18" t="s">
        <v>0</v>
      </c>
      <c r="AB16" s="149"/>
      <c r="AC16"/>
      <c r="AD16"/>
    </row>
    <row r="17" spans="2:30" ht="19.5" customHeight="1" x14ac:dyDescent="0.15">
      <c r="B17" s="9"/>
      <c r="C17" s="1031"/>
      <c r="D17" s="1031"/>
      <c r="E17" s="1031"/>
      <c r="F17" s="357" t="s">
        <v>277</v>
      </c>
      <c r="G17" s="154"/>
      <c r="H17" s="154"/>
      <c r="I17" s="154"/>
      <c r="J17" s="154"/>
      <c r="K17" s="154"/>
      <c r="L17" s="154"/>
      <c r="M17" s="154"/>
      <c r="N17" s="154"/>
      <c r="O17" s="154"/>
      <c r="P17" s="154"/>
      <c r="Q17" s="154"/>
      <c r="R17" s="154"/>
      <c r="S17" s="154"/>
      <c r="T17" s="154"/>
      <c r="U17" s="154"/>
      <c r="V17" s="196"/>
      <c r="X17" s="9"/>
      <c r="AB17" s="149"/>
      <c r="AC17"/>
      <c r="AD17"/>
    </row>
    <row r="18" spans="2:30" ht="19.5" customHeight="1" x14ac:dyDescent="0.15">
      <c r="B18" s="9"/>
      <c r="C18" s="1031"/>
      <c r="D18" s="1031"/>
      <c r="E18" s="1031"/>
      <c r="F18" s="357"/>
      <c r="H18" s="247" t="s">
        <v>860</v>
      </c>
      <c r="I18" s="168"/>
      <c r="J18" s="168"/>
      <c r="K18" s="168"/>
      <c r="L18" s="168"/>
      <c r="M18" s="168"/>
      <c r="N18" s="168"/>
      <c r="O18" s="168"/>
      <c r="P18" s="168"/>
      <c r="Q18" s="167"/>
      <c r="R18" s="780"/>
      <c r="S18" s="781"/>
      <c r="T18" s="781"/>
      <c r="U18" s="197" t="s">
        <v>435</v>
      </c>
      <c r="V18" s="196"/>
      <c r="X18" s="9"/>
      <c r="AB18" s="149"/>
      <c r="AC18"/>
      <c r="AD18"/>
    </row>
    <row r="19" spans="2:30" ht="19.5" customHeight="1" x14ac:dyDescent="0.15">
      <c r="B19" s="9"/>
      <c r="C19" s="1031"/>
      <c r="D19" s="1031"/>
      <c r="E19" s="1031"/>
      <c r="F19" s="357"/>
      <c r="H19" s="247" t="s">
        <v>859</v>
      </c>
      <c r="I19" s="168"/>
      <c r="J19" s="168"/>
      <c r="K19" s="168"/>
      <c r="L19" s="168"/>
      <c r="M19" s="168"/>
      <c r="N19" s="168"/>
      <c r="O19" s="168"/>
      <c r="P19" s="168"/>
      <c r="Q19" s="167"/>
      <c r="R19" s="780"/>
      <c r="S19" s="781"/>
      <c r="T19" s="781"/>
      <c r="U19" s="197" t="s">
        <v>435</v>
      </c>
      <c r="V19" s="196"/>
      <c r="X19" s="9"/>
      <c r="AB19" s="149"/>
      <c r="AC19"/>
      <c r="AD19"/>
    </row>
    <row r="20" spans="2:30" ht="19.5" customHeight="1" x14ac:dyDescent="0.15">
      <c r="B20" s="9"/>
      <c r="C20" s="1031"/>
      <c r="D20" s="1031"/>
      <c r="E20" s="1031"/>
      <c r="F20" s="357"/>
      <c r="H20" s="247" t="s">
        <v>434</v>
      </c>
      <c r="I20" s="168"/>
      <c r="J20" s="168"/>
      <c r="K20" s="168"/>
      <c r="L20" s="168"/>
      <c r="M20" s="168"/>
      <c r="N20" s="168"/>
      <c r="O20" s="168"/>
      <c r="P20" s="168"/>
      <c r="Q20" s="167"/>
      <c r="R20" s="1063" t="str">
        <f>(IFERROR(ROUNDDOWN(R19/R18*100,0),""))</f>
        <v/>
      </c>
      <c r="S20" s="1064"/>
      <c r="T20" s="1064"/>
      <c r="U20" s="197" t="s">
        <v>339</v>
      </c>
      <c r="V20" s="196"/>
      <c r="X20" s="9"/>
      <c r="AB20" s="149"/>
      <c r="AC20"/>
      <c r="AD20"/>
    </row>
    <row r="21" spans="2:30" ht="19.5" customHeight="1" x14ac:dyDescent="0.15">
      <c r="B21" s="9"/>
      <c r="C21" s="1031"/>
      <c r="D21" s="1031"/>
      <c r="E21" s="1031"/>
      <c r="F21" s="269"/>
      <c r="G21" s="145"/>
      <c r="H21" s="145"/>
      <c r="I21" s="145"/>
      <c r="J21" s="145"/>
      <c r="K21" s="145"/>
      <c r="L21" s="145"/>
      <c r="M21" s="145"/>
      <c r="N21" s="145"/>
      <c r="O21" s="145"/>
      <c r="P21" s="145"/>
      <c r="Q21" s="145"/>
      <c r="R21" s="145"/>
      <c r="S21" s="145"/>
      <c r="T21" s="145"/>
      <c r="U21" s="145"/>
      <c r="V21" s="257"/>
      <c r="X21" s="9"/>
      <c r="AB21" s="149"/>
      <c r="AC21"/>
      <c r="AD21"/>
    </row>
    <row r="22" spans="2:30" ht="63" customHeight="1" x14ac:dyDescent="0.15">
      <c r="B22" s="9"/>
      <c r="C22" s="1031"/>
      <c r="D22" s="1031"/>
      <c r="E22" s="1031"/>
      <c r="F22" s="269" t="s">
        <v>293</v>
      </c>
      <c r="G22" s="828" t="s">
        <v>863</v>
      </c>
      <c r="H22" s="829"/>
      <c r="I22" s="829"/>
      <c r="J22" s="829"/>
      <c r="K22" s="829"/>
      <c r="L22" s="829"/>
      <c r="M22" s="829"/>
      <c r="N22" s="829"/>
      <c r="O22" s="829"/>
      <c r="P22" s="829"/>
      <c r="Q22" s="829"/>
      <c r="R22" s="829"/>
      <c r="S22" s="829"/>
      <c r="T22" s="829"/>
      <c r="U22" s="829"/>
      <c r="V22" s="830"/>
      <c r="X22" s="9"/>
      <c r="Y22" s="18" t="s">
        <v>0</v>
      </c>
      <c r="Z22" s="18" t="s">
        <v>217</v>
      </c>
      <c r="AA22" s="18" t="s">
        <v>0</v>
      </c>
      <c r="AB22" s="149"/>
      <c r="AC22"/>
      <c r="AD22"/>
    </row>
    <row r="23" spans="2:30" ht="37.15" customHeight="1" x14ac:dyDescent="0.15">
      <c r="B23" s="9"/>
      <c r="C23" s="1031"/>
      <c r="D23" s="1031"/>
      <c r="E23" s="1031"/>
      <c r="F23" s="269" t="s">
        <v>513</v>
      </c>
      <c r="G23" s="828" t="s">
        <v>857</v>
      </c>
      <c r="H23" s="829"/>
      <c r="I23" s="829"/>
      <c r="J23" s="829"/>
      <c r="K23" s="829"/>
      <c r="L23" s="829"/>
      <c r="M23" s="829"/>
      <c r="N23" s="829"/>
      <c r="O23" s="829"/>
      <c r="P23" s="829"/>
      <c r="Q23" s="829"/>
      <c r="R23" s="829"/>
      <c r="S23" s="829"/>
      <c r="T23" s="829"/>
      <c r="U23" s="829"/>
      <c r="V23" s="830"/>
      <c r="X23" s="9"/>
      <c r="Y23" s="18" t="s">
        <v>0</v>
      </c>
      <c r="Z23" s="18" t="s">
        <v>217</v>
      </c>
      <c r="AA23" s="18" t="s">
        <v>0</v>
      </c>
      <c r="AB23" s="149"/>
      <c r="AC23"/>
      <c r="AD23"/>
    </row>
    <row r="24" spans="2:30" ht="16.899999999999999" customHeight="1" x14ac:dyDescent="0.15">
      <c r="B24" s="9"/>
      <c r="C24" s="249"/>
      <c r="D24" s="249"/>
      <c r="E24" s="249"/>
      <c r="F24" s="18"/>
      <c r="G24" s="154"/>
      <c r="H24" s="154"/>
      <c r="I24" s="154"/>
      <c r="J24" s="154"/>
      <c r="K24" s="154"/>
      <c r="L24" s="154"/>
      <c r="M24" s="154"/>
      <c r="N24" s="154"/>
      <c r="O24" s="154"/>
      <c r="P24" s="154"/>
      <c r="Q24" s="154"/>
      <c r="R24" s="154"/>
      <c r="S24" s="154"/>
      <c r="T24" s="154"/>
      <c r="U24" s="154"/>
      <c r="V24" s="154"/>
      <c r="X24" s="9"/>
      <c r="AB24" s="149"/>
      <c r="AC24"/>
      <c r="AD24"/>
    </row>
    <row r="25" spans="2:30" ht="49.9" customHeight="1" x14ac:dyDescent="0.15">
      <c r="B25" s="9"/>
      <c r="C25" s="1029" t="s">
        <v>862</v>
      </c>
      <c r="D25" s="1029"/>
      <c r="E25" s="1029"/>
      <c r="F25" s="188" t="s">
        <v>279</v>
      </c>
      <c r="G25" s="828" t="s">
        <v>826</v>
      </c>
      <c r="H25" s="829"/>
      <c r="I25" s="829"/>
      <c r="J25" s="829"/>
      <c r="K25" s="829"/>
      <c r="L25" s="829"/>
      <c r="M25" s="829"/>
      <c r="N25" s="829"/>
      <c r="O25" s="829"/>
      <c r="P25" s="829"/>
      <c r="Q25" s="829"/>
      <c r="R25" s="829"/>
      <c r="S25" s="829"/>
      <c r="T25" s="829"/>
      <c r="U25" s="829"/>
      <c r="V25" s="830"/>
      <c r="X25" s="9"/>
      <c r="Y25" s="18" t="s">
        <v>0</v>
      </c>
      <c r="Z25" s="18" t="s">
        <v>217</v>
      </c>
      <c r="AA25" s="18" t="s">
        <v>0</v>
      </c>
      <c r="AB25" s="149"/>
      <c r="AC25"/>
      <c r="AD25"/>
    </row>
    <row r="26" spans="2:30" ht="79.150000000000006" customHeight="1" x14ac:dyDescent="0.15">
      <c r="B26" s="9"/>
      <c r="C26" s="1029"/>
      <c r="D26" s="1029"/>
      <c r="E26" s="1029"/>
      <c r="F26" s="296"/>
      <c r="G26" s="938" t="s">
        <v>861</v>
      </c>
      <c r="H26" s="938"/>
      <c r="I26" s="938"/>
      <c r="J26" s="938"/>
      <c r="K26" s="938"/>
      <c r="L26" s="938"/>
      <c r="M26" s="938"/>
      <c r="N26" s="938"/>
      <c r="O26" s="938"/>
      <c r="P26" s="938"/>
      <c r="Q26" s="938"/>
      <c r="R26" s="938"/>
      <c r="S26" s="938"/>
      <c r="T26" s="938"/>
      <c r="U26" s="938"/>
      <c r="V26" s="939"/>
      <c r="X26" s="9"/>
      <c r="Y26" s="18" t="s">
        <v>0</v>
      </c>
      <c r="Z26" s="18" t="s">
        <v>217</v>
      </c>
      <c r="AA26" s="18" t="s">
        <v>0</v>
      </c>
      <c r="AB26" s="149"/>
      <c r="AC26"/>
      <c r="AD26"/>
    </row>
    <row r="27" spans="2:30" ht="19.5" customHeight="1" x14ac:dyDescent="0.15">
      <c r="B27" s="9"/>
      <c r="C27" s="1029"/>
      <c r="D27" s="1029"/>
      <c r="E27" s="1029"/>
      <c r="F27" s="357" t="s">
        <v>277</v>
      </c>
      <c r="G27" s="154"/>
      <c r="H27" s="154"/>
      <c r="I27" s="154"/>
      <c r="J27" s="154"/>
      <c r="K27" s="154"/>
      <c r="L27" s="154"/>
      <c r="M27" s="154"/>
      <c r="N27" s="154"/>
      <c r="O27" s="154"/>
      <c r="P27" s="154"/>
      <c r="Q27" s="154"/>
      <c r="R27" s="154"/>
      <c r="S27" s="154"/>
      <c r="T27" s="154"/>
      <c r="U27" s="154"/>
      <c r="V27" s="196"/>
      <c r="X27" s="9"/>
      <c r="AB27" s="149"/>
      <c r="AC27"/>
      <c r="AD27"/>
    </row>
    <row r="28" spans="2:30" ht="19.5" customHeight="1" x14ac:dyDescent="0.15">
      <c r="B28" s="9"/>
      <c r="C28" s="1029"/>
      <c r="D28" s="1029"/>
      <c r="E28" s="1029"/>
      <c r="F28" s="357"/>
      <c r="H28" s="247" t="s">
        <v>860</v>
      </c>
      <c r="I28" s="168"/>
      <c r="J28" s="168"/>
      <c r="K28" s="168"/>
      <c r="L28" s="168"/>
      <c r="M28" s="168"/>
      <c r="N28" s="168"/>
      <c r="O28" s="168"/>
      <c r="P28" s="168"/>
      <c r="Q28" s="167"/>
      <c r="R28" s="780"/>
      <c r="S28" s="781"/>
      <c r="T28" s="781"/>
      <c r="U28" s="197" t="s">
        <v>435</v>
      </c>
      <c r="V28" s="196"/>
      <c r="X28" s="9"/>
      <c r="AB28" s="149"/>
      <c r="AC28"/>
      <c r="AD28"/>
    </row>
    <row r="29" spans="2:30" ht="19.5" customHeight="1" x14ac:dyDescent="0.15">
      <c r="B29" s="9"/>
      <c r="C29" s="1029"/>
      <c r="D29" s="1029"/>
      <c r="E29" s="1029"/>
      <c r="F29" s="357"/>
      <c r="H29" s="247" t="s">
        <v>859</v>
      </c>
      <c r="I29" s="168"/>
      <c r="J29" s="168"/>
      <c r="K29" s="168"/>
      <c r="L29" s="168"/>
      <c r="M29" s="168"/>
      <c r="N29" s="168"/>
      <c r="O29" s="168"/>
      <c r="P29" s="168"/>
      <c r="Q29" s="167"/>
      <c r="R29" s="780"/>
      <c r="S29" s="781"/>
      <c r="T29" s="781"/>
      <c r="U29" s="197" t="s">
        <v>435</v>
      </c>
      <c r="V29" s="196"/>
      <c r="X29" s="9"/>
      <c r="AB29" s="149"/>
      <c r="AC29"/>
      <c r="AD29"/>
    </row>
    <row r="30" spans="2:30" ht="19.149999999999999" customHeight="1" x14ac:dyDescent="0.15">
      <c r="B30" s="9"/>
      <c r="C30" s="1029"/>
      <c r="D30" s="1029"/>
      <c r="E30" s="1029"/>
      <c r="F30" s="357"/>
      <c r="H30" s="247" t="s">
        <v>434</v>
      </c>
      <c r="I30" s="168"/>
      <c r="J30" s="168"/>
      <c r="K30" s="168"/>
      <c r="L30" s="168"/>
      <c r="M30" s="168"/>
      <c r="N30" s="168"/>
      <c r="O30" s="168"/>
      <c r="P30" s="168"/>
      <c r="Q30" s="167"/>
      <c r="R30" s="1063" t="str">
        <f>(IFERROR(ROUNDDOWN(R29/R28*100,0),""))</f>
        <v/>
      </c>
      <c r="S30" s="1064"/>
      <c r="T30" s="1064"/>
      <c r="U30" s="197" t="s">
        <v>339</v>
      </c>
      <c r="V30" s="196"/>
      <c r="X30" s="9"/>
      <c r="AB30" s="149"/>
      <c r="AC30"/>
      <c r="AD30"/>
    </row>
    <row r="31" spans="2:30" ht="19.899999999999999" customHeight="1" x14ac:dyDescent="0.15">
      <c r="B31" s="9"/>
      <c r="C31" s="1029"/>
      <c r="D31" s="1029"/>
      <c r="E31" s="1029"/>
      <c r="F31" s="269"/>
      <c r="G31" s="145"/>
      <c r="H31" s="145"/>
      <c r="I31" s="145"/>
      <c r="J31" s="145"/>
      <c r="K31" s="145"/>
      <c r="L31" s="145"/>
      <c r="M31" s="145"/>
      <c r="N31" s="145"/>
      <c r="O31" s="145"/>
      <c r="P31" s="145"/>
      <c r="Q31" s="145"/>
      <c r="R31" s="145"/>
      <c r="S31" s="145"/>
      <c r="T31" s="145"/>
      <c r="U31" s="145"/>
      <c r="V31" s="257"/>
      <c r="X31" s="9"/>
      <c r="AB31" s="149"/>
      <c r="AC31"/>
      <c r="AD31"/>
    </row>
    <row r="32" spans="2:30" ht="63" customHeight="1" x14ac:dyDescent="0.15">
      <c r="B32" s="9"/>
      <c r="C32" s="1029"/>
      <c r="D32" s="1029"/>
      <c r="E32" s="1029"/>
      <c r="F32" s="188" t="s">
        <v>293</v>
      </c>
      <c r="G32" s="806" t="s">
        <v>858</v>
      </c>
      <c r="H32" s="806"/>
      <c r="I32" s="806"/>
      <c r="J32" s="806"/>
      <c r="K32" s="806"/>
      <c r="L32" s="806"/>
      <c r="M32" s="806"/>
      <c r="N32" s="806"/>
      <c r="O32" s="806"/>
      <c r="P32" s="806"/>
      <c r="Q32" s="806"/>
      <c r="R32" s="806"/>
      <c r="S32" s="806"/>
      <c r="T32" s="806"/>
      <c r="U32" s="806"/>
      <c r="V32" s="806"/>
      <c r="X32" s="9"/>
      <c r="Y32" s="18" t="s">
        <v>0</v>
      </c>
      <c r="Z32" s="18" t="s">
        <v>217</v>
      </c>
      <c r="AA32" s="18" t="s">
        <v>0</v>
      </c>
      <c r="AB32" s="149"/>
      <c r="AC32"/>
    </row>
    <row r="33" spans="2:29" ht="32.450000000000003" customHeight="1" x14ac:dyDescent="0.15">
      <c r="B33" s="9"/>
      <c r="C33" s="1029"/>
      <c r="D33" s="1029"/>
      <c r="E33" s="1029"/>
      <c r="F33" s="269" t="s">
        <v>513</v>
      </c>
      <c r="G33" s="828" t="s">
        <v>857</v>
      </c>
      <c r="H33" s="829"/>
      <c r="I33" s="829"/>
      <c r="J33" s="829"/>
      <c r="K33" s="829"/>
      <c r="L33" s="829"/>
      <c r="M33" s="829"/>
      <c r="N33" s="829"/>
      <c r="O33" s="829"/>
      <c r="P33" s="829"/>
      <c r="Q33" s="829"/>
      <c r="R33" s="829"/>
      <c r="S33" s="829"/>
      <c r="T33" s="829"/>
      <c r="U33" s="829"/>
      <c r="V33" s="830"/>
      <c r="X33" s="9"/>
      <c r="Y33" s="18" t="s">
        <v>0</v>
      </c>
      <c r="Z33" s="18" t="s">
        <v>217</v>
      </c>
      <c r="AA33" s="18" t="s">
        <v>0</v>
      </c>
      <c r="AB33" s="149"/>
      <c r="AC33"/>
    </row>
    <row r="34" spans="2:29" x14ac:dyDescent="0.15">
      <c r="B34" s="173"/>
      <c r="C34" s="172"/>
      <c r="D34" s="172"/>
      <c r="E34" s="172"/>
      <c r="F34" s="172"/>
      <c r="G34" s="172"/>
      <c r="H34" s="172"/>
      <c r="I34" s="172"/>
      <c r="J34" s="172"/>
      <c r="K34" s="172"/>
      <c r="L34" s="172"/>
      <c r="M34" s="172"/>
      <c r="N34" s="172"/>
      <c r="O34" s="172"/>
      <c r="P34" s="172"/>
      <c r="Q34" s="172"/>
      <c r="R34" s="172"/>
      <c r="S34" s="172"/>
      <c r="T34" s="172"/>
      <c r="U34" s="172"/>
      <c r="V34" s="172"/>
      <c r="W34" s="172"/>
      <c r="X34" s="173"/>
      <c r="Y34" s="172"/>
      <c r="Z34" s="172"/>
      <c r="AA34" s="172"/>
      <c r="AB34" s="171"/>
    </row>
    <row r="36" spans="2:29" x14ac:dyDescent="0.15">
      <c r="B36" s="8" t="s">
        <v>507</v>
      </c>
    </row>
    <row r="37" spans="2:29" x14ac:dyDescent="0.15">
      <c r="B37" s="8" t="s">
        <v>506</v>
      </c>
      <c r="K37"/>
      <c r="L37"/>
      <c r="M37"/>
      <c r="N37"/>
      <c r="O37"/>
      <c r="P37"/>
      <c r="Q37"/>
      <c r="R37"/>
      <c r="S37"/>
      <c r="T37"/>
      <c r="U37"/>
      <c r="V37"/>
      <c r="W37"/>
      <c r="X37"/>
      <c r="Y37"/>
      <c r="Z37"/>
      <c r="AA37"/>
    </row>
    <row r="122" spans="3:7" x14ac:dyDescent="0.15">
      <c r="C122" s="172"/>
      <c r="D122" s="172"/>
      <c r="E122" s="172"/>
      <c r="F122" s="172"/>
      <c r="G122" s="172"/>
    </row>
    <row r="123" spans="3:7" x14ac:dyDescent="0.15">
      <c r="C123" s="157"/>
    </row>
  </sheetData>
  <mergeCells count="22">
    <mergeCell ref="B9:F10"/>
    <mergeCell ref="B4:AB4"/>
    <mergeCell ref="B5:AB5"/>
    <mergeCell ref="B7:F7"/>
    <mergeCell ref="G7:AB7"/>
    <mergeCell ref="B8:F8"/>
    <mergeCell ref="C15:E23"/>
    <mergeCell ref="G15:V15"/>
    <mergeCell ref="G16:V16"/>
    <mergeCell ref="R18:T18"/>
    <mergeCell ref="R19:T19"/>
    <mergeCell ref="R20:T20"/>
    <mergeCell ref="G22:V22"/>
    <mergeCell ref="G23:V23"/>
    <mergeCell ref="C25:E33"/>
    <mergeCell ref="G25:V25"/>
    <mergeCell ref="G26:V26"/>
    <mergeCell ref="R28:T28"/>
    <mergeCell ref="R29:T29"/>
    <mergeCell ref="R30:T30"/>
    <mergeCell ref="G32:V32"/>
    <mergeCell ref="G33:V33"/>
  </mergeCells>
  <phoneticPr fontId="2"/>
  <dataValidations count="1">
    <dataValidation type="list" allowBlank="1" showInputMessage="1" showErrorMessage="1" sqref="Y15:Y16 AA15:AA16 AA22:AA23 Q8 Y25:Y26 AA25:AA26 AA32:AA33 Y22:Y23 G8:G10 L8 Y32:Y33">
      <formula1>"□,■"</formula1>
    </dataValidation>
  </dataValidations>
  <pageMargins left="0.7" right="0.7" top="0.75" bottom="0.75" header="0.3" footer="0.3"/>
  <pageSetup paperSize="9" scale="82" orientation="portrait" r:id="rId1"/>
</worksheet>
</file>

<file path=xl/worksheets/sheet3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F123"/>
  <sheetViews>
    <sheetView zoomScaleNormal="100" workbookViewId="0">
      <selection activeCell="C87" sqref="C87"/>
    </sheetView>
  </sheetViews>
  <sheetFormatPr defaultRowHeight="18.75" x14ac:dyDescent="0.15"/>
  <cols>
    <col min="1" max="1" width="2.125" style="345" customWidth="1"/>
    <col min="2" max="23" width="3.625" style="345" customWidth="1"/>
    <col min="24" max="24" width="2.125" style="345" customWidth="1"/>
    <col min="25" max="37" width="5.625" style="345" customWidth="1"/>
    <col min="38" max="16384" width="9" style="345"/>
  </cols>
  <sheetData>
    <row r="1" spans="2:23" x14ac:dyDescent="0.15">
      <c r="B1" s="345" t="s">
        <v>875</v>
      </c>
      <c r="M1" s="356"/>
      <c r="N1" s="355"/>
      <c r="O1" s="355"/>
      <c r="P1" s="355"/>
      <c r="Q1" s="356" t="s">
        <v>12</v>
      </c>
      <c r="R1" s="354"/>
      <c r="S1" s="355" t="s">
        <v>11</v>
      </c>
      <c r="T1" s="354"/>
      <c r="U1" s="355" t="s">
        <v>10</v>
      </c>
      <c r="V1" s="354"/>
      <c r="W1" s="355" t="s">
        <v>20</v>
      </c>
    </row>
    <row r="2" spans="2:23" ht="5.0999999999999996" customHeight="1" x14ac:dyDescent="0.15">
      <c r="M2" s="356"/>
      <c r="N2" s="355"/>
      <c r="O2" s="355"/>
      <c r="P2" s="355"/>
      <c r="Q2" s="356"/>
      <c r="R2" s="355"/>
      <c r="S2" s="355"/>
      <c r="T2" s="355"/>
      <c r="U2" s="355"/>
      <c r="V2" s="355"/>
      <c r="W2" s="355"/>
    </row>
    <row r="3" spans="2:23" x14ac:dyDescent="0.15">
      <c r="B3" s="1060" t="s">
        <v>874</v>
      </c>
      <c r="C3" s="1060"/>
      <c r="D3" s="1060"/>
      <c r="E3" s="1060"/>
      <c r="F3" s="1060"/>
      <c r="G3" s="1060"/>
      <c r="H3" s="1060"/>
      <c r="I3" s="1060"/>
      <c r="J3" s="1060"/>
      <c r="K3" s="1060"/>
      <c r="L3" s="1060"/>
      <c r="M3" s="1060"/>
      <c r="N3" s="1060"/>
      <c r="O3" s="1060"/>
      <c r="P3" s="1060"/>
      <c r="Q3" s="1060"/>
      <c r="R3" s="1060"/>
      <c r="S3" s="1060"/>
      <c r="T3" s="1060"/>
      <c r="U3" s="1060"/>
      <c r="V3" s="1060"/>
      <c r="W3" s="1060"/>
    </row>
    <row r="4" spans="2:23" ht="5.0999999999999996" customHeight="1" x14ac:dyDescent="0.15">
      <c r="B4" s="355"/>
      <c r="C4" s="355"/>
      <c r="D4" s="355"/>
      <c r="E4" s="355"/>
      <c r="F4" s="355"/>
      <c r="G4" s="355"/>
      <c r="H4" s="355"/>
      <c r="I4" s="355"/>
      <c r="J4" s="355"/>
      <c r="K4" s="355"/>
      <c r="L4" s="355"/>
      <c r="M4" s="355"/>
      <c r="N4" s="355"/>
      <c r="O4" s="355"/>
      <c r="P4" s="355"/>
      <c r="Q4" s="355"/>
      <c r="R4" s="355"/>
      <c r="S4" s="355"/>
      <c r="T4" s="355"/>
      <c r="U4" s="355"/>
      <c r="V4" s="355"/>
      <c r="W4" s="355"/>
    </row>
    <row r="5" spans="2:23" x14ac:dyDescent="0.15">
      <c r="B5" s="355"/>
      <c r="C5" s="355"/>
      <c r="D5" s="355"/>
      <c r="E5" s="355"/>
      <c r="F5" s="355"/>
      <c r="G5" s="355"/>
      <c r="H5" s="355"/>
      <c r="I5" s="355"/>
      <c r="J5" s="355"/>
      <c r="K5" s="355"/>
      <c r="L5" s="355"/>
      <c r="M5" s="355"/>
      <c r="N5" s="355"/>
      <c r="O5" s="355"/>
      <c r="P5" s="356" t="s">
        <v>211</v>
      </c>
      <c r="Q5" s="1061"/>
      <c r="R5" s="1061"/>
      <c r="S5" s="1061"/>
      <c r="T5" s="1061"/>
      <c r="U5" s="1061"/>
      <c r="V5" s="1061"/>
      <c r="W5" s="1061"/>
    </row>
    <row r="6" spans="2:23" x14ac:dyDescent="0.15">
      <c r="B6" s="355"/>
      <c r="C6" s="355"/>
      <c r="D6" s="355"/>
      <c r="E6" s="355"/>
      <c r="F6" s="355"/>
      <c r="G6" s="355"/>
      <c r="H6" s="355"/>
      <c r="I6" s="355"/>
      <c r="J6" s="355"/>
      <c r="K6" s="355"/>
      <c r="L6" s="355"/>
      <c r="M6" s="355"/>
      <c r="N6" s="355"/>
      <c r="O6" s="355"/>
      <c r="P6" s="356" t="s">
        <v>57</v>
      </c>
      <c r="Q6" s="1062"/>
      <c r="R6" s="1062"/>
      <c r="S6" s="1062"/>
      <c r="T6" s="1062"/>
      <c r="U6" s="1062"/>
      <c r="V6" s="1062"/>
      <c r="W6" s="1062"/>
    </row>
    <row r="7" spans="2:23" ht="10.5" customHeight="1" x14ac:dyDescent="0.15">
      <c r="B7" s="355"/>
      <c r="C7" s="355"/>
      <c r="D7" s="355"/>
      <c r="E7" s="355"/>
      <c r="F7" s="355"/>
      <c r="G7" s="355"/>
      <c r="H7" s="355"/>
      <c r="I7" s="355"/>
      <c r="J7" s="355"/>
      <c r="K7" s="355"/>
      <c r="L7" s="355"/>
      <c r="M7" s="355"/>
      <c r="N7" s="355"/>
      <c r="O7" s="355"/>
      <c r="P7" s="355"/>
      <c r="Q7" s="355"/>
      <c r="R7" s="355"/>
      <c r="S7" s="355"/>
      <c r="T7" s="355"/>
      <c r="U7" s="355"/>
      <c r="V7" s="355"/>
      <c r="W7" s="355"/>
    </row>
    <row r="8" spans="2:23" x14ac:dyDescent="0.15">
      <c r="B8" s="345" t="s">
        <v>873</v>
      </c>
    </row>
    <row r="9" spans="2:23" x14ac:dyDescent="0.15">
      <c r="C9" s="354" t="s">
        <v>0</v>
      </c>
      <c r="D9" s="345" t="s">
        <v>853</v>
      </c>
      <c r="J9" s="354" t="s">
        <v>0</v>
      </c>
      <c r="K9" s="345" t="s">
        <v>852</v>
      </c>
    </row>
    <row r="10" spans="2:23" ht="10.5" customHeight="1" x14ac:dyDescent="0.15"/>
    <row r="11" spans="2:23" x14ac:dyDescent="0.15">
      <c r="B11" s="345" t="s">
        <v>851</v>
      </c>
    </row>
    <row r="12" spans="2:23" x14ac:dyDescent="0.15">
      <c r="C12" s="354" t="s">
        <v>0</v>
      </c>
      <c r="D12" s="345" t="s">
        <v>850</v>
      </c>
    </row>
    <row r="13" spans="2:23" x14ac:dyDescent="0.15">
      <c r="C13" s="354" t="s">
        <v>0</v>
      </c>
      <c r="D13" s="345" t="s">
        <v>849</v>
      </c>
    </row>
    <row r="14" spans="2:23" ht="10.5" customHeight="1" x14ac:dyDescent="0.15"/>
    <row r="15" spans="2:23" x14ac:dyDescent="0.15">
      <c r="B15" s="345" t="s">
        <v>351</v>
      </c>
    </row>
    <row r="16" spans="2:23" ht="60" customHeight="1" x14ac:dyDescent="0.15">
      <c r="B16" s="1046"/>
      <c r="C16" s="1046"/>
      <c r="D16" s="1046"/>
      <c r="E16" s="1046"/>
      <c r="F16" s="1052" t="s">
        <v>847</v>
      </c>
      <c r="G16" s="1053"/>
      <c r="H16" s="1053"/>
      <c r="I16" s="1053"/>
      <c r="J16" s="1053"/>
      <c r="K16" s="1053"/>
      <c r="L16" s="1054"/>
      <c r="M16" s="1049" t="s">
        <v>872</v>
      </c>
      <c r="N16" s="1049"/>
      <c r="O16" s="1049"/>
      <c r="P16" s="1049"/>
      <c r="Q16" s="1049"/>
      <c r="R16" s="1049"/>
      <c r="S16" s="1049"/>
    </row>
    <row r="17" spans="2:23" x14ac:dyDescent="0.15">
      <c r="B17" s="1047">
        <v>4</v>
      </c>
      <c r="C17" s="1048"/>
      <c r="D17" s="1048" t="s">
        <v>21</v>
      </c>
      <c r="E17" s="1058"/>
      <c r="F17" s="1044"/>
      <c r="G17" s="1045"/>
      <c r="H17" s="1045"/>
      <c r="I17" s="1045"/>
      <c r="J17" s="1045"/>
      <c r="K17" s="1045"/>
      <c r="L17" s="352" t="s">
        <v>175</v>
      </c>
      <c r="M17" s="1044"/>
      <c r="N17" s="1045"/>
      <c r="O17" s="1045"/>
      <c r="P17" s="1045"/>
      <c r="Q17" s="1045"/>
      <c r="R17" s="1045"/>
      <c r="S17" s="352" t="s">
        <v>175</v>
      </c>
    </row>
    <row r="18" spans="2:23" x14ac:dyDescent="0.15">
      <c r="B18" s="1047">
        <v>5</v>
      </c>
      <c r="C18" s="1048"/>
      <c r="D18" s="1048" t="s">
        <v>21</v>
      </c>
      <c r="E18" s="1058"/>
      <c r="F18" s="1044"/>
      <c r="G18" s="1045"/>
      <c r="H18" s="1045"/>
      <c r="I18" s="1045"/>
      <c r="J18" s="1045"/>
      <c r="K18" s="1045"/>
      <c r="L18" s="352" t="s">
        <v>175</v>
      </c>
      <c r="M18" s="1044"/>
      <c r="N18" s="1045"/>
      <c r="O18" s="1045"/>
      <c r="P18" s="1045"/>
      <c r="Q18" s="1045"/>
      <c r="R18" s="1045"/>
      <c r="S18" s="352" t="s">
        <v>175</v>
      </c>
    </row>
    <row r="19" spans="2:23" x14ac:dyDescent="0.15">
      <c r="B19" s="1047">
        <v>6</v>
      </c>
      <c r="C19" s="1048"/>
      <c r="D19" s="1048" t="s">
        <v>21</v>
      </c>
      <c r="E19" s="1058"/>
      <c r="F19" s="1044"/>
      <c r="G19" s="1045"/>
      <c r="H19" s="1045"/>
      <c r="I19" s="1045"/>
      <c r="J19" s="1045"/>
      <c r="K19" s="1045"/>
      <c r="L19" s="352" t="s">
        <v>175</v>
      </c>
      <c r="M19" s="1044"/>
      <c r="N19" s="1045"/>
      <c r="O19" s="1045"/>
      <c r="P19" s="1045"/>
      <c r="Q19" s="1045"/>
      <c r="R19" s="1045"/>
      <c r="S19" s="352" t="s">
        <v>175</v>
      </c>
    </row>
    <row r="20" spans="2:23" x14ac:dyDescent="0.15">
      <c r="B20" s="1047">
        <v>7</v>
      </c>
      <c r="C20" s="1048"/>
      <c r="D20" s="1048" t="s">
        <v>21</v>
      </c>
      <c r="E20" s="1058"/>
      <c r="F20" s="1044"/>
      <c r="G20" s="1045"/>
      <c r="H20" s="1045"/>
      <c r="I20" s="1045"/>
      <c r="J20" s="1045"/>
      <c r="K20" s="1045"/>
      <c r="L20" s="352" t="s">
        <v>175</v>
      </c>
      <c r="M20" s="1044"/>
      <c r="N20" s="1045"/>
      <c r="O20" s="1045"/>
      <c r="P20" s="1045"/>
      <c r="Q20" s="1045"/>
      <c r="R20" s="1045"/>
      <c r="S20" s="352" t="s">
        <v>175</v>
      </c>
    </row>
    <row r="21" spans="2:23" x14ac:dyDescent="0.15">
      <c r="B21" s="1047">
        <v>8</v>
      </c>
      <c r="C21" s="1048"/>
      <c r="D21" s="1048" t="s">
        <v>21</v>
      </c>
      <c r="E21" s="1058"/>
      <c r="F21" s="1044"/>
      <c r="G21" s="1045"/>
      <c r="H21" s="1045"/>
      <c r="I21" s="1045"/>
      <c r="J21" s="1045"/>
      <c r="K21" s="1045"/>
      <c r="L21" s="352" t="s">
        <v>175</v>
      </c>
      <c r="M21" s="1044"/>
      <c r="N21" s="1045"/>
      <c r="O21" s="1045"/>
      <c r="P21" s="1045"/>
      <c r="Q21" s="1045"/>
      <c r="R21" s="1045"/>
      <c r="S21" s="352" t="s">
        <v>175</v>
      </c>
    </row>
    <row r="22" spans="2:23" x14ac:dyDescent="0.15">
      <c r="B22" s="1047">
        <v>9</v>
      </c>
      <c r="C22" s="1048"/>
      <c r="D22" s="1048" t="s">
        <v>21</v>
      </c>
      <c r="E22" s="1058"/>
      <c r="F22" s="1044"/>
      <c r="G22" s="1045"/>
      <c r="H22" s="1045"/>
      <c r="I22" s="1045"/>
      <c r="J22" s="1045"/>
      <c r="K22" s="1045"/>
      <c r="L22" s="352" t="s">
        <v>175</v>
      </c>
      <c r="M22" s="1044"/>
      <c r="N22" s="1045"/>
      <c r="O22" s="1045"/>
      <c r="P22" s="1045"/>
      <c r="Q22" s="1045"/>
      <c r="R22" s="1045"/>
      <c r="S22" s="352" t="s">
        <v>175</v>
      </c>
    </row>
    <row r="23" spans="2:23" x14ac:dyDescent="0.15">
      <c r="B23" s="1047">
        <v>10</v>
      </c>
      <c r="C23" s="1048"/>
      <c r="D23" s="1048" t="s">
        <v>21</v>
      </c>
      <c r="E23" s="1058"/>
      <c r="F23" s="1044"/>
      <c r="G23" s="1045"/>
      <c r="H23" s="1045"/>
      <c r="I23" s="1045"/>
      <c r="J23" s="1045"/>
      <c r="K23" s="1045"/>
      <c r="L23" s="352" t="s">
        <v>175</v>
      </c>
      <c r="M23" s="1044"/>
      <c r="N23" s="1045"/>
      <c r="O23" s="1045"/>
      <c r="P23" s="1045"/>
      <c r="Q23" s="1045"/>
      <c r="R23" s="1045"/>
      <c r="S23" s="352" t="s">
        <v>175</v>
      </c>
    </row>
    <row r="24" spans="2:23" x14ac:dyDescent="0.15">
      <c r="B24" s="1047">
        <v>11</v>
      </c>
      <c r="C24" s="1048"/>
      <c r="D24" s="1048" t="s">
        <v>21</v>
      </c>
      <c r="E24" s="1058"/>
      <c r="F24" s="1044"/>
      <c r="G24" s="1045"/>
      <c r="H24" s="1045"/>
      <c r="I24" s="1045"/>
      <c r="J24" s="1045"/>
      <c r="K24" s="1045"/>
      <c r="L24" s="352" t="s">
        <v>175</v>
      </c>
      <c r="M24" s="1044"/>
      <c r="N24" s="1045"/>
      <c r="O24" s="1045"/>
      <c r="P24" s="1045"/>
      <c r="Q24" s="1045"/>
      <c r="R24" s="1045"/>
      <c r="S24" s="352" t="s">
        <v>175</v>
      </c>
    </row>
    <row r="25" spans="2:23" x14ac:dyDescent="0.15">
      <c r="B25" s="1047">
        <v>12</v>
      </c>
      <c r="C25" s="1048"/>
      <c r="D25" s="1048" t="s">
        <v>21</v>
      </c>
      <c r="E25" s="1058"/>
      <c r="F25" s="1044"/>
      <c r="G25" s="1045"/>
      <c r="H25" s="1045"/>
      <c r="I25" s="1045"/>
      <c r="J25" s="1045"/>
      <c r="K25" s="1045"/>
      <c r="L25" s="352" t="s">
        <v>175</v>
      </c>
      <c r="M25" s="1044"/>
      <c r="N25" s="1045"/>
      <c r="O25" s="1045"/>
      <c r="P25" s="1045"/>
      <c r="Q25" s="1045"/>
      <c r="R25" s="1045"/>
      <c r="S25" s="352" t="s">
        <v>175</v>
      </c>
      <c r="U25" s="1046" t="s">
        <v>848</v>
      </c>
      <c r="V25" s="1046"/>
      <c r="W25" s="1046"/>
    </row>
    <row r="26" spans="2:23" x14ac:dyDescent="0.15">
      <c r="B26" s="1047">
        <v>1</v>
      </c>
      <c r="C26" s="1048"/>
      <c r="D26" s="1048" t="s">
        <v>21</v>
      </c>
      <c r="E26" s="1058"/>
      <c r="F26" s="1044"/>
      <c r="G26" s="1045"/>
      <c r="H26" s="1045"/>
      <c r="I26" s="1045"/>
      <c r="J26" s="1045"/>
      <c r="K26" s="1045"/>
      <c r="L26" s="352" t="s">
        <v>175</v>
      </c>
      <c r="M26" s="1044"/>
      <c r="N26" s="1045"/>
      <c r="O26" s="1045"/>
      <c r="P26" s="1045"/>
      <c r="Q26" s="1045"/>
      <c r="R26" s="1045"/>
      <c r="S26" s="352" t="s">
        <v>175</v>
      </c>
      <c r="U26" s="1059"/>
      <c r="V26" s="1059"/>
      <c r="W26" s="1059"/>
    </row>
    <row r="27" spans="2:23" x14ac:dyDescent="0.15">
      <c r="B27" s="1047">
        <v>2</v>
      </c>
      <c r="C27" s="1048"/>
      <c r="D27" s="1048" t="s">
        <v>21</v>
      </c>
      <c r="E27" s="1058"/>
      <c r="F27" s="1044"/>
      <c r="G27" s="1045"/>
      <c r="H27" s="1045"/>
      <c r="I27" s="1045"/>
      <c r="J27" s="1045"/>
      <c r="K27" s="1045"/>
      <c r="L27" s="352" t="s">
        <v>175</v>
      </c>
      <c r="M27" s="1044"/>
      <c r="N27" s="1045"/>
      <c r="O27" s="1045"/>
      <c r="P27" s="1045"/>
      <c r="Q27" s="1045"/>
      <c r="R27" s="1045"/>
      <c r="S27" s="352" t="s">
        <v>175</v>
      </c>
    </row>
    <row r="28" spans="2:23" x14ac:dyDescent="0.15">
      <c r="B28" s="1046" t="s">
        <v>173</v>
      </c>
      <c r="C28" s="1046"/>
      <c r="D28" s="1046"/>
      <c r="E28" s="1046"/>
      <c r="F28" s="1047" t="str">
        <f>IF(SUM(F17:K27)=0,"",SUM(F17:K27))</f>
        <v/>
      </c>
      <c r="G28" s="1048"/>
      <c r="H28" s="1048"/>
      <c r="I28" s="1048"/>
      <c r="J28" s="1048"/>
      <c r="K28" s="1048"/>
      <c r="L28" s="352" t="s">
        <v>175</v>
      </c>
      <c r="M28" s="1047" t="str">
        <f>IF(SUM(M17:R27)=0,"",SUM(M17:R27))</f>
        <v/>
      </c>
      <c r="N28" s="1048"/>
      <c r="O28" s="1048"/>
      <c r="P28" s="1048"/>
      <c r="Q28" s="1048"/>
      <c r="R28" s="1048"/>
      <c r="S28" s="352" t="s">
        <v>175</v>
      </c>
      <c r="U28" s="1046" t="s">
        <v>845</v>
      </c>
      <c r="V28" s="1046"/>
      <c r="W28" s="1046"/>
    </row>
    <row r="29" spans="2:23" ht="39.950000000000003" customHeight="1" x14ac:dyDescent="0.15">
      <c r="B29" s="1049" t="s">
        <v>844</v>
      </c>
      <c r="C29" s="1046"/>
      <c r="D29" s="1046"/>
      <c r="E29" s="1046"/>
      <c r="F29" s="1050" t="str">
        <f>IF(F28="","",F28/U26)</f>
        <v/>
      </c>
      <c r="G29" s="1051"/>
      <c r="H29" s="1051"/>
      <c r="I29" s="1051"/>
      <c r="J29" s="1051"/>
      <c r="K29" s="1051"/>
      <c r="L29" s="352" t="s">
        <v>175</v>
      </c>
      <c r="M29" s="1050" t="str">
        <f>IF(M28="","",M28/U26)</f>
        <v/>
      </c>
      <c r="N29" s="1051"/>
      <c r="O29" s="1051"/>
      <c r="P29" s="1051"/>
      <c r="Q29" s="1051"/>
      <c r="R29" s="1051"/>
      <c r="S29" s="352" t="s">
        <v>175</v>
      </c>
      <c r="U29" s="1055" t="str">
        <f>IF(F29="","",ROUNDDOWN(M29/F29,3))</f>
        <v/>
      </c>
      <c r="V29" s="1056"/>
      <c r="W29" s="1057"/>
    </row>
    <row r="31" spans="2:23" x14ac:dyDescent="0.15">
      <c r="B31" s="345" t="s">
        <v>350</v>
      </c>
    </row>
    <row r="32" spans="2:23" ht="60" customHeight="1" x14ac:dyDescent="0.15">
      <c r="B32" s="1046"/>
      <c r="C32" s="1046"/>
      <c r="D32" s="1046"/>
      <c r="E32" s="1046"/>
      <c r="F32" s="1052" t="s">
        <v>847</v>
      </c>
      <c r="G32" s="1053"/>
      <c r="H32" s="1053"/>
      <c r="I32" s="1053"/>
      <c r="J32" s="1053"/>
      <c r="K32" s="1053"/>
      <c r="L32" s="1054"/>
      <c r="M32" s="1049" t="s">
        <v>872</v>
      </c>
      <c r="N32" s="1049"/>
      <c r="O32" s="1049"/>
      <c r="P32" s="1049"/>
      <c r="Q32" s="1049"/>
      <c r="R32" s="1049"/>
      <c r="S32" s="1049"/>
    </row>
    <row r="33" spans="1:32" x14ac:dyDescent="0.15">
      <c r="B33" s="1044"/>
      <c r="C33" s="1045"/>
      <c r="D33" s="1045"/>
      <c r="E33" s="353" t="s">
        <v>21</v>
      </c>
      <c r="F33" s="1044"/>
      <c r="G33" s="1045"/>
      <c r="H33" s="1045"/>
      <c r="I33" s="1045"/>
      <c r="J33" s="1045"/>
      <c r="K33" s="1045"/>
      <c r="L33" s="352" t="s">
        <v>175</v>
      </c>
      <c r="M33" s="1044"/>
      <c r="N33" s="1045"/>
      <c r="O33" s="1045"/>
      <c r="P33" s="1045"/>
      <c r="Q33" s="1045"/>
      <c r="R33" s="1045"/>
      <c r="S33" s="352" t="s">
        <v>175</v>
      </c>
    </row>
    <row r="34" spans="1:32" x14ac:dyDescent="0.15">
      <c r="B34" s="1044"/>
      <c r="C34" s="1045"/>
      <c r="D34" s="1045"/>
      <c r="E34" s="353" t="s">
        <v>21</v>
      </c>
      <c r="F34" s="1044"/>
      <c r="G34" s="1045"/>
      <c r="H34" s="1045"/>
      <c r="I34" s="1045"/>
      <c r="J34" s="1045"/>
      <c r="K34" s="1045"/>
      <c r="L34" s="352" t="s">
        <v>175</v>
      </c>
      <c r="M34" s="1044"/>
      <c r="N34" s="1045"/>
      <c r="O34" s="1045"/>
      <c r="P34" s="1045"/>
      <c r="Q34" s="1045"/>
      <c r="R34" s="1045"/>
      <c r="S34" s="352" t="s">
        <v>175</v>
      </c>
    </row>
    <row r="35" spans="1:32" x14ac:dyDescent="0.15">
      <c r="B35" s="1044"/>
      <c r="C35" s="1045"/>
      <c r="D35" s="1045"/>
      <c r="E35" s="353" t="s">
        <v>344</v>
      </c>
      <c r="F35" s="1044"/>
      <c r="G35" s="1045"/>
      <c r="H35" s="1045"/>
      <c r="I35" s="1045"/>
      <c r="J35" s="1045"/>
      <c r="K35" s="1045"/>
      <c r="L35" s="352" t="s">
        <v>175</v>
      </c>
      <c r="M35" s="1044"/>
      <c r="N35" s="1045"/>
      <c r="O35" s="1045"/>
      <c r="P35" s="1045"/>
      <c r="Q35" s="1045"/>
      <c r="R35" s="1045"/>
      <c r="S35" s="352" t="s">
        <v>175</v>
      </c>
    </row>
    <row r="36" spans="1:32" x14ac:dyDescent="0.15">
      <c r="B36" s="1046" t="s">
        <v>173</v>
      </c>
      <c r="C36" s="1046"/>
      <c r="D36" s="1046"/>
      <c r="E36" s="1046"/>
      <c r="F36" s="1047" t="str">
        <f>IF(SUM(F33:K35)=0,"",SUM(F33:K35))</f>
        <v/>
      </c>
      <c r="G36" s="1048"/>
      <c r="H36" s="1048"/>
      <c r="I36" s="1048"/>
      <c r="J36" s="1048"/>
      <c r="K36" s="1048"/>
      <c r="L36" s="352" t="s">
        <v>175</v>
      </c>
      <c r="M36" s="1047" t="str">
        <f>IF(SUM(M33:R35)=0,"",SUM(M33:R35))</f>
        <v/>
      </c>
      <c r="N36" s="1048"/>
      <c r="O36" s="1048"/>
      <c r="P36" s="1048"/>
      <c r="Q36" s="1048"/>
      <c r="R36" s="1048"/>
      <c r="S36" s="352" t="s">
        <v>175</v>
      </c>
      <c r="U36" s="1046" t="s">
        <v>845</v>
      </c>
      <c r="V36" s="1046"/>
      <c r="W36" s="1046"/>
    </row>
    <row r="37" spans="1:32" ht="39.950000000000003" customHeight="1" x14ac:dyDescent="0.15">
      <c r="B37" s="1049" t="s">
        <v>844</v>
      </c>
      <c r="C37" s="1046"/>
      <c r="D37" s="1046"/>
      <c r="E37" s="1046"/>
      <c r="F37" s="1050" t="str">
        <f>IF(F36="","",F36/3)</f>
        <v/>
      </c>
      <c r="G37" s="1051"/>
      <c r="H37" s="1051"/>
      <c r="I37" s="1051"/>
      <c r="J37" s="1051"/>
      <c r="K37" s="1051"/>
      <c r="L37" s="352" t="s">
        <v>175</v>
      </c>
      <c r="M37" s="1050" t="str">
        <f>IF(M36="","",M36/3)</f>
        <v/>
      </c>
      <c r="N37" s="1051"/>
      <c r="O37" s="1051"/>
      <c r="P37" s="1051"/>
      <c r="Q37" s="1051"/>
      <c r="R37" s="1051"/>
      <c r="S37" s="352" t="s">
        <v>175</v>
      </c>
      <c r="U37" s="1055" t="str">
        <f>IF(F37="","",ROUNDDOWN(M37/F37,3))</f>
        <v/>
      </c>
      <c r="V37" s="1056"/>
      <c r="W37" s="1057"/>
    </row>
    <row r="38" spans="1:32" ht="5.0999999999999996" customHeight="1" x14ac:dyDescent="0.15">
      <c r="A38" s="347"/>
      <c r="B38" s="351"/>
      <c r="C38" s="349"/>
      <c r="D38" s="349"/>
      <c r="E38" s="349"/>
      <c r="F38" s="350"/>
      <c r="G38" s="350"/>
      <c r="H38" s="350"/>
      <c r="I38" s="350"/>
      <c r="J38" s="350"/>
      <c r="K38" s="350"/>
      <c r="L38" s="349"/>
      <c r="M38" s="350"/>
      <c r="N38" s="350"/>
      <c r="O38" s="350"/>
      <c r="P38" s="350"/>
      <c r="Q38" s="350"/>
      <c r="R38" s="350"/>
      <c r="S38" s="349"/>
      <c r="T38" s="347"/>
      <c r="U38" s="348"/>
      <c r="V38" s="348"/>
      <c r="W38" s="348"/>
      <c r="X38" s="347"/>
      <c r="Y38" s="347"/>
      <c r="Z38" s="347"/>
      <c r="AA38" s="347"/>
      <c r="AB38" s="347"/>
      <c r="AC38" s="347"/>
      <c r="AD38" s="347"/>
      <c r="AE38" s="347"/>
      <c r="AF38" s="347"/>
    </row>
    <row r="39" spans="1:32" x14ac:dyDescent="0.15">
      <c r="B39" s="345" t="s">
        <v>170</v>
      </c>
      <c r="C39" s="346"/>
    </row>
    <row r="40" spans="1:32" x14ac:dyDescent="0.15">
      <c r="B40" s="1043" t="s">
        <v>871</v>
      </c>
      <c r="C40" s="1043"/>
      <c r="D40" s="1043"/>
      <c r="E40" s="1043"/>
      <c r="F40" s="1043"/>
      <c r="G40" s="1043"/>
      <c r="H40" s="1043"/>
      <c r="I40" s="1043"/>
      <c r="J40" s="1043"/>
      <c r="K40" s="1043"/>
      <c r="L40" s="1043"/>
      <c r="M40" s="1043"/>
      <c r="N40" s="1043"/>
      <c r="O40" s="1043"/>
      <c r="P40" s="1043"/>
      <c r="Q40" s="1043"/>
      <c r="R40" s="1043"/>
      <c r="S40" s="1043"/>
      <c r="T40" s="1043"/>
      <c r="U40" s="1043"/>
      <c r="V40" s="1043"/>
      <c r="W40" s="1043"/>
    </row>
    <row r="41" spans="1:32" x14ac:dyDescent="0.15">
      <c r="B41" s="1043" t="s">
        <v>870</v>
      </c>
      <c r="C41" s="1043"/>
      <c r="D41" s="1043"/>
      <c r="E41" s="1043"/>
      <c r="F41" s="1043"/>
      <c r="G41" s="1043"/>
      <c r="H41" s="1043"/>
      <c r="I41" s="1043"/>
      <c r="J41" s="1043"/>
      <c r="K41" s="1043"/>
      <c r="L41" s="1043"/>
      <c r="M41" s="1043"/>
      <c r="N41" s="1043"/>
      <c r="O41" s="1043"/>
      <c r="P41" s="1043"/>
      <c r="Q41" s="1043"/>
      <c r="R41" s="1043"/>
      <c r="S41" s="1043"/>
      <c r="T41" s="1043"/>
      <c r="U41" s="1043"/>
      <c r="V41" s="1043"/>
      <c r="W41" s="1043"/>
    </row>
    <row r="42" spans="1:32" x14ac:dyDescent="0.15">
      <c r="B42" s="1065" t="s">
        <v>869</v>
      </c>
      <c r="C42" s="1065"/>
      <c r="D42" s="1065"/>
      <c r="E42" s="1065"/>
      <c r="F42" s="1065"/>
      <c r="G42" s="1065"/>
      <c r="H42" s="1065"/>
      <c r="I42" s="1065"/>
      <c r="J42" s="1065"/>
      <c r="K42" s="1065"/>
      <c r="L42" s="1065"/>
      <c r="M42" s="1065"/>
      <c r="N42" s="1065"/>
      <c r="O42" s="1065"/>
      <c r="P42" s="1065"/>
      <c r="Q42" s="1065"/>
      <c r="R42" s="1065"/>
      <c r="S42" s="1065"/>
      <c r="T42" s="1065"/>
      <c r="U42" s="1065"/>
      <c r="V42" s="1065"/>
      <c r="W42" s="1065"/>
    </row>
    <row r="43" spans="1:32" x14ac:dyDescent="0.15">
      <c r="B43" s="1043" t="s">
        <v>841</v>
      </c>
      <c r="C43" s="1043"/>
      <c r="D43" s="1043"/>
      <c r="E43" s="1043"/>
      <c r="F43" s="1043"/>
      <c r="G43" s="1043"/>
      <c r="H43" s="1043"/>
      <c r="I43" s="1043"/>
      <c r="J43" s="1043"/>
      <c r="K43" s="1043"/>
      <c r="L43" s="1043"/>
      <c r="M43" s="1043"/>
      <c r="N43" s="1043"/>
      <c r="O43" s="1043"/>
      <c r="P43" s="1043"/>
      <c r="Q43" s="1043"/>
      <c r="R43" s="1043"/>
      <c r="S43" s="1043"/>
      <c r="T43" s="1043"/>
      <c r="U43" s="1043"/>
      <c r="V43" s="1043"/>
      <c r="W43" s="1043"/>
    </row>
    <row r="44" spans="1:32" x14ac:dyDescent="0.15">
      <c r="B44" s="1043" t="s">
        <v>840</v>
      </c>
      <c r="C44" s="1043"/>
      <c r="D44" s="1043"/>
      <c r="E44" s="1043"/>
      <c r="F44" s="1043"/>
      <c r="G44" s="1043"/>
      <c r="H44" s="1043"/>
      <c r="I44" s="1043"/>
      <c r="J44" s="1043"/>
      <c r="K44" s="1043"/>
      <c r="L44" s="1043"/>
      <c r="M44" s="1043"/>
      <c r="N44" s="1043"/>
      <c r="O44" s="1043"/>
      <c r="P44" s="1043"/>
      <c r="Q44" s="1043"/>
      <c r="R44" s="1043"/>
      <c r="S44" s="1043"/>
      <c r="T44" s="1043"/>
      <c r="U44" s="1043"/>
      <c r="V44" s="1043"/>
      <c r="W44" s="1043"/>
    </row>
    <row r="45" spans="1:32" x14ac:dyDescent="0.15">
      <c r="B45" s="1043" t="s">
        <v>839</v>
      </c>
      <c r="C45" s="1043"/>
      <c r="D45" s="1043"/>
      <c r="E45" s="1043"/>
      <c r="F45" s="1043"/>
      <c r="G45" s="1043"/>
      <c r="H45" s="1043"/>
      <c r="I45" s="1043"/>
      <c r="J45" s="1043"/>
      <c r="K45" s="1043"/>
      <c r="L45" s="1043"/>
      <c r="M45" s="1043"/>
      <c r="N45" s="1043"/>
      <c r="O45" s="1043"/>
      <c r="P45" s="1043"/>
      <c r="Q45" s="1043"/>
      <c r="R45" s="1043"/>
      <c r="S45" s="1043"/>
      <c r="T45" s="1043"/>
      <c r="U45" s="1043"/>
      <c r="V45" s="1043"/>
      <c r="W45" s="1043"/>
    </row>
    <row r="46" spans="1:32" x14ac:dyDescent="0.15">
      <c r="B46" s="1043" t="s">
        <v>838</v>
      </c>
      <c r="C46" s="1043"/>
      <c r="D46" s="1043"/>
      <c r="E46" s="1043"/>
      <c r="F46" s="1043"/>
      <c r="G46" s="1043"/>
      <c r="H46" s="1043"/>
      <c r="I46" s="1043"/>
      <c r="J46" s="1043"/>
      <c r="K46" s="1043"/>
      <c r="L46" s="1043"/>
      <c r="M46" s="1043"/>
      <c r="N46" s="1043"/>
      <c r="O46" s="1043"/>
      <c r="P46" s="1043"/>
      <c r="Q46" s="1043"/>
      <c r="R46" s="1043"/>
      <c r="S46" s="1043"/>
      <c r="T46" s="1043"/>
      <c r="U46" s="1043"/>
      <c r="V46" s="1043"/>
      <c r="W46" s="1043"/>
    </row>
    <row r="47" spans="1:32" x14ac:dyDescent="0.15">
      <c r="B47" s="1043" t="s">
        <v>837</v>
      </c>
      <c r="C47" s="1043"/>
      <c r="D47" s="1043"/>
      <c r="E47" s="1043"/>
      <c r="F47" s="1043"/>
      <c r="G47" s="1043"/>
      <c r="H47" s="1043"/>
      <c r="I47" s="1043"/>
      <c r="J47" s="1043"/>
      <c r="K47" s="1043"/>
      <c r="L47" s="1043"/>
      <c r="M47" s="1043"/>
      <c r="N47" s="1043"/>
      <c r="O47" s="1043"/>
      <c r="P47" s="1043"/>
      <c r="Q47" s="1043"/>
      <c r="R47" s="1043"/>
      <c r="S47" s="1043"/>
      <c r="T47" s="1043"/>
      <c r="U47" s="1043"/>
      <c r="V47" s="1043"/>
      <c r="W47" s="1043"/>
    </row>
    <row r="48" spans="1:32" x14ac:dyDescent="0.15">
      <c r="B48" s="1043" t="s">
        <v>836</v>
      </c>
      <c r="C48" s="1043"/>
      <c r="D48" s="1043"/>
      <c r="E48" s="1043"/>
      <c r="F48" s="1043"/>
      <c r="G48" s="1043"/>
      <c r="H48" s="1043"/>
      <c r="I48" s="1043"/>
      <c r="J48" s="1043"/>
      <c r="K48" s="1043"/>
      <c r="L48" s="1043"/>
      <c r="M48" s="1043"/>
      <c r="N48" s="1043"/>
      <c r="O48" s="1043"/>
      <c r="P48" s="1043"/>
      <c r="Q48" s="1043"/>
      <c r="R48" s="1043"/>
      <c r="S48" s="1043"/>
      <c r="T48" s="1043"/>
      <c r="U48" s="1043"/>
      <c r="V48" s="1043"/>
      <c r="W48" s="1043"/>
    </row>
    <row r="49" spans="2:23" x14ac:dyDescent="0.15">
      <c r="B49" s="1043"/>
      <c r="C49" s="1043"/>
      <c r="D49" s="1043"/>
      <c r="E49" s="1043"/>
      <c r="F49" s="1043"/>
      <c r="G49" s="1043"/>
      <c r="H49" s="1043"/>
      <c r="I49" s="1043"/>
      <c r="J49" s="1043"/>
      <c r="K49" s="1043"/>
      <c r="L49" s="1043"/>
      <c r="M49" s="1043"/>
      <c r="N49" s="1043"/>
      <c r="O49" s="1043"/>
      <c r="P49" s="1043"/>
      <c r="Q49" s="1043"/>
      <c r="R49" s="1043"/>
      <c r="S49" s="1043"/>
      <c r="T49" s="1043"/>
      <c r="U49" s="1043"/>
      <c r="V49" s="1043"/>
      <c r="W49" s="1043"/>
    </row>
    <row r="50" spans="2:23" x14ac:dyDescent="0.15">
      <c r="B50" s="1043"/>
      <c r="C50" s="1043"/>
      <c r="D50" s="1043"/>
      <c r="E50" s="1043"/>
      <c r="F50" s="1043"/>
      <c r="G50" s="1043"/>
      <c r="H50" s="1043"/>
      <c r="I50" s="1043"/>
      <c r="J50" s="1043"/>
      <c r="K50" s="1043"/>
      <c r="L50" s="1043"/>
      <c r="M50" s="1043"/>
      <c r="N50" s="1043"/>
      <c r="O50" s="1043"/>
      <c r="P50" s="1043"/>
      <c r="Q50" s="1043"/>
      <c r="R50" s="1043"/>
      <c r="S50" s="1043"/>
      <c r="T50" s="1043"/>
      <c r="U50" s="1043"/>
      <c r="V50" s="1043"/>
      <c r="W50" s="1043"/>
    </row>
    <row r="122" spans="3:7" x14ac:dyDescent="0.15">
      <c r="C122" s="347"/>
      <c r="D122" s="347"/>
      <c r="E122" s="347"/>
      <c r="F122" s="347"/>
      <c r="G122" s="347"/>
    </row>
    <row r="123" spans="3:7" x14ac:dyDescent="0.15">
      <c r="C123" s="346"/>
    </row>
  </sheetData>
  <mergeCells count="91">
    <mergeCell ref="B3:W3"/>
    <mergeCell ref="Q5:W5"/>
    <mergeCell ref="Q6:W6"/>
    <mergeCell ref="B16:E16"/>
    <mergeCell ref="F16:L16"/>
    <mergeCell ref="M16:S16"/>
    <mergeCell ref="B17:C17"/>
    <mergeCell ref="D17:E17"/>
    <mergeCell ref="F17:K17"/>
    <mergeCell ref="M17:R17"/>
    <mergeCell ref="B18:C18"/>
    <mergeCell ref="D18:E18"/>
    <mergeCell ref="F18:K18"/>
    <mergeCell ref="M18:R18"/>
    <mergeCell ref="B19:C19"/>
    <mergeCell ref="D19:E19"/>
    <mergeCell ref="F19:K19"/>
    <mergeCell ref="M19:R19"/>
    <mergeCell ref="B20:C20"/>
    <mergeCell ref="D20:E20"/>
    <mergeCell ref="F20:K20"/>
    <mergeCell ref="M20:R20"/>
    <mergeCell ref="B21:C21"/>
    <mergeCell ref="D21:E21"/>
    <mergeCell ref="F21:K21"/>
    <mergeCell ref="M21:R21"/>
    <mergeCell ref="B22:C22"/>
    <mergeCell ref="D22:E22"/>
    <mergeCell ref="F22:K22"/>
    <mergeCell ref="M22:R22"/>
    <mergeCell ref="B23:C23"/>
    <mergeCell ref="D23:E23"/>
    <mergeCell ref="F23:K23"/>
    <mergeCell ref="M23:R23"/>
    <mergeCell ref="B24:C24"/>
    <mergeCell ref="D24:E24"/>
    <mergeCell ref="F24:K24"/>
    <mergeCell ref="M24:R24"/>
    <mergeCell ref="B25:C25"/>
    <mergeCell ref="D25:E25"/>
    <mergeCell ref="F25:K25"/>
    <mergeCell ref="M25:R25"/>
    <mergeCell ref="U25:W25"/>
    <mergeCell ref="B26:C26"/>
    <mergeCell ref="D26:E26"/>
    <mergeCell ref="F26:K26"/>
    <mergeCell ref="M26:R26"/>
    <mergeCell ref="U26:W26"/>
    <mergeCell ref="B27:C27"/>
    <mergeCell ref="D27:E27"/>
    <mergeCell ref="F27:K27"/>
    <mergeCell ref="M27:R27"/>
    <mergeCell ref="B28:E28"/>
    <mergeCell ref="F28:K28"/>
    <mergeCell ref="M28:R28"/>
    <mergeCell ref="U28:W28"/>
    <mergeCell ref="B29:E29"/>
    <mergeCell ref="F29:K29"/>
    <mergeCell ref="M29:R29"/>
    <mergeCell ref="U29:W29"/>
    <mergeCell ref="B32:E32"/>
    <mergeCell ref="F32:L32"/>
    <mergeCell ref="M32:S32"/>
    <mergeCell ref="M37:R37"/>
    <mergeCell ref="U37:W37"/>
    <mergeCell ref="B33:D33"/>
    <mergeCell ref="F33:K33"/>
    <mergeCell ref="M33:R33"/>
    <mergeCell ref="B34:D34"/>
    <mergeCell ref="F34:K34"/>
    <mergeCell ref="M34:R34"/>
    <mergeCell ref="B40:W40"/>
    <mergeCell ref="B35:D35"/>
    <mergeCell ref="F35:K35"/>
    <mergeCell ref="M35:R35"/>
    <mergeCell ref="B36:E36"/>
    <mergeCell ref="F36:K36"/>
    <mergeCell ref="M36:R36"/>
    <mergeCell ref="U36:W36"/>
    <mergeCell ref="B37:E37"/>
    <mergeCell ref="F37:K37"/>
    <mergeCell ref="B47:W47"/>
    <mergeCell ref="B48:W48"/>
    <mergeCell ref="B49:W49"/>
    <mergeCell ref="B50:W50"/>
    <mergeCell ref="B41:W41"/>
    <mergeCell ref="B42:W42"/>
    <mergeCell ref="B43:W43"/>
    <mergeCell ref="B44:W44"/>
    <mergeCell ref="B45:W45"/>
    <mergeCell ref="B46:W46"/>
  </mergeCells>
  <phoneticPr fontId="2"/>
  <dataValidations count="1">
    <dataValidation type="list" allowBlank="1" showInputMessage="1" showErrorMessage="1" sqref="C9 J9 C12:C13">
      <formula1>"□,■"</formula1>
    </dataValidation>
  </dataValidations>
  <pageMargins left="0.7" right="0.7" top="0.75" bottom="0.75" header="0.3" footer="0.3"/>
  <pageSetup paperSize="9" orientation="portrait" r:id="rId1"/>
</worksheet>
</file>

<file path=xl/worksheets/sheet3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AD123"/>
  <sheetViews>
    <sheetView zoomScaleNormal="100" workbookViewId="0">
      <selection activeCell="C87" sqref="C87"/>
    </sheetView>
  </sheetViews>
  <sheetFormatPr defaultColWidth="3.5" defaultRowHeight="13.5" x14ac:dyDescent="0.15"/>
  <cols>
    <col min="1" max="1" width="1.25" style="3" customWidth="1"/>
    <col min="2" max="2" width="3.375" style="140" customWidth="1"/>
    <col min="3" max="3" width="3.375" style="3" customWidth="1"/>
    <col min="4" max="6" width="3.5" style="3"/>
    <col min="7" max="7" width="1.5" style="3" customWidth="1"/>
    <col min="8" max="24" width="3.5" style="3"/>
    <col min="25" max="29" width="4.125" style="3" customWidth="1"/>
    <col min="30" max="30" width="2.125" style="3" customWidth="1"/>
    <col min="31" max="31" width="1.25" style="3" customWidth="1"/>
    <col min="32" max="16384" width="3.5" style="3"/>
  </cols>
  <sheetData>
    <row r="1" spans="2:30" s="8" customFormat="1" x14ac:dyDescent="0.15"/>
    <row r="2" spans="2:30" s="8" customFormat="1" x14ac:dyDescent="0.15">
      <c r="B2" s="8" t="s">
        <v>884</v>
      </c>
    </row>
    <row r="3" spans="2:30" s="8" customFormat="1" x14ac:dyDescent="0.15">
      <c r="X3" s="17" t="s">
        <v>12</v>
      </c>
      <c r="Z3" s="8" t="s">
        <v>11</v>
      </c>
      <c r="AB3" s="8" t="s">
        <v>21</v>
      </c>
      <c r="AD3" s="17" t="s">
        <v>20</v>
      </c>
    </row>
    <row r="4" spans="2:30" s="8" customFormat="1" x14ac:dyDescent="0.15">
      <c r="AD4" s="17"/>
    </row>
    <row r="5" spans="2:30" s="8" customFormat="1" ht="27.75" customHeight="1" x14ac:dyDescent="0.15">
      <c r="B5" s="807" t="s">
        <v>883</v>
      </c>
      <c r="C5" s="778"/>
      <c r="D5" s="778"/>
      <c r="E5" s="778"/>
      <c r="F5" s="778"/>
      <c r="G5" s="778"/>
      <c r="H5" s="778"/>
      <c r="I5" s="778"/>
      <c r="J5" s="778"/>
      <c r="K5" s="778"/>
      <c r="L5" s="778"/>
      <c r="M5" s="778"/>
      <c r="N5" s="778"/>
      <c r="O5" s="778"/>
      <c r="P5" s="778"/>
      <c r="Q5" s="778"/>
      <c r="R5" s="778"/>
      <c r="S5" s="778"/>
      <c r="T5" s="778"/>
      <c r="U5" s="778"/>
      <c r="V5" s="778"/>
      <c r="W5" s="778"/>
      <c r="X5" s="778"/>
      <c r="Y5" s="778"/>
      <c r="Z5" s="778"/>
      <c r="AA5" s="778"/>
      <c r="AB5" s="778"/>
      <c r="AC5" s="778"/>
      <c r="AD5" s="778"/>
    </row>
    <row r="6" spans="2:30" s="8" customFormat="1" x14ac:dyDescent="0.15"/>
    <row r="7" spans="2:30" s="8" customFormat="1" ht="39.75" customHeight="1" x14ac:dyDescent="0.15">
      <c r="B7" s="790" t="s">
        <v>576</v>
      </c>
      <c r="C7" s="790"/>
      <c r="D7" s="790"/>
      <c r="E7" s="790"/>
      <c r="F7" s="790"/>
      <c r="G7" s="791"/>
      <c r="H7" s="792"/>
      <c r="I7" s="792"/>
      <c r="J7" s="792"/>
      <c r="K7" s="792"/>
      <c r="L7" s="792"/>
      <c r="M7" s="792"/>
      <c r="N7" s="792"/>
      <c r="O7" s="792"/>
      <c r="P7" s="792"/>
      <c r="Q7" s="792"/>
      <c r="R7" s="792"/>
      <c r="S7" s="792"/>
      <c r="T7" s="792"/>
      <c r="U7" s="792"/>
      <c r="V7" s="792"/>
      <c r="W7" s="792"/>
      <c r="X7" s="792"/>
      <c r="Y7" s="792"/>
      <c r="Z7" s="792"/>
      <c r="AA7" s="792"/>
      <c r="AB7" s="792"/>
      <c r="AC7" s="792"/>
      <c r="AD7" s="793"/>
    </row>
    <row r="8" spans="2:30" ht="39.75" customHeight="1" x14ac:dyDescent="0.15">
      <c r="B8" s="780" t="s">
        <v>575</v>
      </c>
      <c r="C8" s="781"/>
      <c r="D8" s="781"/>
      <c r="E8" s="781"/>
      <c r="F8" s="782"/>
      <c r="G8" s="247"/>
      <c r="H8" s="179" t="s">
        <v>0</v>
      </c>
      <c r="I8" s="168" t="s">
        <v>242</v>
      </c>
      <c r="J8" s="168"/>
      <c r="K8" s="168"/>
      <c r="L8" s="168"/>
      <c r="M8" s="179" t="s">
        <v>0</v>
      </c>
      <c r="N8" s="168" t="s">
        <v>241</v>
      </c>
      <c r="O8" s="168"/>
      <c r="P8" s="168"/>
      <c r="Q8" s="168"/>
      <c r="R8" s="179" t="s">
        <v>0</v>
      </c>
      <c r="S8" s="168" t="s">
        <v>240</v>
      </c>
      <c r="T8" s="168"/>
      <c r="U8" s="168"/>
      <c r="V8" s="168"/>
      <c r="W8" s="168"/>
      <c r="X8" s="168"/>
      <c r="Y8" s="168"/>
      <c r="Z8" s="168"/>
      <c r="AA8" s="168"/>
      <c r="AB8" s="168"/>
      <c r="AC8" s="168"/>
      <c r="AD8" s="167"/>
    </row>
    <row r="9" spans="2:30" ht="39.75" customHeight="1" x14ac:dyDescent="0.15">
      <c r="B9" s="780" t="s">
        <v>800</v>
      </c>
      <c r="C9" s="781"/>
      <c r="D9" s="781"/>
      <c r="E9" s="781"/>
      <c r="F9" s="781"/>
      <c r="G9" s="252"/>
      <c r="H9" s="179" t="s">
        <v>0</v>
      </c>
      <c r="I9" s="168" t="s">
        <v>799</v>
      </c>
      <c r="J9" s="181"/>
      <c r="K9" s="181"/>
      <c r="L9" s="181"/>
      <c r="M9" s="181"/>
      <c r="N9" s="181"/>
      <c r="O9" s="181"/>
      <c r="P9" s="181"/>
      <c r="Q9" s="181"/>
      <c r="R9" s="181"/>
      <c r="S9" s="181"/>
      <c r="T9" s="181"/>
      <c r="U9" s="181"/>
      <c r="V9" s="181"/>
      <c r="W9" s="181"/>
      <c r="X9" s="181"/>
      <c r="Y9" s="181"/>
      <c r="Z9" s="181"/>
      <c r="AA9" s="181"/>
      <c r="AB9" s="181"/>
      <c r="AC9" s="181"/>
      <c r="AD9" s="197"/>
    </row>
    <row r="10" spans="2:30" s="8" customFormat="1" x14ac:dyDescent="0.15"/>
    <row r="11" spans="2:30" s="8" customFormat="1" ht="10.5" customHeight="1" x14ac:dyDescent="0.15">
      <c r="B11" s="158"/>
      <c r="C11" s="157"/>
      <c r="D11" s="157"/>
      <c r="E11" s="157"/>
      <c r="F11" s="157"/>
      <c r="G11" s="157"/>
      <c r="H11" s="157"/>
      <c r="I11" s="157"/>
      <c r="J11" s="157"/>
      <c r="K11" s="157"/>
      <c r="L11" s="157"/>
      <c r="M11" s="157"/>
      <c r="N11" s="157"/>
      <c r="O11" s="157"/>
      <c r="P11" s="157"/>
      <c r="Q11" s="157"/>
      <c r="R11" s="157"/>
      <c r="S11" s="157"/>
      <c r="T11" s="157"/>
      <c r="U11" s="157"/>
      <c r="V11" s="157"/>
      <c r="W11" s="157"/>
      <c r="X11" s="157"/>
      <c r="Y11" s="157"/>
      <c r="Z11" s="157"/>
      <c r="AA11" s="157"/>
      <c r="AB11" s="157"/>
      <c r="AC11" s="157"/>
      <c r="AD11" s="156"/>
    </row>
    <row r="12" spans="2:30" s="8" customFormat="1" ht="10.5" customHeight="1" x14ac:dyDescent="0.15">
      <c r="B12" s="9"/>
      <c r="C12" s="158"/>
      <c r="D12" s="157"/>
      <c r="E12" s="157"/>
      <c r="F12" s="157"/>
      <c r="G12" s="158"/>
      <c r="H12" s="157"/>
      <c r="I12" s="157"/>
      <c r="J12" s="157"/>
      <c r="K12" s="157"/>
      <c r="L12" s="157"/>
      <c r="M12" s="157"/>
      <c r="N12" s="157"/>
      <c r="O12" s="157"/>
      <c r="P12" s="157"/>
      <c r="Q12" s="157"/>
      <c r="R12" s="157"/>
      <c r="S12" s="157"/>
      <c r="T12" s="157"/>
      <c r="U12" s="157"/>
      <c r="V12" s="157"/>
      <c r="W12" s="157"/>
      <c r="X12" s="157"/>
      <c r="Y12" s="157"/>
      <c r="Z12" s="156"/>
      <c r="AA12" s="157"/>
      <c r="AB12" s="157"/>
      <c r="AC12" s="156"/>
      <c r="AD12" s="149"/>
    </row>
    <row r="13" spans="2:30" s="8" customFormat="1" ht="32.25" customHeight="1" x14ac:dyDescent="0.15">
      <c r="B13" s="153"/>
      <c r="C13" s="1027" t="s">
        <v>798</v>
      </c>
      <c r="D13" s="918"/>
      <c r="E13" s="918"/>
      <c r="F13" s="1028"/>
      <c r="H13" s="198" t="s">
        <v>279</v>
      </c>
      <c r="I13" s="1022" t="s">
        <v>882</v>
      </c>
      <c r="J13" s="1023"/>
      <c r="K13" s="1023"/>
      <c r="L13" s="1023"/>
      <c r="M13" s="1023"/>
      <c r="N13" s="1023"/>
      <c r="O13" s="1023"/>
      <c r="P13" s="1023"/>
      <c r="Q13" s="1023"/>
      <c r="R13" s="1023"/>
      <c r="S13" s="780"/>
      <c r="T13" s="781"/>
      <c r="U13" s="176" t="s">
        <v>175</v>
      </c>
      <c r="V13" s="18"/>
      <c r="W13" s="18"/>
      <c r="X13" s="18"/>
      <c r="Y13" s="18"/>
      <c r="AA13" s="9"/>
      <c r="AC13" s="149"/>
      <c r="AD13" s="149"/>
    </row>
    <row r="14" spans="2:30" s="8" customFormat="1" ht="32.25" customHeight="1" x14ac:dyDescent="0.15">
      <c r="B14" s="153"/>
      <c r="C14" s="153"/>
      <c r="D14" s="14"/>
      <c r="E14" s="14"/>
      <c r="F14" s="238"/>
      <c r="H14" s="198" t="s">
        <v>277</v>
      </c>
      <c r="I14" s="1022" t="s">
        <v>881</v>
      </c>
      <c r="J14" s="1023"/>
      <c r="K14" s="1023"/>
      <c r="L14" s="1023"/>
      <c r="M14" s="1023"/>
      <c r="N14" s="1023"/>
      <c r="O14" s="1023"/>
      <c r="P14" s="1023"/>
      <c r="Q14" s="1023"/>
      <c r="R14" s="1023"/>
      <c r="S14" s="780"/>
      <c r="T14" s="781"/>
      <c r="U14" s="176" t="s">
        <v>175</v>
      </c>
      <c r="V14" s="18"/>
      <c r="W14" s="18"/>
      <c r="X14" s="18"/>
      <c r="Y14" s="18"/>
      <c r="AA14" s="340" t="s">
        <v>227</v>
      </c>
      <c r="AB14" s="152" t="s">
        <v>217</v>
      </c>
      <c r="AC14" s="339" t="s">
        <v>226</v>
      </c>
      <c r="AD14" s="149"/>
    </row>
    <row r="15" spans="2:30" s="8" customFormat="1" ht="32.25" customHeight="1" x14ac:dyDescent="0.15">
      <c r="B15" s="9"/>
      <c r="C15" s="9"/>
      <c r="F15" s="149"/>
      <c r="H15" s="198" t="s">
        <v>293</v>
      </c>
      <c r="I15" s="1024" t="s">
        <v>795</v>
      </c>
      <c r="J15" s="1025"/>
      <c r="K15" s="1025"/>
      <c r="L15" s="1025"/>
      <c r="M15" s="1025"/>
      <c r="N15" s="1025"/>
      <c r="O15" s="1025"/>
      <c r="P15" s="1025"/>
      <c r="Q15" s="1025"/>
      <c r="R15" s="1026"/>
      <c r="S15" s="780"/>
      <c r="T15" s="781"/>
      <c r="U15" s="176" t="s">
        <v>339</v>
      </c>
      <c r="V15" s="8" t="s">
        <v>275</v>
      </c>
      <c r="W15" s="993" t="s">
        <v>880</v>
      </c>
      <c r="X15" s="993"/>
      <c r="Y15" s="993"/>
      <c r="Z15" s="154"/>
      <c r="AA15" s="291" t="s">
        <v>0</v>
      </c>
      <c r="AB15" s="178" t="s">
        <v>217</v>
      </c>
      <c r="AC15" s="338" t="s">
        <v>0</v>
      </c>
      <c r="AD15" s="244"/>
    </row>
    <row r="16" spans="2:30" s="8" customFormat="1" x14ac:dyDescent="0.15">
      <c r="B16" s="9"/>
      <c r="C16" s="173"/>
      <c r="D16" s="172"/>
      <c r="E16" s="172"/>
      <c r="F16" s="171"/>
      <c r="G16" s="172"/>
      <c r="H16" s="172"/>
      <c r="I16" s="172"/>
      <c r="J16" s="172"/>
      <c r="K16" s="172"/>
      <c r="L16" s="172"/>
      <c r="M16" s="172"/>
      <c r="N16" s="172"/>
      <c r="O16" s="172"/>
      <c r="P16" s="172"/>
      <c r="Q16" s="172"/>
      <c r="R16" s="172"/>
      <c r="S16" s="172"/>
      <c r="T16" s="172"/>
      <c r="U16" s="172"/>
      <c r="V16" s="172"/>
      <c r="W16" s="172"/>
      <c r="X16" s="172"/>
      <c r="Y16" s="172"/>
      <c r="Z16" s="172"/>
      <c r="AA16" s="173"/>
      <c r="AB16" s="172"/>
      <c r="AC16" s="171"/>
      <c r="AD16" s="149"/>
    </row>
    <row r="17" spans="2:30" s="8" customFormat="1" ht="10.5" customHeight="1" x14ac:dyDescent="0.15">
      <c r="B17" s="9"/>
      <c r="C17" s="158"/>
      <c r="D17" s="157"/>
      <c r="E17" s="157"/>
      <c r="F17" s="157"/>
      <c r="G17" s="158"/>
      <c r="H17" s="157"/>
      <c r="I17" s="157"/>
      <c r="J17" s="157"/>
      <c r="K17" s="157"/>
      <c r="L17" s="157"/>
      <c r="M17" s="157"/>
      <c r="N17" s="157"/>
      <c r="O17" s="157"/>
      <c r="P17" s="157"/>
      <c r="Q17" s="157"/>
      <c r="R17" s="157"/>
      <c r="S17" s="157"/>
      <c r="T17" s="157"/>
      <c r="U17" s="157"/>
      <c r="V17" s="157"/>
      <c r="W17" s="157"/>
      <c r="X17" s="157"/>
      <c r="Y17" s="157"/>
      <c r="Z17" s="156"/>
      <c r="AA17" s="157"/>
      <c r="AB17" s="157"/>
      <c r="AC17" s="156"/>
      <c r="AD17" s="149"/>
    </row>
    <row r="18" spans="2:30" s="8" customFormat="1" ht="27" customHeight="1" x14ac:dyDescent="0.15">
      <c r="B18" s="153"/>
      <c r="C18" s="1027" t="s">
        <v>793</v>
      </c>
      <c r="D18" s="918"/>
      <c r="E18" s="918"/>
      <c r="F18" s="1028"/>
      <c r="H18" s="198" t="s">
        <v>279</v>
      </c>
      <c r="I18" s="1022" t="s">
        <v>792</v>
      </c>
      <c r="J18" s="1023"/>
      <c r="K18" s="1023"/>
      <c r="L18" s="1023"/>
      <c r="M18" s="1023"/>
      <c r="N18" s="1023"/>
      <c r="O18" s="1023"/>
      <c r="P18" s="1023"/>
      <c r="Q18" s="1023"/>
      <c r="R18" s="1023"/>
      <c r="S18" s="780"/>
      <c r="T18" s="781"/>
      <c r="U18" s="176" t="s">
        <v>791</v>
      </c>
      <c r="V18" s="18"/>
      <c r="W18" s="18"/>
      <c r="X18" s="18"/>
      <c r="Y18" s="18"/>
      <c r="AA18" s="9"/>
      <c r="AC18" s="149"/>
      <c r="AD18" s="149"/>
    </row>
    <row r="19" spans="2:30" s="8" customFormat="1" ht="27" customHeight="1" x14ac:dyDescent="0.15">
      <c r="B19" s="153"/>
      <c r="C19" s="1027"/>
      <c r="D19" s="918"/>
      <c r="E19" s="918"/>
      <c r="F19" s="1028"/>
      <c r="H19" s="198" t="s">
        <v>277</v>
      </c>
      <c r="I19" s="1022" t="s">
        <v>790</v>
      </c>
      <c r="J19" s="1023"/>
      <c r="K19" s="1023"/>
      <c r="L19" s="1023"/>
      <c r="M19" s="1023"/>
      <c r="N19" s="1023"/>
      <c r="O19" s="1023"/>
      <c r="P19" s="1023"/>
      <c r="Q19" s="1023"/>
      <c r="R19" s="1023"/>
      <c r="S19" s="780"/>
      <c r="T19" s="781"/>
      <c r="U19" s="176" t="s">
        <v>175</v>
      </c>
      <c r="V19" s="18"/>
      <c r="W19" s="18"/>
      <c r="X19" s="18"/>
      <c r="Y19" s="18"/>
      <c r="AA19" s="9"/>
      <c r="AC19" s="149"/>
      <c r="AD19" s="149"/>
    </row>
    <row r="20" spans="2:30" s="8" customFormat="1" ht="27" customHeight="1" x14ac:dyDescent="0.15">
      <c r="B20" s="153"/>
      <c r="C20" s="153"/>
      <c r="D20" s="14"/>
      <c r="E20" s="14"/>
      <c r="F20" s="238"/>
      <c r="H20" s="198" t="s">
        <v>293</v>
      </c>
      <c r="I20" s="1022" t="s">
        <v>789</v>
      </c>
      <c r="J20" s="1023"/>
      <c r="K20" s="1023"/>
      <c r="L20" s="1023"/>
      <c r="M20" s="1023"/>
      <c r="N20" s="1023"/>
      <c r="O20" s="1023"/>
      <c r="P20" s="1023"/>
      <c r="Q20" s="1023"/>
      <c r="R20" s="1023"/>
      <c r="S20" s="780"/>
      <c r="T20" s="781"/>
      <c r="U20" s="176" t="s">
        <v>175</v>
      </c>
      <c r="V20" s="18"/>
      <c r="W20" s="18"/>
      <c r="X20" s="18"/>
      <c r="Y20" s="18"/>
      <c r="AA20" s="340" t="s">
        <v>227</v>
      </c>
      <c r="AB20" s="152" t="s">
        <v>217</v>
      </c>
      <c r="AC20" s="339" t="s">
        <v>226</v>
      </c>
      <c r="AD20" s="149"/>
    </row>
    <row r="21" spans="2:30" s="8" customFormat="1" ht="27" customHeight="1" x14ac:dyDescent="0.15">
      <c r="B21" s="9"/>
      <c r="C21" s="9"/>
      <c r="F21" s="149"/>
      <c r="H21" s="198" t="s">
        <v>513</v>
      </c>
      <c r="I21" s="1024" t="s">
        <v>788</v>
      </c>
      <c r="J21" s="1025"/>
      <c r="K21" s="1025"/>
      <c r="L21" s="1025"/>
      <c r="M21" s="1025"/>
      <c r="N21" s="1025"/>
      <c r="O21" s="1025"/>
      <c r="P21" s="1025"/>
      <c r="Q21" s="1025"/>
      <c r="R21" s="1026"/>
      <c r="S21" s="780"/>
      <c r="T21" s="781"/>
      <c r="U21" s="176" t="s">
        <v>339</v>
      </c>
      <c r="V21" s="8" t="s">
        <v>275</v>
      </c>
      <c r="W21" s="993" t="s">
        <v>879</v>
      </c>
      <c r="X21" s="993"/>
      <c r="Y21" s="993"/>
      <c r="Z21" s="154"/>
      <c r="AA21" s="291" t="s">
        <v>0</v>
      </c>
      <c r="AB21" s="178" t="s">
        <v>217</v>
      </c>
      <c r="AC21" s="338" t="s">
        <v>0</v>
      </c>
      <c r="AD21" s="244"/>
    </row>
    <row r="22" spans="2:30" s="8" customFormat="1" x14ac:dyDescent="0.15">
      <c r="B22" s="9"/>
      <c r="C22" s="173"/>
      <c r="D22" s="172"/>
      <c r="E22" s="172"/>
      <c r="F22" s="171"/>
      <c r="G22" s="172"/>
      <c r="H22" s="172"/>
      <c r="I22" s="172"/>
      <c r="J22" s="172"/>
      <c r="K22" s="172"/>
      <c r="L22" s="172"/>
      <c r="M22" s="172"/>
      <c r="N22" s="172"/>
      <c r="O22" s="172"/>
      <c r="P22" s="172"/>
      <c r="Q22" s="172"/>
      <c r="R22" s="172"/>
      <c r="S22" s="172"/>
      <c r="T22" s="172"/>
      <c r="U22" s="172"/>
      <c r="V22" s="172"/>
      <c r="W22" s="172"/>
      <c r="X22" s="172"/>
      <c r="Y22" s="172"/>
      <c r="Z22" s="172"/>
      <c r="AA22" s="173"/>
      <c r="AB22" s="172"/>
      <c r="AC22" s="171"/>
      <c r="AD22" s="149"/>
    </row>
    <row r="23" spans="2:30" s="8" customFormat="1" x14ac:dyDescent="0.15">
      <c r="B23" s="173"/>
      <c r="C23" s="172"/>
      <c r="D23" s="172"/>
      <c r="E23" s="172"/>
      <c r="F23" s="172"/>
      <c r="G23" s="172"/>
      <c r="H23" s="172"/>
      <c r="I23" s="172"/>
      <c r="J23" s="172"/>
      <c r="K23" s="172"/>
      <c r="L23" s="172"/>
      <c r="M23" s="172"/>
      <c r="N23" s="172"/>
      <c r="O23" s="172"/>
      <c r="P23" s="172"/>
      <c r="Q23" s="172"/>
      <c r="R23" s="172"/>
      <c r="S23" s="172"/>
      <c r="T23" s="172"/>
      <c r="U23" s="172"/>
      <c r="V23" s="172"/>
      <c r="W23" s="172"/>
      <c r="X23" s="172"/>
      <c r="Y23" s="172"/>
      <c r="Z23" s="172"/>
      <c r="AA23" s="172"/>
      <c r="AB23" s="172"/>
      <c r="AC23" s="172"/>
      <c r="AD23" s="171"/>
    </row>
    <row r="24" spans="2:30" s="8" customFormat="1" ht="7.5" customHeight="1" x14ac:dyDescent="0.15">
      <c r="B24" s="938"/>
      <c r="C24" s="938"/>
      <c r="D24" s="938"/>
      <c r="E24" s="938"/>
      <c r="F24" s="938"/>
      <c r="G24" s="938"/>
      <c r="H24" s="938"/>
      <c r="I24" s="938"/>
      <c r="J24" s="938"/>
      <c r="K24" s="938"/>
      <c r="L24" s="938"/>
      <c r="M24" s="938"/>
      <c r="N24" s="938"/>
      <c r="O24" s="938"/>
      <c r="P24" s="938"/>
      <c r="Q24" s="938"/>
      <c r="R24" s="938"/>
      <c r="S24" s="938"/>
      <c r="T24" s="938"/>
      <c r="U24" s="938"/>
      <c r="V24" s="938"/>
      <c r="W24" s="938"/>
      <c r="X24" s="938"/>
      <c r="Y24" s="938"/>
      <c r="Z24" s="938"/>
      <c r="AA24" s="938"/>
      <c r="AB24" s="938"/>
      <c r="AC24" s="938"/>
      <c r="AD24" s="938"/>
    </row>
    <row r="25" spans="2:30" s="8" customFormat="1" ht="86.25" customHeight="1" x14ac:dyDescent="0.15">
      <c r="B25" s="803" t="s">
        <v>786</v>
      </c>
      <c r="C25" s="803"/>
      <c r="D25" s="827" t="s">
        <v>878</v>
      </c>
      <c r="E25" s="827"/>
      <c r="F25" s="827"/>
      <c r="G25" s="827"/>
      <c r="H25" s="827"/>
      <c r="I25" s="827"/>
      <c r="J25" s="827"/>
      <c r="K25" s="827"/>
      <c r="L25" s="827"/>
      <c r="M25" s="827"/>
      <c r="N25" s="827"/>
      <c r="O25" s="827"/>
      <c r="P25" s="827"/>
      <c r="Q25" s="827"/>
      <c r="R25" s="827"/>
      <c r="S25" s="827"/>
      <c r="T25" s="827"/>
      <c r="U25" s="827"/>
      <c r="V25" s="827"/>
      <c r="W25" s="827"/>
      <c r="X25" s="827"/>
      <c r="Y25" s="827"/>
      <c r="Z25" s="827"/>
      <c r="AA25" s="827"/>
      <c r="AB25" s="827"/>
      <c r="AC25" s="827"/>
      <c r="AD25" s="154"/>
    </row>
    <row r="26" spans="2:30" s="8" customFormat="1" ht="31.5" customHeight="1" x14ac:dyDescent="0.15">
      <c r="B26" s="789" t="s">
        <v>784</v>
      </c>
      <c r="C26" s="789"/>
      <c r="D26" s="789" t="s">
        <v>877</v>
      </c>
      <c r="E26" s="789"/>
      <c r="F26" s="789"/>
      <c r="G26" s="789"/>
      <c r="H26" s="789"/>
      <c r="I26" s="789"/>
      <c r="J26" s="789"/>
      <c r="K26" s="789"/>
      <c r="L26" s="789"/>
      <c r="M26" s="789"/>
      <c r="N26" s="789"/>
      <c r="O26" s="789"/>
      <c r="P26" s="789"/>
      <c r="Q26" s="789"/>
      <c r="R26" s="789"/>
      <c r="S26" s="789"/>
      <c r="T26" s="789"/>
      <c r="U26" s="789"/>
      <c r="V26" s="789"/>
      <c r="W26" s="789"/>
      <c r="X26" s="789"/>
      <c r="Y26" s="789"/>
      <c r="Z26" s="789"/>
      <c r="AA26" s="789"/>
      <c r="AB26" s="789"/>
      <c r="AC26" s="789"/>
      <c r="AD26" s="14"/>
    </row>
    <row r="27" spans="2:30" s="8" customFormat="1" ht="29.25" customHeight="1" x14ac:dyDescent="0.15">
      <c r="B27" s="789" t="s">
        <v>876</v>
      </c>
      <c r="C27" s="789"/>
      <c r="D27" s="789"/>
      <c r="E27" s="789"/>
      <c r="F27" s="789"/>
      <c r="G27" s="789"/>
      <c r="H27" s="789"/>
      <c r="I27" s="789"/>
      <c r="J27" s="789"/>
      <c r="K27" s="789"/>
      <c r="L27" s="789"/>
      <c r="M27" s="789"/>
      <c r="N27" s="789"/>
      <c r="O27" s="789"/>
      <c r="P27" s="789"/>
      <c r="Q27" s="789"/>
      <c r="R27" s="789"/>
      <c r="S27" s="789"/>
      <c r="T27" s="789"/>
      <c r="U27" s="789"/>
      <c r="V27" s="789"/>
      <c r="W27" s="789"/>
      <c r="X27" s="789"/>
      <c r="Y27" s="789"/>
      <c r="Z27" s="789"/>
      <c r="AA27" s="789"/>
      <c r="AB27" s="789"/>
      <c r="AC27" s="789"/>
      <c r="AD27" s="789"/>
    </row>
    <row r="28" spans="2:30" s="8" customFormat="1" x14ac:dyDescent="0.15">
      <c r="B28" s="789"/>
      <c r="C28" s="789"/>
      <c r="D28" s="789"/>
      <c r="E28" s="789"/>
      <c r="F28" s="789"/>
      <c r="G28" s="789"/>
      <c r="H28" s="789"/>
      <c r="I28" s="789"/>
      <c r="J28" s="789"/>
      <c r="K28" s="789"/>
      <c r="L28" s="789"/>
      <c r="M28" s="789"/>
      <c r="N28" s="789"/>
      <c r="O28" s="789"/>
      <c r="P28" s="789"/>
      <c r="Q28" s="789"/>
      <c r="R28" s="789"/>
      <c r="S28" s="789"/>
      <c r="T28" s="789"/>
      <c r="U28" s="789"/>
      <c r="V28" s="789"/>
      <c r="W28" s="789"/>
      <c r="X28" s="789"/>
      <c r="Y28" s="789"/>
      <c r="Z28" s="789"/>
      <c r="AA28" s="789"/>
      <c r="AB28" s="789"/>
      <c r="AC28" s="789"/>
      <c r="AD28" s="789"/>
    </row>
    <row r="29" spans="2:30" s="6" customFormat="1" x14ac:dyDescent="0.15"/>
    <row r="30" spans="2:30" x14ac:dyDescent="0.15">
      <c r="B30" s="6"/>
      <c r="C30" s="6"/>
      <c r="D30" s="6"/>
      <c r="E30" s="6"/>
      <c r="F30" s="6"/>
      <c r="G30" s="6"/>
      <c r="H30" s="6"/>
      <c r="I30" s="6"/>
      <c r="J30" s="6"/>
      <c r="K30" s="6"/>
      <c r="L30" s="6"/>
      <c r="M30" s="6"/>
      <c r="N30" s="6"/>
      <c r="O30" s="6"/>
      <c r="P30" s="6"/>
      <c r="Q30" s="6"/>
      <c r="R30" s="6"/>
      <c r="S30" s="6"/>
      <c r="T30" s="6"/>
      <c r="U30" s="6"/>
      <c r="V30" s="6"/>
      <c r="W30" s="6"/>
      <c r="X30" s="6"/>
      <c r="Y30" s="6"/>
      <c r="Z30" s="6"/>
      <c r="AA30" s="6"/>
      <c r="AB30" s="6"/>
      <c r="AC30" s="6"/>
      <c r="AD30" s="6"/>
    </row>
    <row r="122" spans="3:7" x14ac:dyDescent="0.15">
      <c r="C122" s="5"/>
      <c r="D122" s="5"/>
      <c r="E122" s="5"/>
      <c r="F122" s="5"/>
      <c r="G122" s="5"/>
    </row>
    <row r="123" spans="3:7" x14ac:dyDescent="0.15">
      <c r="C123" s="4"/>
    </row>
  </sheetData>
  <mergeCells count="30">
    <mergeCell ref="C18:F19"/>
    <mergeCell ref="I18:R18"/>
    <mergeCell ref="S18:T18"/>
    <mergeCell ref="B5:AD5"/>
    <mergeCell ref="B7:F7"/>
    <mergeCell ref="G7:AD7"/>
    <mergeCell ref="B8:F8"/>
    <mergeCell ref="B9:F9"/>
    <mergeCell ref="I19:R19"/>
    <mergeCell ref="S19:T19"/>
    <mergeCell ref="C13:F13"/>
    <mergeCell ref="I13:R13"/>
    <mergeCell ref="S13:T13"/>
    <mergeCell ref="I14:R14"/>
    <mergeCell ref="S14:T14"/>
    <mergeCell ref="I15:R15"/>
    <mergeCell ref="S15:T15"/>
    <mergeCell ref="W15:Y15"/>
    <mergeCell ref="B28:AD28"/>
    <mergeCell ref="I20:R20"/>
    <mergeCell ref="S20:T20"/>
    <mergeCell ref="I21:R21"/>
    <mergeCell ref="S21:T21"/>
    <mergeCell ref="W21:Y21"/>
    <mergeCell ref="B24:AD24"/>
    <mergeCell ref="B25:C25"/>
    <mergeCell ref="D25:AC25"/>
    <mergeCell ref="B26:C26"/>
    <mergeCell ref="D26:AC26"/>
    <mergeCell ref="B27:AD27"/>
  </mergeCells>
  <phoneticPr fontId="2"/>
  <dataValidations count="1">
    <dataValidation type="list" allowBlank="1" showInputMessage="1" showErrorMessage="1" sqref="AA15 AC15 AA21 AC21 H8:H9 M8 R8">
      <formula1>"□,■"</formula1>
    </dataValidation>
  </dataValidations>
  <pageMargins left="0.7" right="0.7" top="0.75" bottom="0.75" header="0.3" footer="0.3"/>
  <pageSetup paperSize="9" scale="87" orientation="portrait" r:id="rId1"/>
</worksheet>
</file>

<file path=xl/worksheets/sheet3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K47"/>
  <sheetViews>
    <sheetView zoomScaleNormal="100" workbookViewId="0">
      <selection activeCell="C87" sqref="C87"/>
    </sheetView>
  </sheetViews>
  <sheetFormatPr defaultColWidth="3.5" defaultRowHeight="13.5" x14ac:dyDescent="0.15"/>
  <cols>
    <col min="1" max="1" width="3.5" style="3"/>
    <col min="2" max="2" width="3" style="140" customWidth="1"/>
    <col min="3" max="7" width="3.5" style="3"/>
    <col min="8" max="8" width="3.875" style="3" customWidth="1"/>
    <col min="9" max="9" width="4.625" style="3" customWidth="1"/>
    <col min="10" max="16384" width="3.5" style="3"/>
  </cols>
  <sheetData>
    <row r="1" spans="1:37" s="6" customFormat="1" x14ac:dyDescent="0.15">
      <c r="A1" s="8"/>
      <c r="B1" s="8"/>
      <c r="C1" s="8"/>
      <c r="D1" s="8"/>
      <c r="E1" s="8"/>
      <c r="F1" s="8"/>
      <c r="G1" s="8"/>
      <c r="H1" s="8"/>
      <c r="I1" s="8"/>
      <c r="J1" s="8"/>
      <c r="K1" s="8"/>
      <c r="L1" s="8"/>
      <c r="M1" s="8"/>
      <c r="N1" s="8"/>
      <c r="O1" s="8"/>
      <c r="P1" s="8"/>
      <c r="Q1" s="8"/>
      <c r="R1" s="8"/>
      <c r="S1" s="8"/>
      <c r="T1" s="8"/>
      <c r="U1" s="8"/>
      <c r="V1" s="8"/>
      <c r="W1" s="8"/>
      <c r="X1" s="8"/>
      <c r="Y1" s="8"/>
      <c r="Z1" s="8"/>
      <c r="AA1" s="8"/>
      <c r="AB1" s="8"/>
      <c r="AC1" s="8"/>
      <c r="AD1" s="8"/>
      <c r="AE1" s="8"/>
      <c r="AF1" s="8"/>
      <c r="AG1" s="8"/>
      <c r="AH1" s="8"/>
      <c r="AI1" s="8"/>
      <c r="AJ1" s="8"/>
      <c r="AK1" s="8"/>
    </row>
    <row r="2" spans="1:37" s="6" customFormat="1" x14ac:dyDescent="0.15">
      <c r="A2" s="8"/>
      <c r="B2" s="8" t="s">
        <v>908</v>
      </c>
      <c r="C2" s="8"/>
      <c r="D2" s="8"/>
      <c r="E2" s="8"/>
      <c r="F2" s="8"/>
      <c r="G2" s="8"/>
      <c r="H2" s="8"/>
      <c r="I2" s="8"/>
      <c r="J2" s="8"/>
      <c r="K2" s="8"/>
      <c r="L2" s="8"/>
      <c r="M2" s="8"/>
      <c r="N2" s="8"/>
      <c r="O2" s="8"/>
      <c r="P2" s="8"/>
      <c r="Q2" s="8"/>
      <c r="R2" s="8"/>
      <c r="S2" s="8"/>
      <c r="T2" s="8"/>
      <c r="U2" s="8"/>
      <c r="V2" s="8"/>
      <c r="W2" s="8"/>
      <c r="X2" s="8"/>
      <c r="Y2" s="8"/>
      <c r="Z2" s="8"/>
      <c r="AA2" s="8"/>
      <c r="AB2" s="8"/>
      <c r="AC2" s="8"/>
      <c r="AD2" s="8"/>
      <c r="AE2" s="8"/>
      <c r="AF2" s="8"/>
      <c r="AG2" s="8"/>
      <c r="AH2" s="8"/>
      <c r="AI2" s="8"/>
      <c r="AJ2" s="8"/>
      <c r="AK2" s="8"/>
    </row>
    <row r="3" spans="1:37" s="6" customFormat="1" x14ac:dyDescent="0.15">
      <c r="A3" s="8"/>
      <c r="B3" s="8"/>
      <c r="C3" s="8"/>
      <c r="D3" s="8"/>
      <c r="E3" s="8"/>
      <c r="F3" s="8"/>
      <c r="G3" s="8"/>
      <c r="H3" s="8"/>
      <c r="I3" s="8"/>
      <c r="J3" s="8"/>
      <c r="K3" s="8"/>
      <c r="L3" s="8"/>
      <c r="M3" s="8"/>
      <c r="N3" s="8"/>
      <c r="O3" s="8"/>
      <c r="P3" s="8"/>
      <c r="Q3" s="8"/>
      <c r="R3" s="8"/>
      <c r="S3" s="8"/>
      <c r="T3" s="8"/>
      <c r="U3" s="8"/>
      <c r="V3" s="8"/>
      <c r="W3" s="8"/>
      <c r="X3" s="8"/>
      <c r="Y3" s="8"/>
      <c r="Z3" s="8"/>
      <c r="AA3" s="8"/>
      <c r="AB3" s="8"/>
      <c r="AC3" s="8"/>
      <c r="AD3" s="8"/>
      <c r="AE3" s="8"/>
      <c r="AF3" s="8"/>
      <c r="AG3" s="8"/>
      <c r="AH3" s="8"/>
      <c r="AI3" s="8"/>
      <c r="AJ3" s="8"/>
      <c r="AK3" s="8"/>
    </row>
    <row r="4" spans="1:37" s="6" customFormat="1" ht="36.75" customHeight="1" x14ac:dyDescent="0.15">
      <c r="A4" s="8"/>
      <c r="B4" s="807" t="s">
        <v>907</v>
      </c>
      <c r="C4" s="778"/>
      <c r="D4" s="778"/>
      <c r="E4" s="778"/>
      <c r="F4" s="778"/>
      <c r="G4" s="778"/>
      <c r="H4" s="778"/>
      <c r="I4" s="778"/>
      <c r="J4" s="778"/>
      <c r="K4" s="778"/>
      <c r="L4" s="778"/>
      <c r="M4" s="778"/>
      <c r="N4" s="778"/>
      <c r="O4" s="778"/>
      <c r="P4" s="778"/>
      <c r="Q4" s="778"/>
      <c r="R4" s="778"/>
      <c r="S4" s="778"/>
      <c r="T4" s="778"/>
      <c r="U4" s="778"/>
      <c r="V4" s="778"/>
      <c r="W4" s="778"/>
      <c r="X4" s="778"/>
      <c r="Y4" s="778"/>
      <c r="Z4" s="778"/>
      <c r="AA4" s="8"/>
      <c r="AB4" s="8"/>
      <c r="AC4" s="8"/>
      <c r="AD4" s="8"/>
      <c r="AE4" s="8"/>
      <c r="AF4" s="8"/>
      <c r="AG4" s="8"/>
      <c r="AH4" s="8"/>
      <c r="AI4" s="8"/>
      <c r="AJ4" s="8"/>
      <c r="AK4" s="8"/>
    </row>
    <row r="5" spans="1:37" s="6" customFormat="1" x14ac:dyDescent="0.15">
      <c r="A5" s="8"/>
      <c r="B5" s="8"/>
      <c r="C5" s="8"/>
      <c r="D5" s="8"/>
      <c r="E5" s="8"/>
      <c r="F5" s="8"/>
      <c r="G5" s="8"/>
      <c r="H5" s="8"/>
      <c r="I5" s="8"/>
      <c r="J5" s="8"/>
      <c r="K5" s="8"/>
      <c r="L5" s="8"/>
      <c r="M5" s="8"/>
      <c r="N5" s="8"/>
      <c r="O5" s="8"/>
      <c r="P5" s="8"/>
      <c r="Q5" s="8"/>
      <c r="R5" s="8"/>
      <c r="S5" s="8"/>
      <c r="T5" s="8"/>
      <c r="U5" s="8"/>
      <c r="V5" s="8"/>
      <c r="W5" s="8"/>
      <c r="X5" s="8"/>
      <c r="Y5" s="8"/>
      <c r="Z5" s="8"/>
      <c r="AA5" s="8"/>
      <c r="AB5" s="8"/>
      <c r="AC5" s="8"/>
      <c r="AD5" s="8"/>
      <c r="AE5" s="8"/>
      <c r="AF5" s="8"/>
      <c r="AG5" s="8"/>
      <c r="AH5" s="8"/>
      <c r="AI5" s="8"/>
      <c r="AJ5" s="8"/>
      <c r="AK5" s="8"/>
    </row>
    <row r="6" spans="1:37" s="6" customFormat="1" ht="31.5" customHeight="1" x14ac:dyDescent="0.15">
      <c r="A6" s="8"/>
      <c r="B6" s="790" t="s">
        <v>244</v>
      </c>
      <c r="C6" s="790"/>
      <c r="D6" s="790"/>
      <c r="E6" s="790"/>
      <c r="F6" s="790"/>
      <c r="G6" s="791"/>
      <c r="H6" s="792"/>
      <c r="I6" s="792"/>
      <c r="J6" s="792"/>
      <c r="K6" s="792"/>
      <c r="L6" s="792"/>
      <c r="M6" s="792"/>
      <c r="N6" s="792"/>
      <c r="O6" s="792"/>
      <c r="P6" s="792"/>
      <c r="Q6" s="792"/>
      <c r="R6" s="792"/>
      <c r="S6" s="792"/>
      <c r="T6" s="792"/>
      <c r="U6" s="792"/>
      <c r="V6" s="792"/>
      <c r="W6" s="792"/>
      <c r="X6" s="792"/>
      <c r="Y6" s="792"/>
      <c r="Z6" s="793"/>
      <c r="AA6" s="8"/>
      <c r="AB6" s="8"/>
      <c r="AC6" s="8"/>
      <c r="AD6" s="8"/>
      <c r="AE6" s="8"/>
      <c r="AF6" s="8"/>
      <c r="AG6" s="8"/>
      <c r="AH6" s="8"/>
      <c r="AI6" s="8"/>
      <c r="AJ6" s="8"/>
      <c r="AK6" s="8"/>
    </row>
    <row r="7" spans="1:37" ht="31.5" customHeight="1" x14ac:dyDescent="0.15">
      <c r="A7" s="8"/>
      <c r="B7" s="780" t="s">
        <v>243</v>
      </c>
      <c r="C7" s="781"/>
      <c r="D7" s="781"/>
      <c r="E7" s="781"/>
      <c r="F7" s="782"/>
      <c r="G7" s="180" t="s">
        <v>0</v>
      </c>
      <c r="H7" s="168" t="s">
        <v>242</v>
      </c>
      <c r="I7" s="168"/>
      <c r="J7" s="168"/>
      <c r="K7" s="168"/>
      <c r="L7" s="179" t="s">
        <v>0</v>
      </c>
      <c r="M7" s="168" t="s">
        <v>241</v>
      </c>
      <c r="N7" s="168"/>
      <c r="O7" s="168"/>
      <c r="P7" s="168"/>
      <c r="Q7" s="179" t="s">
        <v>0</v>
      </c>
      <c r="R7" s="168" t="s">
        <v>240</v>
      </c>
      <c r="S7" s="168"/>
      <c r="T7" s="168"/>
      <c r="U7" s="168"/>
      <c r="V7" s="168"/>
      <c r="W7" s="168"/>
      <c r="X7" s="168"/>
      <c r="Y7" s="168"/>
      <c r="Z7" s="167"/>
      <c r="AA7" s="8"/>
      <c r="AB7" s="8"/>
      <c r="AC7" s="8"/>
      <c r="AD7" s="8"/>
      <c r="AE7" s="8"/>
      <c r="AF7" s="8"/>
      <c r="AG7" s="8"/>
      <c r="AH7" s="8"/>
      <c r="AI7" s="8"/>
      <c r="AJ7" s="8"/>
      <c r="AK7" s="8"/>
    </row>
    <row r="8" spans="1:37" ht="20.100000000000001" customHeight="1" x14ac:dyDescent="0.15">
      <c r="A8" s="8"/>
      <c r="B8" s="783" t="s">
        <v>318</v>
      </c>
      <c r="C8" s="784"/>
      <c r="D8" s="784"/>
      <c r="E8" s="784"/>
      <c r="F8" s="785"/>
      <c r="G8" s="178" t="s">
        <v>0</v>
      </c>
      <c r="H8" s="8" t="s">
        <v>906</v>
      </c>
      <c r="I8" s="8"/>
      <c r="J8" s="8"/>
      <c r="K8" s="8"/>
      <c r="L8" s="8"/>
      <c r="M8" s="8"/>
      <c r="N8" s="8"/>
      <c r="O8" s="8"/>
      <c r="P8" s="8"/>
      <c r="Q8" s="178" t="s">
        <v>0</v>
      </c>
      <c r="R8" s="157" t="s">
        <v>905</v>
      </c>
      <c r="S8" s="157"/>
      <c r="T8" s="157"/>
      <c r="U8" s="157"/>
      <c r="V8" s="157"/>
      <c r="W8" s="157"/>
      <c r="X8" s="157"/>
      <c r="Y8" s="157"/>
      <c r="Z8" s="156"/>
      <c r="AA8" s="8"/>
      <c r="AB8" s="8"/>
      <c r="AC8" s="8"/>
      <c r="AD8" s="8"/>
      <c r="AE8" s="8"/>
      <c r="AF8" s="8"/>
      <c r="AG8" s="8"/>
      <c r="AH8" s="8"/>
      <c r="AI8" s="8"/>
      <c r="AJ8" s="8"/>
      <c r="AK8" s="8"/>
    </row>
    <row r="9" spans="1:37" ht="20.100000000000001" customHeight="1" x14ac:dyDescent="0.15">
      <c r="A9" s="8"/>
      <c r="B9" s="810"/>
      <c r="C9" s="778"/>
      <c r="D9" s="778"/>
      <c r="E9" s="778"/>
      <c r="F9" s="811"/>
      <c r="G9" s="178" t="s">
        <v>0</v>
      </c>
      <c r="H9" s="8" t="s">
        <v>904</v>
      </c>
      <c r="I9" s="8"/>
      <c r="J9" s="8"/>
      <c r="K9" s="8"/>
      <c r="L9" s="8"/>
      <c r="M9" s="8"/>
      <c r="N9" s="8"/>
      <c r="O9" s="8"/>
      <c r="P9" s="8"/>
      <c r="Q9" s="178" t="s">
        <v>0</v>
      </c>
      <c r="R9" s="8" t="s">
        <v>903</v>
      </c>
      <c r="S9" s="8"/>
      <c r="T9" s="8"/>
      <c r="U9" s="8"/>
      <c r="V9" s="8"/>
      <c r="W9" s="8"/>
      <c r="X9" s="8"/>
      <c r="Y9" s="8"/>
      <c r="Z9" s="149"/>
      <c r="AA9" s="8"/>
      <c r="AB9" s="8"/>
      <c r="AC9" s="8"/>
      <c r="AD9" s="8"/>
      <c r="AE9" s="8"/>
      <c r="AF9" s="8"/>
      <c r="AG9" s="8"/>
      <c r="AH9" s="8"/>
      <c r="AI9" s="8"/>
      <c r="AJ9" s="8"/>
      <c r="AK9" s="8"/>
    </row>
    <row r="10" spans="1:37" ht="20.100000000000001" customHeight="1" x14ac:dyDescent="0.15">
      <c r="A10" s="8"/>
      <c r="B10" s="786"/>
      <c r="C10" s="787"/>
      <c r="D10" s="787"/>
      <c r="E10" s="787"/>
      <c r="F10" s="788"/>
      <c r="G10" s="192" t="s">
        <v>0</v>
      </c>
      <c r="H10" s="172" t="s">
        <v>902</v>
      </c>
      <c r="I10" s="172"/>
      <c r="J10" s="172"/>
      <c r="K10" s="172"/>
      <c r="L10" s="172"/>
      <c r="M10" s="172"/>
      <c r="N10" s="172"/>
      <c r="O10" s="172"/>
      <c r="P10" s="172"/>
      <c r="Q10" s="191" t="s">
        <v>0</v>
      </c>
      <c r="R10" s="172" t="s">
        <v>901</v>
      </c>
      <c r="S10" s="172"/>
      <c r="T10" s="172"/>
      <c r="U10" s="172"/>
      <c r="V10" s="172"/>
      <c r="W10" s="172"/>
      <c r="X10" s="172"/>
      <c r="Y10" s="172"/>
      <c r="Z10" s="171"/>
      <c r="AA10" s="8"/>
      <c r="AB10" s="8"/>
      <c r="AC10" s="8"/>
      <c r="AD10" s="8"/>
      <c r="AE10" s="8"/>
      <c r="AF10" s="8"/>
      <c r="AG10" s="8"/>
      <c r="AH10" s="8"/>
      <c r="AI10" s="8"/>
      <c r="AJ10" s="8"/>
      <c r="AK10" s="8"/>
    </row>
    <row r="11" spans="1:37" x14ac:dyDescent="0.15">
      <c r="A11" s="8"/>
      <c r="B11" s="8"/>
      <c r="C11" s="8"/>
      <c r="D11" s="8"/>
      <c r="E11" s="8"/>
      <c r="F11" s="8"/>
      <c r="G11" s="8"/>
      <c r="H11" s="8"/>
      <c r="I11" s="8"/>
      <c r="J11" s="8"/>
      <c r="K11" s="8"/>
      <c r="L11" s="8"/>
      <c r="M11" s="8"/>
      <c r="N11" s="8"/>
      <c r="O11" s="8"/>
      <c r="P11" s="8"/>
      <c r="Q11" s="8"/>
      <c r="R11" s="8"/>
      <c r="S11" s="8"/>
      <c r="T11" s="8"/>
      <c r="U11" s="8"/>
      <c r="V11" s="8"/>
      <c r="W11" s="8"/>
      <c r="X11" s="8"/>
      <c r="Y11" s="8"/>
      <c r="Z11" s="8"/>
      <c r="AA11" s="8"/>
      <c r="AB11" s="8"/>
      <c r="AC11" s="8"/>
      <c r="AD11" s="8"/>
      <c r="AE11" s="8"/>
      <c r="AF11" s="8"/>
      <c r="AG11" s="8"/>
      <c r="AH11" s="8"/>
      <c r="AI11" s="8"/>
      <c r="AJ11" s="8"/>
      <c r="AK11" s="8"/>
    </row>
    <row r="12" spans="1:37" x14ac:dyDescent="0.15">
      <c r="A12" s="8"/>
      <c r="B12" s="158"/>
      <c r="C12" s="157"/>
      <c r="D12" s="157"/>
      <c r="E12" s="157"/>
      <c r="F12" s="157"/>
      <c r="G12" s="157"/>
      <c r="H12" s="157"/>
      <c r="I12" s="157"/>
      <c r="J12" s="157"/>
      <c r="K12" s="157"/>
      <c r="L12" s="157"/>
      <c r="M12" s="157"/>
      <c r="N12" s="157"/>
      <c r="O12" s="157"/>
      <c r="P12" s="157"/>
      <c r="Q12" s="157"/>
      <c r="R12" s="157"/>
      <c r="S12" s="157"/>
      <c r="T12" s="157"/>
      <c r="U12" s="157"/>
      <c r="V12" s="157"/>
      <c r="W12" s="157"/>
      <c r="X12" s="157"/>
      <c r="Y12" s="157"/>
      <c r="Z12" s="156"/>
      <c r="AA12" s="8"/>
      <c r="AB12" s="8"/>
      <c r="AC12" s="8"/>
      <c r="AD12" s="8"/>
      <c r="AE12" s="8"/>
      <c r="AF12" s="8"/>
      <c r="AG12" s="8"/>
      <c r="AH12" s="8"/>
      <c r="AI12" s="8"/>
      <c r="AJ12" s="8"/>
      <c r="AK12" s="8"/>
    </row>
    <row r="13" spans="1:37" x14ac:dyDescent="0.15">
      <c r="A13" s="8"/>
      <c r="B13" s="9" t="s">
        <v>900</v>
      </c>
      <c r="C13" s="8"/>
      <c r="D13" s="8"/>
      <c r="E13" s="8"/>
      <c r="F13" s="8"/>
      <c r="G13" s="8"/>
      <c r="H13" s="8"/>
      <c r="I13" s="8"/>
      <c r="J13" s="8"/>
      <c r="K13" s="8"/>
      <c r="L13" s="8"/>
      <c r="M13" s="8"/>
      <c r="N13" s="8"/>
      <c r="O13" s="8"/>
      <c r="P13" s="8"/>
      <c r="Q13" s="8"/>
      <c r="R13" s="8"/>
      <c r="S13" s="8"/>
      <c r="T13" s="8"/>
      <c r="U13" s="8"/>
      <c r="V13" s="8"/>
      <c r="W13" s="8"/>
      <c r="X13" s="8"/>
      <c r="Y13" s="8"/>
      <c r="Z13" s="149"/>
      <c r="AA13" s="8"/>
      <c r="AB13" s="8"/>
      <c r="AC13" s="8"/>
      <c r="AD13" s="8"/>
      <c r="AE13" s="8"/>
      <c r="AF13" s="8"/>
      <c r="AG13" s="8"/>
      <c r="AH13" s="8"/>
      <c r="AI13" s="8"/>
      <c r="AJ13" s="8"/>
      <c r="AK13" s="8"/>
    </row>
    <row r="14" spans="1:37" x14ac:dyDescent="0.15">
      <c r="A14" s="8"/>
      <c r="B14" s="9"/>
      <c r="C14" s="8"/>
      <c r="D14" s="8"/>
      <c r="E14" s="8"/>
      <c r="F14" s="8"/>
      <c r="G14" s="8"/>
      <c r="H14" s="8"/>
      <c r="I14" s="8"/>
      <c r="J14" s="8"/>
      <c r="K14" s="8"/>
      <c r="L14" s="8"/>
      <c r="M14" s="8"/>
      <c r="N14" s="8"/>
      <c r="O14" s="8"/>
      <c r="P14" s="8"/>
      <c r="Q14" s="8"/>
      <c r="R14" s="8"/>
      <c r="S14" s="8"/>
      <c r="T14" s="8"/>
      <c r="U14" s="8"/>
      <c r="V14" s="8"/>
      <c r="W14" s="8"/>
      <c r="X14" s="8"/>
      <c r="Y14" s="8"/>
      <c r="Z14" s="149"/>
      <c r="AA14" s="8"/>
      <c r="AB14" s="8"/>
      <c r="AC14" s="8"/>
      <c r="AD14" s="8"/>
      <c r="AE14" s="8"/>
      <c r="AF14" s="8"/>
      <c r="AG14" s="8"/>
      <c r="AH14" s="8"/>
      <c r="AI14" s="8"/>
      <c r="AJ14" s="8"/>
      <c r="AK14" s="8"/>
    </row>
    <row r="15" spans="1:37" x14ac:dyDescent="0.15">
      <c r="A15" s="8"/>
      <c r="B15" s="9"/>
      <c r="C15" s="8" t="s">
        <v>899</v>
      </c>
      <c r="D15" s="8"/>
      <c r="E15" s="8"/>
      <c r="F15" s="8"/>
      <c r="G15" s="8"/>
      <c r="H15" s="8"/>
      <c r="I15" s="8"/>
      <c r="J15" s="8"/>
      <c r="K15" s="8"/>
      <c r="L15" s="8"/>
      <c r="M15" s="8"/>
      <c r="N15" s="8"/>
      <c r="O15" s="8"/>
      <c r="P15" s="8"/>
      <c r="Q15" s="8"/>
      <c r="R15" s="8"/>
      <c r="S15" s="8"/>
      <c r="T15" s="8"/>
      <c r="U15" s="8"/>
      <c r="V15" s="8"/>
      <c r="W15" s="8"/>
      <c r="X15" s="8"/>
      <c r="Y15" s="8"/>
      <c r="Z15" s="149"/>
      <c r="AA15" s="8"/>
      <c r="AB15" s="8"/>
      <c r="AC15" s="8"/>
      <c r="AD15" s="8"/>
      <c r="AE15" s="8"/>
      <c r="AF15" s="8"/>
      <c r="AG15" s="8"/>
      <c r="AH15" s="8"/>
      <c r="AI15" s="8"/>
      <c r="AJ15" s="8"/>
      <c r="AK15" s="8"/>
    </row>
    <row r="16" spans="1:37" ht="4.5" customHeight="1" x14ac:dyDescent="0.15">
      <c r="A16" s="8"/>
      <c r="B16" s="9"/>
      <c r="C16" s="8"/>
      <c r="D16" s="8"/>
      <c r="E16" s="8"/>
      <c r="F16" s="8"/>
      <c r="G16" s="8"/>
      <c r="H16" s="8"/>
      <c r="I16" s="8"/>
      <c r="J16" s="8"/>
      <c r="K16" s="8"/>
      <c r="L16" s="8"/>
      <c r="M16" s="8"/>
      <c r="N16" s="8"/>
      <c r="O16" s="8"/>
      <c r="P16" s="8"/>
      <c r="Q16" s="8"/>
      <c r="R16" s="8"/>
      <c r="S16" s="8"/>
      <c r="T16" s="8"/>
      <c r="U16" s="8"/>
      <c r="V16" s="8"/>
      <c r="W16" s="8"/>
      <c r="X16" s="8"/>
      <c r="Y16" s="8"/>
      <c r="Z16" s="149"/>
      <c r="AA16" s="8"/>
      <c r="AB16" s="8"/>
      <c r="AC16" s="8"/>
      <c r="AD16" s="8"/>
      <c r="AE16" s="8"/>
      <c r="AF16" s="8"/>
      <c r="AG16" s="8"/>
      <c r="AH16" s="8"/>
      <c r="AI16" s="8"/>
      <c r="AJ16" s="8"/>
      <c r="AK16" s="8"/>
    </row>
    <row r="17" spans="1:37" ht="21" customHeight="1" x14ac:dyDescent="0.15">
      <c r="A17" s="8"/>
      <c r="B17" s="9"/>
      <c r="C17" s="252" t="s">
        <v>898</v>
      </c>
      <c r="D17" s="181"/>
      <c r="E17" s="181"/>
      <c r="F17" s="181"/>
      <c r="G17" s="197"/>
      <c r="H17" s="780"/>
      <c r="I17" s="781"/>
      <c r="J17" s="781"/>
      <c r="K17" s="781"/>
      <c r="L17" s="781"/>
      <c r="M17" s="781"/>
      <c r="N17" s="176" t="s">
        <v>708</v>
      </c>
      <c r="O17" s="8"/>
      <c r="P17" s="252" t="s">
        <v>897</v>
      </c>
      <c r="Q17" s="181"/>
      <c r="R17" s="181"/>
      <c r="S17" s="181"/>
      <c r="T17" s="197"/>
      <c r="U17" s="780"/>
      <c r="V17" s="781"/>
      <c r="W17" s="781"/>
      <c r="X17" s="781"/>
      <c r="Y17" s="176" t="s">
        <v>708</v>
      </c>
      <c r="Z17" s="149"/>
      <c r="AA17" s="8"/>
      <c r="AB17" s="8"/>
      <c r="AC17" s="8"/>
      <c r="AD17" s="8"/>
      <c r="AE17" s="8"/>
      <c r="AF17" s="8"/>
      <c r="AG17" s="8"/>
      <c r="AH17" s="8"/>
      <c r="AI17" s="8"/>
      <c r="AJ17" s="8"/>
      <c r="AK17" s="8"/>
    </row>
    <row r="18" spans="1:37" x14ac:dyDescent="0.15">
      <c r="A18" s="8"/>
      <c r="B18" s="9"/>
      <c r="C18" s="8"/>
      <c r="D18" s="8"/>
      <c r="E18" s="8"/>
      <c r="F18" s="8"/>
      <c r="G18" s="8"/>
      <c r="H18" s="8"/>
      <c r="I18" s="8"/>
      <c r="J18" s="8"/>
      <c r="K18" s="8"/>
      <c r="L18" s="8"/>
      <c r="M18" s="8"/>
      <c r="N18" s="8"/>
      <c r="O18" s="8"/>
      <c r="P18" s="18"/>
      <c r="Q18" s="8"/>
      <c r="R18" s="8"/>
      <c r="S18" s="8"/>
      <c r="T18" s="8"/>
      <c r="U18" s="8"/>
      <c r="V18" s="8"/>
      <c r="W18" s="8"/>
      <c r="X18" s="8"/>
      <c r="Y18" s="8"/>
      <c r="Z18" s="149"/>
      <c r="AA18" s="8"/>
      <c r="AB18" s="8"/>
      <c r="AC18" s="8"/>
      <c r="AD18" s="8"/>
      <c r="AE18" s="8"/>
      <c r="AF18" s="8"/>
      <c r="AG18" s="8"/>
      <c r="AH18" s="8"/>
      <c r="AI18" s="8"/>
      <c r="AJ18" s="8"/>
      <c r="AK18" s="8"/>
    </row>
    <row r="19" spans="1:37" x14ac:dyDescent="0.15">
      <c r="A19" s="8"/>
      <c r="B19" s="9"/>
      <c r="C19" s="8" t="s">
        <v>896</v>
      </c>
      <c r="D19" s="8"/>
      <c r="E19" s="8"/>
      <c r="F19" s="8"/>
      <c r="G19" s="8"/>
      <c r="H19" s="8"/>
      <c r="I19" s="8"/>
      <c r="J19" s="8"/>
      <c r="K19" s="8"/>
      <c r="L19" s="8"/>
      <c r="M19" s="8"/>
      <c r="N19" s="8"/>
      <c r="O19" s="8"/>
      <c r="P19" s="8"/>
      <c r="Q19" s="8"/>
      <c r="R19" s="8"/>
      <c r="S19" s="8"/>
      <c r="T19" s="8"/>
      <c r="U19" s="8"/>
      <c r="V19" s="8"/>
      <c r="W19" s="8"/>
      <c r="X19" s="8"/>
      <c r="Y19" s="8"/>
      <c r="Z19" s="149"/>
      <c r="AA19" s="8"/>
      <c r="AB19" s="8"/>
      <c r="AC19" s="8"/>
      <c r="AD19" s="8"/>
      <c r="AE19" s="8"/>
      <c r="AF19" s="8"/>
      <c r="AG19" s="8"/>
      <c r="AH19" s="8"/>
      <c r="AI19" s="8"/>
      <c r="AJ19" s="8"/>
      <c r="AK19" s="8"/>
    </row>
    <row r="20" spans="1:37" ht="4.5" customHeight="1" x14ac:dyDescent="0.15">
      <c r="A20" s="8"/>
      <c r="B20" s="9"/>
      <c r="C20" s="8"/>
      <c r="D20" s="8"/>
      <c r="E20" s="8"/>
      <c r="F20" s="8"/>
      <c r="G20" s="8"/>
      <c r="H20" s="8"/>
      <c r="I20" s="8"/>
      <c r="J20" s="8"/>
      <c r="K20" s="8"/>
      <c r="L20" s="8"/>
      <c r="M20" s="8"/>
      <c r="N20" s="8"/>
      <c r="O20" s="8"/>
      <c r="P20" s="8"/>
      <c r="Q20" s="8"/>
      <c r="R20" s="8"/>
      <c r="S20" s="8"/>
      <c r="T20" s="8"/>
      <c r="U20" s="8"/>
      <c r="V20" s="8"/>
      <c r="W20" s="8"/>
      <c r="X20" s="8"/>
      <c r="Y20" s="8"/>
      <c r="Z20" s="149"/>
      <c r="AA20" s="8"/>
      <c r="AB20" s="8"/>
      <c r="AC20" s="8"/>
      <c r="AD20" s="8"/>
      <c r="AE20" s="8"/>
      <c r="AF20" s="8"/>
      <c r="AG20" s="8"/>
      <c r="AH20" s="8"/>
      <c r="AI20" s="8"/>
      <c r="AJ20" s="8"/>
      <c r="AK20" s="8"/>
    </row>
    <row r="21" spans="1:37" ht="21.75" customHeight="1" x14ac:dyDescent="0.15">
      <c r="A21" s="8"/>
      <c r="B21" s="9"/>
      <c r="C21" s="791" t="s">
        <v>895</v>
      </c>
      <c r="D21" s="792"/>
      <c r="E21" s="792"/>
      <c r="F21" s="792"/>
      <c r="G21" s="792"/>
      <c r="H21" s="792"/>
      <c r="I21" s="793"/>
      <c r="J21" s="252" t="s">
        <v>894</v>
      </c>
      <c r="K21" s="181"/>
      <c r="L21" s="181"/>
      <c r="M21" s="781"/>
      <c r="N21" s="781"/>
      <c r="O21" s="781"/>
      <c r="P21" s="176" t="s">
        <v>708</v>
      </c>
      <c r="Q21" s="8"/>
      <c r="R21" s="8"/>
      <c r="S21" s="8"/>
      <c r="T21" s="8"/>
      <c r="U21" s="8"/>
      <c r="V21" s="8"/>
      <c r="W21" s="8"/>
      <c r="X21" s="8"/>
      <c r="Y21" s="8"/>
      <c r="Z21" s="149"/>
      <c r="AA21" s="8"/>
      <c r="AB21" s="8"/>
      <c r="AC21" s="8"/>
      <c r="AD21" s="8"/>
      <c r="AE21" s="8"/>
      <c r="AF21" s="8"/>
      <c r="AG21" s="8"/>
      <c r="AH21" s="8"/>
      <c r="AI21" s="8"/>
      <c r="AJ21" s="8"/>
      <c r="AK21" s="8"/>
    </row>
    <row r="22" spans="1:37" ht="21" customHeight="1" x14ac:dyDescent="0.15">
      <c r="A22" s="8"/>
      <c r="B22" s="9"/>
      <c r="C22" s="1066" t="s">
        <v>893</v>
      </c>
      <c r="D22" s="1067"/>
      <c r="E22" s="1067"/>
      <c r="F22" s="1067"/>
      <c r="G22" s="1067"/>
      <c r="H22" s="1067"/>
      <c r="I22" s="1068"/>
      <c r="J22" s="252" t="s">
        <v>892</v>
      </c>
      <c r="K22" s="181"/>
      <c r="L22" s="181"/>
      <c r="M22" s="781"/>
      <c r="N22" s="781"/>
      <c r="O22" s="781"/>
      <c r="P22" s="176" t="s">
        <v>708</v>
      </c>
      <c r="Q22" s="8"/>
      <c r="R22" s="8"/>
      <c r="S22" s="8"/>
      <c r="T22" s="8"/>
      <c r="U22" s="8"/>
      <c r="V22" s="8"/>
      <c r="W22" s="8"/>
      <c r="X22" s="8"/>
      <c r="Y22" s="8"/>
      <c r="Z22" s="149"/>
      <c r="AA22" s="8"/>
      <c r="AB22" s="8"/>
      <c r="AC22" s="8"/>
      <c r="AD22" s="8"/>
      <c r="AE22" s="8"/>
      <c r="AF22" s="8"/>
      <c r="AG22" s="8"/>
      <c r="AH22" s="8"/>
      <c r="AI22" s="8"/>
      <c r="AJ22" s="8"/>
      <c r="AK22" s="8"/>
    </row>
    <row r="23" spans="1:37" x14ac:dyDescent="0.15">
      <c r="A23" s="8"/>
      <c r="B23" s="9"/>
      <c r="C23" s="8"/>
      <c r="D23" s="8"/>
      <c r="E23" s="8"/>
      <c r="F23" s="8"/>
      <c r="G23" s="8"/>
      <c r="H23" s="8"/>
      <c r="I23" s="8"/>
      <c r="J23" s="8"/>
      <c r="K23" s="8"/>
      <c r="L23" s="18"/>
      <c r="M23" s="8"/>
      <c r="N23" s="8"/>
      <c r="O23" s="8"/>
      <c r="P23" s="8"/>
      <c r="Q23" s="18"/>
      <c r="R23" s="8"/>
      <c r="S23" s="8"/>
      <c r="T23" s="8"/>
      <c r="U23" s="8"/>
      <c r="V23" s="18"/>
      <c r="W23" s="8"/>
      <c r="X23" s="8"/>
      <c r="Y23" s="8"/>
      <c r="Z23" s="149"/>
      <c r="AA23" s="8"/>
      <c r="AB23" s="8"/>
      <c r="AC23" s="8"/>
      <c r="AD23" s="8"/>
      <c r="AE23" s="8"/>
      <c r="AF23" s="8"/>
      <c r="AG23" s="8"/>
      <c r="AH23" s="8"/>
      <c r="AI23" s="8"/>
      <c r="AJ23" s="8"/>
      <c r="AK23" s="8"/>
    </row>
    <row r="24" spans="1:37" x14ac:dyDescent="0.15">
      <c r="A24" s="8"/>
      <c r="B24" s="9"/>
      <c r="C24" s="8" t="s">
        <v>891</v>
      </c>
      <c r="D24" s="8"/>
      <c r="E24" s="8"/>
      <c r="F24" s="8"/>
      <c r="G24" s="8"/>
      <c r="H24" s="8"/>
      <c r="I24" s="8"/>
      <c r="J24" s="8"/>
      <c r="K24" s="8"/>
      <c r="L24" s="8"/>
      <c r="M24" s="8"/>
      <c r="N24" s="8"/>
      <c r="O24" s="8"/>
      <c r="P24" s="8"/>
      <c r="Q24" s="8"/>
      <c r="R24" s="8"/>
      <c r="S24" s="8"/>
      <c r="T24" s="8"/>
      <c r="U24" s="8"/>
      <c r="V24" s="8"/>
      <c r="W24" s="8"/>
      <c r="X24" s="8"/>
      <c r="Y24" s="8"/>
      <c r="Z24" s="149"/>
      <c r="AA24" s="8"/>
      <c r="AB24" s="8"/>
      <c r="AC24" s="8"/>
      <c r="AD24" s="8"/>
      <c r="AE24" s="8"/>
      <c r="AF24" s="8"/>
      <c r="AG24" s="8"/>
      <c r="AH24" s="8"/>
      <c r="AI24" s="8"/>
      <c r="AJ24" s="8"/>
      <c r="AK24" s="8"/>
    </row>
    <row r="25" spans="1:37" ht="4.5" customHeight="1" x14ac:dyDescent="0.15">
      <c r="A25" s="8"/>
      <c r="B25" s="9"/>
      <c r="C25" s="8"/>
      <c r="D25" s="8"/>
      <c r="E25" s="8"/>
      <c r="F25" s="8"/>
      <c r="G25" s="8"/>
      <c r="H25" s="8"/>
      <c r="I25" s="8"/>
      <c r="J25" s="8"/>
      <c r="K25" s="8"/>
      <c r="L25" s="8"/>
      <c r="M25" s="8"/>
      <c r="N25" s="8"/>
      <c r="O25" s="8"/>
      <c r="P25" s="8"/>
      <c r="Q25" s="8"/>
      <c r="R25" s="8"/>
      <c r="S25" s="8"/>
      <c r="T25" s="8"/>
      <c r="U25" s="8"/>
      <c r="V25" s="8"/>
      <c r="W25" s="8"/>
      <c r="X25" s="8"/>
      <c r="Y25" s="8"/>
      <c r="Z25" s="149"/>
      <c r="AA25" s="8"/>
      <c r="AB25" s="8"/>
      <c r="AC25" s="8"/>
      <c r="AD25" s="8"/>
      <c r="AE25" s="8"/>
      <c r="AF25" s="8"/>
      <c r="AG25" s="8"/>
      <c r="AH25" s="8"/>
      <c r="AI25" s="8"/>
      <c r="AJ25" s="8"/>
      <c r="AK25" s="8"/>
    </row>
    <row r="26" spans="1:37" x14ac:dyDescent="0.15">
      <c r="A26" s="8"/>
      <c r="B26" s="9"/>
      <c r="C26" s="780" t="s">
        <v>890</v>
      </c>
      <c r="D26" s="781"/>
      <c r="E26" s="781"/>
      <c r="F26" s="781"/>
      <c r="G26" s="781"/>
      <c r="H26" s="781"/>
      <c r="I26" s="781"/>
      <c r="J26" s="781"/>
      <c r="K26" s="781"/>
      <c r="L26" s="781"/>
      <c r="M26" s="781"/>
      <c r="N26" s="781"/>
      <c r="O26" s="782"/>
      <c r="P26" s="780" t="s">
        <v>57</v>
      </c>
      <c r="Q26" s="781"/>
      <c r="R26" s="781"/>
      <c r="S26" s="781"/>
      <c r="T26" s="781"/>
      <c r="U26" s="781"/>
      <c r="V26" s="781"/>
      <c r="W26" s="781"/>
      <c r="X26" s="781"/>
      <c r="Y26" s="782"/>
      <c r="Z26" s="174"/>
      <c r="AA26" s="8"/>
      <c r="AB26" s="8"/>
      <c r="AC26" s="8"/>
      <c r="AD26" s="8"/>
      <c r="AE26" s="8"/>
      <c r="AF26" s="8"/>
      <c r="AG26" s="8"/>
      <c r="AH26" s="8"/>
      <c r="AI26" s="8"/>
      <c r="AJ26" s="8"/>
      <c r="AK26" s="8"/>
    </row>
    <row r="27" spans="1:37" ht="21" customHeight="1" x14ac:dyDescent="0.15">
      <c r="A27" s="8"/>
      <c r="B27" s="9"/>
      <c r="C27" s="791"/>
      <c r="D27" s="792"/>
      <c r="E27" s="792"/>
      <c r="F27" s="792"/>
      <c r="G27" s="792"/>
      <c r="H27" s="792"/>
      <c r="I27" s="792"/>
      <c r="J27" s="792"/>
      <c r="K27" s="792"/>
      <c r="L27" s="792"/>
      <c r="M27" s="792"/>
      <c r="N27" s="792"/>
      <c r="O27" s="793"/>
      <c r="P27" s="780"/>
      <c r="Q27" s="781"/>
      <c r="R27" s="781"/>
      <c r="S27" s="781"/>
      <c r="T27" s="781"/>
      <c r="U27" s="781"/>
      <c r="V27" s="781"/>
      <c r="W27" s="781"/>
      <c r="X27" s="781"/>
      <c r="Y27" s="782"/>
      <c r="Z27" s="149"/>
      <c r="AA27" s="8"/>
      <c r="AB27" s="8"/>
      <c r="AC27" s="8"/>
      <c r="AD27" s="8"/>
      <c r="AE27" s="8"/>
      <c r="AF27" s="8"/>
      <c r="AG27" s="8"/>
      <c r="AH27" s="8"/>
      <c r="AI27" s="8"/>
      <c r="AJ27" s="8"/>
      <c r="AK27" s="8"/>
    </row>
    <row r="28" spans="1:37" ht="21" customHeight="1" x14ac:dyDescent="0.15">
      <c r="A28" s="8"/>
      <c r="B28" s="9"/>
      <c r="C28" s="791"/>
      <c r="D28" s="792"/>
      <c r="E28" s="792"/>
      <c r="F28" s="792"/>
      <c r="G28" s="792"/>
      <c r="H28" s="792"/>
      <c r="I28" s="792"/>
      <c r="J28" s="792"/>
      <c r="K28" s="792"/>
      <c r="L28" s="792"/>
      <c r="M28" s="792"/>
      <c r="N28" s="792"/>
      <c r="O28" s="793"/>
      <c r="P28" s="780"/>
      <c r="Q28" s="781"/>
      <c r="R28" s="781"/>
      <c r="S28" s="781"/>
      <c r="T28" s="781"/>
      <c r="U28" s="781"/>
      <c r="V28" s="781"/>
      <c r="W28" s="781"/>
      <c r="X28" s="781"/>
      <c r="Y28" s="782"/>
      <c r="Z28" s="149"/>
      <c r="AA28" s="8"/>
      <c r="AB28" s="8"/>
      <c r="AC28" s="8"/>
      <c r="AD28" s="8"/>
      <c r="AE28" s="8"/>
      <c r="AF28" s="8"/>
      <c r="AG28" s="8"/>
      <c r="AH28" s="8"/>
      <c r="AI28" s="8"/>
      <c r="AJ28" s="8"/>
      <c r="AK28" s="8"/>
    </row>
    <row r="29" spans="1:37" ht="21" customHeight="1" x14ac:dyDescent="0.15">
      <c r="A29" s="8"/>
      <c r="B29" s="9"/>
      <c r="C29" s="791"/>
      <c r="D29" s="792"/>
      <c r="E29" s="792"/>
      <c r="F29" s="792"/>
      <c r="G29" s="792"/>
      <c r="H29" s="792"/>
      <c r="I29" s="792"/>
      <c r="J29" s="792"/>
      <c r="K29" s="792"/>
      <c r="L29" s="792"/>
      <c r="M29" s="792"/>
      <c r="N29" s="792"/>
      <c r="O29" s="793"/>
      <c r="P29" s="780"/>
      <c r="Q29" s="781"/>
      <c r="R29" s="781"/>
      <c r="S29" s="781"/>
      <c r="T29" s="781"/>
      <c r="U29" s="781"/>
      <c r="V29" s="781"/>
      <c r="W29" s="781"/>
      <c r="X29" s="781"/>
      <c r="Y29" s="782"/>
      <c r="Z29" s="149"/>
      <c r="AA29" s="8"/>
      <c r="AB29" s="8"/>
      <c r="AC29" s="8"/>
      <c r="AD29" s="8"/>
      <c r="AE29" s="8"/>
      <c r="AF29" s="8"/>
      <c r="AG29" s="8"/>
      <c r="AH29" s="8"/>
      <c r="AI29" s="8"/>
      <c r="AJ29" s="8"/>
      <c r="AK29" s="8"/>
    </row>
    <row r="30" spans="1:37" ht="21" customHeight="1" x14ac:dyDescent="0.15">
      <c r="A30" s="8"/>
      <c r="B30" s="9"/>
      <c r="C30" s="791"/>
      <c r="D30" s="792"/>
      <c r="E30" s="792"/>
      <c r="F30" s="792"/>
      <c r="G30" s="792"/>
      <c r="H30" s="792"/>
      <c r="I30" s="792"/>
      <c r="J30" s="792"/>
      <c r="K30" s="792"/>
      <c r="L30" s="792"/>
      <c r="M30" s="792"/>
      <c r="N30" s="792"/>
      <c r="O30" s="793"/>
      <c r="P30" s="780"/>
      <c r="Q30" s="781"/>
      <c r="R30" s="781"/>
      <c r="S30" s="781"/>
      <c r="T30" s="781"/>
      <c r="U30" s="781"/>
      <c r="V30" s="781"/>
      <c r="W30" s="781"/>
      <c r="X30" s="781"/>
      <c r="Y30" s="782"/>
      <c r="Z30" s="149"/>
      <c r="AA30" s="8"/>
      <c r="AB30" s="8"/>
      <c r="AC30" s="8"/>
      <c r="AD30" s="8"/>
      <c r="AE30" s="8"/>
      <c r="AF30" s="8"/>
      <c r="AG30" s="8"/>
      <c r="AH30" s="8"/>
      <c r="AI30" s="8"/>
      <c r="AJ30" s="8"/>
      <c r="AK30" s="8"/>
    </row>
    <row r="31" spans="1:37" ht="21" customHeight="1" x14ac:dyDescent="0.15">
      <c r="A31" s="8"/>
      <c r="B31" s="9"/>
      <c r="C31" s="791"/>
      <c r="D31" s="792"/>
      <c r="E31" s="792"/>
      <c r="F31" s="792"/>
      <c r="G31" s="792"/>
      <c r="H31" s="792"/>
      <c r="I31" s="792"/>
      <c r="J31" s="792"/>
      <c r="K31" s="792"/>
      <c r="L31" s="792"/>
      <c r="M31" s="792"/>
      <c r="N31" s="792"/>
      <c r="O31" s="793"/>
      <c r="P31" s="780"/>
      <c r="Q31" s="781"/>
      <c r="R31" s="781"/>
      <c r="S31" s="781"/>
      <c r="T31" s="781"/>
      <c r="U31" s="781"/>
      <c r="V31" s="781"/>
      <c r="W31" s="781"/>
      <c r="X31" s="781"/>
      <c r="Y31" s="782"/>
      <c r="Z31" s="149"/>
      <c r="AA31" s="8"/>
      <c r="AB31" s="8"/>
      <c r="AC31" s="8"/>
      <c r="AD31" s="8"/>
      <c r="AE31" s="8"/>
      <c r="AF31" s="8"/>
      <c r="AG31" s="8"/>
      <c r="AH31" s="8"/>
      <c r="AI31" s="8"/>
      <c r="AJ31" s="8"/>
      <c r="AK31" s="8"/>
    </row>
    <row r="32" spans="1:37" ht="21" customHeight="1" x14ac:dyDescent="0.15">
      <c r="A32" s="8"/>
      <c r="B32" s="9"/>
      <c r="C32" s="143"/>
      <c r="D32" s="143"/>
      <c r="E32" s="143"/>
      <c r="F32" s="143"/>
      <c r="G32" s="143"/>
      <c r="H32" s="143"/>
      <c r="I32" s="143"/>
      <c r="J32" s="143"/>
      <c r="K32" s="143"/>
      <c r="L32" s="143"/>
      <c r="M32" s="143"/>
      <c r="N32" s="143"/>
      <c r="O32" s="143"/>
      <c r="P32" s="172"/>
      <c r="Q32" s="172"/>
      <c r="R32" s="172"/>
      <c r="S32" s="172"/>
      <c r="T32" s="8"/>
      <c r="U32" s="8"/>
      <c r="V32" s="181"/>
      <c r="W32" s="181"/>
      <c r="X32" s="181"/>
      <c r="Y32" s="8"/>
      <c r="Z32" s="149"/>
      <c r="AA32" s="8"/>
      <c r="AB32" s="8"/>
      <c r="AC32" s="8"/>
      <c r="AD32" s="8"/>
      <c r="AE32" s="8"/>
      <c r="AF32" s="8"/>
      <c r="AG32" s="8"/>
      <c r="AH32" s="8"/>
      <c r="AI32" s="8"/>
      <c r="AJ32" s="8"/>
      <c r="AK32" s="8"/>
    </row>
    <row r="33" spans="1:37" ht="21" customHeight="1" x14ac:dyDescent="0.15">
      <c r="A33" s="8"/>
      <c r="B33" s="9"/>
      <c r="C33" s="906" t="s">
        <v>889</v>
      </c>
      <c r="D33" s="907"/>
      <c r="E33" s="907"/>
      <c r="F33" s="907"/>
      <c r="G33" s="907"/>
      <c r="H33" s="907"/>
      <c r="I33" s="907"/>
      <c r="J33" s="907"/>
      <c r="K33" s="907"/>
      <c r="L33" s="907"/>
      <c r="M33" s="907"/>
      <c r="N33" s="907"/>
      <c r="O33" s="907"/>
      <c r="P33" s="907"/>
      <c r="Q33" s="907"/>
      <c r="R33" s="907"/>
      <c r="S33" s="907"/>
      <c r="T33" s="907"/>
      <c r="U33" s="907"/>
      <c r="V33" s="908"/>
      <c r="W33" s="361" t="s">
        <v>227</v>
      </c>
      <c r="X33" s="278" t="s">
        <v>217</v>
      </c>
      <c r="Y33" s="360" t="s">
        <v>226</v>
      </c>
      <c r="Z33" s="149"/>
      <c r="AA33" s="8"/>
      <c r="AB33" s="8"/>
      <c r="AC33" s="8"/>
      <c r="AD33" s="8"/>
      <c r="AE33" s="8"/>
      <c r="AF33" s="8"/>
      <c r="AG33" s="8"/>
      <c r="AH33" s="8"/>
      <c r="AI33" s="8"/>
      <c r="AJ33" s="8"/>
      <c r="AK33" s="8"/>
    </row>
    <row r="34" spans="1:37" ht="21" customHeight="1" x14ac:dyDescent="0.15">
      <c r="A34" s="8"/>
      <c r="B34" s="9"/>
      <c r="C34" s="909"/>
      <c r="D34" s="910"/>
      <c r="E34" s="910"/>
      <c r="F34" s="910"/>
      <c r="G34" s="910"/>
      <c r="H34" s="910"/>
      <c r="I34" s="910"/>
      <c r="J34" s="910"/>
      <c r="K34" s="910"/>
      <c r="L34" s="910"/>
      <c r="M34" s="910"/>
      <c r="N34" s="910"/>
      <c r="O34" s="910"/>
      <c r="P34" s="910"/>
      <c r="Q34" s="910"/>
      <c r="R34" s="910"/>
      <c r="S34" s="910"/>
      <c r="T34" s="910"/>
      <c r="U34" s="910"/>
      <c r="V34" s="911"/>
      <c r="W34" s="192" t="s">
        <v>0</v>
      </c>
      <c r="X34" s="143" t="s">
        <v>217</v>
      </c>
      <c r="Y34" s="363" t="s">
        <v>0</v>
      </c>
      <c r="Z34" s="149"/>
      <c r="AA34" s="8"/>
      <c r="AB34" s="8"/>
      <c r="AC34" s="8"/>
      <c r="AD34" s="8"/>
      <c r="AE34" s="8"/>
      <c r="AF34" s="8"/>
      <c r="AG34" s="8"/>
      <c r="AH34" s="8"/>
      <c r="AI34" s="8"/>
      <c r="AJ34" s="8"/>
      <c r="AK34" s="8"/>
    </row>
    <row r="35" spans="1:37" x14ac:dyDescent="0.15">
      <c r="A35" s="8"/>
      <c r="B35" s="9"/>
      <c r="C35" s="8"/>
      <c r="D35" s="8"/>
      <c r="E35" s="8"/>
      <c r="F35" s="8"/>
      <c r="G35" s="8"/>
      <c r="H35" s="8"/>
      <c r="I35" s="8"/>
      <c r="J35" s="8"/>
      <c r="K35" s="8"/>
      <c r="L35" s="8"/>
      <c r="M35" s="8"/>
      <c r="N35" s="8"/>
      <c r="O35" s="8"/>
      <c r="P35" s="8"/>
      <c r="Q35" s="8"/>
      <c r="R35" s="8"/>
      <c r="S35" s="8"/>
      <c r="T35" s="8"/>
      <c r="U35" s="8"/>
      <c r="V35" s="8"/>
      <c r="W35" s="8"/>
      <c r="X35" s="8"/>
      <c r="Y35" s="8"/>
      <c r="Z35" s="149"/>
      <c r="AA35" s="8"/>
      <c r="AB35" s="8"/>
      <c r="AC35" s="8"/>
      <c r="AD35" s="8"/>
      <c r="AE35" s="8"/>
      <c r="AF35" s="8"/>
      <c r="AG35" s="8"/>
      <c r="AH35" s="8"/>
      <c r="AI35" s="8"/>
      <c r="AJ35" s="8"/>
      <c r="AK35" s="8"/>
    </row>
    <row r="36" spans="1:37" x14ac:dyDescent="0.15">
      <c r="A36" s="8"/>
      <c r="B36" s="9"/>
      <c r="C36" s="8" t="s">
        <v>888</v>
      </c>
      <c r="D36" s="8"/>
      <c r="E36" s="8"/>
      <c r="F36" s="8"/>
      <c r="G36" s="8"/>
      <c r="H36" s="8"/>
      <c r="I36" s="8"/>
      <c r="J36" s="8"/>
      <c r="K36" s="8"/>
      <c r="L36" s="8"/>
      <c r="M36" s="8"/>
      <c r="N36" s="8"/>
      <c r="O36" s="8"/>
      <c r="P36" s="8"/>
      <c r="Q36" s="8"/>
      <c r="R36" s="8"/>
      <c r="S36" s="8"/>
      <c r="T36" s="8"/>
      <c r="U36" s="8"/>
      <c r="V36" s="8"/>
      <c r="W36" s="8"/>
      <c r="X36" s="8"/>
      <c r="Z36" s="149"/>
      <c r="AA36" s="8"/>
      <c r="AB36" s="8"/>
      <c r="AC36" s="8"/>
      <c r="AD36" s="8"/>
      <c r="AE36" s="8"/>
      <c r="AF36" s="8"/>
      <c r="AG36" s="8"/>
      <c r="AH36" s="8"/>
      <c r="AI36" s="8"/>
      <c r="AJ36" s="8"/>
      <c r="AK36" s="8"/>
    </row>
    <row r="37" spans="1:37" ht="4.5" customHeight="1" x14ac:dyDescent="0.15">
      <c r="A37" s="8"/>
      <c r="B37" s="9"/>
      <c r="C37" s="8"/>
      <c r="D37" s="8"/>
      <c r="E37" s="8"/>
      <c r="F37" s="8"/>
      <c r="G37" s="8"/>
      <c r="H37" s="8"/>
      <c r="I37" s="8"/>
      <c r="J37" s="8"/>
      <c r="K37" s="8"/>
      <c r="L37" s="8"/>
      <c r="M37" s="8"/>
      <c r="N37" s="8"/>
      <c r="O37" s="8"/>
      <c r="P37" s="8"/>
      <c r="Q37" s="8"/>
      <c r="R37" s="8"/>
      <c r="S37" s="8"/>
      <c r="T37" s="8"/>
      <c r="U37" s="8"/>
      <c r="V37" s="8"/>
      <c r="W37" s="8"/>
      <c r="X37" s="8"/>
      <c r="Y37" s="8"/>
      <c r="Z37" s="149"/>
      <c r="AA37" s="8"/>
      <c r="AB37" s="8"/>
      <c r="AC37" s="8"/>
      <c r="AD37" s="8"/>
      <c r="AE37" s="8"/>
      <c r="AF37" s="8"/>
      <c r="AG37" s="8"/>
      <c r="AH37" s="8"/>
      <c r="AI37" s="8"/>
      <c r="AJ37" s="8"/>
      <c r="AK37" s="8"/>
    </row>
    <row r="38" spans="1:37" ht="21" customHeight="1" x14ac:dyDescent="0.15">
      <c r="A38" s="8"/>
      <c r="B38" s="9"/>
      <c r="C38" s="362" t="s">
        <v>272</v>
      </c>
      <c r="D38" s="284" t="s">
        <v>0</v>
      </c>
      <c r="E38" s="907" t="s">
        <v>271</v>
      </c>
      <c r="F38" s="907"/>
      <c r="G38" s="284" t="s">
        <v>0</v>
      </c>
      <c r="H38" s="938" t="s">
        <v>270</v>
      </c>
      <c r="I38" s="938"/>
      <c r="J38" s="166" t="s">
        <v>269</v>
      </c>
      <c r="K38" s="166"/>
      <c r="L38" s="15"/>
      <c r="M38" s="15"/>
      <c r="N38" s="15"/>
      <c r="O38" s="15"/>
      <c r="P38" s="15"/>
      <c r="Q38" s="15"/>
      <c r="R38" s="15"/>
      <c r="S38" s="15"/>
      <c r="T38" s="15"/>
      <c r="U38" s="166"/>
      <c r="V38" s="360"/>
      <c r="W38" s="361" t="s">
        <v>227</v>
      </c>
      <c r="X38" s="278" t="s">
        <v>217</v>
      </c>
      <c r="Y38" s="360" t="s">
        <v>226</v>
      </c>
      <c r="Z38" s="149"/>
      <c r="AA38" s="9"/>
      <c r="AB38" s="8"/>
      <c r="AC38" s="8"/>
      <c r="AD38" s="8"/>
      <c r="AE38" s="8"/>
      <c r="AF38" s="8"/>
      <c r="AG38" s="8"/>
      <c r="AH38" s="8"/>
      <c r="AI38" s="8"/>
      <c r="AJ38" s="8"/>
      <c r="AK38" s="8"/>
    </row>
    <row r="39" spans="1:37" ht="21" customHeight="1" x14ac:dyDescent="0.15">
      <c r="A39" s="8"/>
      <c r="B39" s="9"/>
      <c r="C39" s="822" t="s">
        <v>887</v>
      </c>
      <c r="D39" s="789"/>
      <c r="E39" s="789"/>
      <c r="F39" s="789"/>
      <c r="G39" s="789"/>
      <c r="H39" s="789"/>
      <c r="I39" s="789"/>
      <c r="J39" s="789"/>
      <c r="K39" s="789"/>
      <c r="L39" s="789"/>
      <c r="M39" s="789"/>
      <c r="N39" s="789"/>
      <c r="O39" s="789"/>
      <c r="P39" s="789"/>
      <c r="Q39" s="789"/>
      <c r="R39" s="789"/>
      <c r="S39" s="789"/>
      <c r="T39" s="789"/>
      <c r="U39" s="789"/>
      <c r="V39" s="805"/>
      <c r="W39" s="291" t="s">
        <v>0</v>
      </c>
      <c r="X39" s="18" t="s">
        <v>217</v>
      </c>
      <c r="Y39" s="178" t="s">
        <v>0</v>
      </c>
      <c r="Z39" s="189"/>
      <c r="AA39" s="8"/>
      <c r="AB39" s="8"/>
      <c r="AC39" s="8"/>
      <c r="AD39" s="8"/>
      <c r="AE39" s="8"/>
      <c r="AF39" s="8"/>
      <c r="AG39" s="8"/>
      <c r="AH39" s="8"/>
      <c r="AI39" s="8"/>
      <c r="AJ39" s="8"/>
      <c r="AK39" s="8"/>
    </row>
    <row r="40" spans="1:37" ht="21" customHeight="1" x14ac:dyDescent="0.15">
      <c r="A40" s="8"/>
      <c r="B40" s="9"/>
      <c r="C40" s="940" t="s">
        <v>886</v>
      </c>
      <c r="D40" s="779"/>
      <c r="E40" s="779"/>
      <c r="F40" s="779"/>
      <c r="G40" s="779"/>
      <c r="H40" s="779"/>
      <c r="I40" s="779"/>
      <c r="J40" s="779"/>
      <c r="K40" s="779"/>
      <c r="L40" s="779"/>
      <c r="M40" s="779"/>
      <c r="N40" s="779"/>
      <c r="O40" s="779"/>
      <c r="P40" s="779"/>
      <c r="Q40" s="779"/>
      <c r="R40" s="779"/>
      <c r="S40" s="779"/>
      <c r="T40" s="779"/>
      <c r="U40" s="779"/>
      <c r="V40" s="941"/>
      <c r="W40" s="359"/>
      <c r="X40" s="358"/>
      <c r="Y40" s="266"/>
      <c r="Z40" s="149"/>
      <c r="AA40" s="8"/>
      <c r="AB40" s="8"/>
      <c r="AC40" s="8"/>
      <c r="AD40" s="8"/>
      <c r="AE40" s="8"/>
      <c r="AF40" s="8"/>
      <c r="AG40" s="8"/>
      <c r="AH40" s="8"/>
      <c r="AI40" s="8"/>
      <c r="AJ40" s="8"/>
      <c r="AK40" s="8"/>
    </row>
    <row r="41" spans="1:37" x14ac:dyDescent="0.15">
      <c r="A41" s="8"/>
      <c r="B41" s="173"/>
      <c r="C41" s="172"/>
      <c r="D41" s="172"/>
      <c r="E41" s="172"/>
      <c r="F41" s="172"/>
      <c r="G41" s="172"/>
      <c r="H41" s="172"/>
      <c r="I41" s="172"/>
      <c r="J41" s="172"/>
      <c r="K41" s="172"/>
      <c r="L41" s="172"/>
      <c r="M41" s="172"/>
      <c r="N41" s="172"/>
      <c r="O41" s="172"/>
      <c r="P41" s="172"/>
      <c r="Q41" s="172"/>
      <c r="R41" s="172"/>
      <c r="S41" s="172"/>
      <c r="T41" s="172"/>
      <c r="U41" s="172"/>
      <c r="V41" s="172"/>
      <c r="W41" s="172"/>
      <c r="X41" s="172"/>
      <c r="Y41" s="172"/>
      <c r="Z41" s="171"/>
      <c r="AA41" s="8"/>
      <c r="AB41" s="8"/>
      <c r="AC41" s="8"/>
      <c r="AD41" s="8"/>
      <c r="AE41" s="8"/>
      <c r="AF41" s="8"/>
      <c r="AG41" s="8"/>
      <c r="AH41" s="8"/>
      <c r="AI41" s="8"/>
      <c r="AJ41" s="8"/>
      <c r="AK41" s="8"/>
    </row>
    <row r="42" spans="1:37" x14ac:dyDescent="0.15">
      <c r="A42" s="8"/>
      <c r="B42" s="8" t="s">
        <v>885</v>
      </c>
      <c r="C42" s="8"/>
      <c r="D42" s="8"/>
      <c r="E42" s="8"/>
      <c r="F42" s="8"/>
      <c r="G42" s="8"/>
      <c r="H42" s="8"/>
      <c r="I42" s="8"/>
      <c r="J42" s="8"/>
      <c r="K42" s="8"/>
      <c r="L42" s="8"/>
      <c r="M42" s="8"/>
      <c r="N42" s="8"/>
      <c r="O42" s="8"/>
      <c r="P42" s="8"/>
      <c r="Q42" s="8"/>
      <c r="R42" s="8"/>
      <c r="S42" s="8"/>
      <c r="T42" s="8"/>
      <c r="U42" s="8"/>
      <c r="V42" s="8"/>
      <c r="W42" s="8"/>
      <c r="X42" s="8"/>
      <c r="Y42" s="8"/>
      <c r="Z42" s="8"/>
      <c r="AA42" s="8"/>
      <c r="AB42" s="8"/>
      <c r="AC42" s="8"/>
      <c r="AD42" s="8"/>
      <c r="AE42" s="8"/>
      <c r="AF42" s="8"/>
      <c r="AG42" s="8"/>
      <c r="AH42" s="8"/>
      <c r="AI42" s="8"/>
      <c r="AJ42" s="8"/>
      <c r="AK42" s="8"/>
    </row>
    <row r="43" spans="1:37" x14ac:dyDescent="0.15">
      <c r="A43" s="8"/>
      <c r="B43" s="8" t="s">
        <v>230</v>
      </c>
      <c r="C43" s="8"/>
      <c r="D43" s="8"/>
      <c r="E43" s="8"/>
      <c r="F43" s="8"/>
      <c r="G43" s="8"/>
      <c r="H43" s="8"/>
      <c r="I43" s="8"/>
      <c r="J43" s="8"/>
      <c r="K43" s="8"/>
      <c r="L43" s="8"/>
      <c r="M43" s="8"/>
      <c r="N43" s="8"/>
      <c r="O43" s="8"/>
      <c r="P43" s="8"/>
      <c r="Q43" s="8"/>
      <c r="R43" s="8"/>
      <c r="S43" s="8"/>
      <c r="T43" s="8"/>
      <c r="U43" s="8"/>
      <c r="V43" s="8"/>
      <c r="W43" s="8"/>
      <c r="X43" s="8"/>
      <c r="Y43" s="8"/>
      <c r="Z43" s="8"/>
      <c r="AA43" s="8"/>
      <c r="AB43" s="8"/>
      <c r="AC43" s="8"/>
      <c r="AD43" s="8"/>
      <c r="AE43" s="8"/>
      <c r="AF43" s="8"/>
      <c r="AG43" s="8"/>
      <c r="AH43" s="8"/>
      <c r="AI43" s="8"/>
      <c r="AJ43" s="8"/>
      <c r="AK43" s="8"/>
    </row>
    <row r="44" spans="1:37" x14ac:dyDescent="0.15">
      <c r="A44" s="8"/>
      <c r="B44" s="8"/>
      <c r="C44" s="8"/>
      <c r="D44" s="8"/>
      <c r="E44" s="8"/>
      <c r="F44" s="8"/>
      <c r="G44" s="8"/>
      <c r="H44" s="8"/>
      <c r="I44" s="8"/>
      <c r="J44" s="8"/>
      <c r="K44" s="8"/>
      <c r="L44" s="8"/>
      <c r="M44" s="8"/>
      <c r="N44" s="8"/>
      <c r="O44" s="8"/>
      <c r="P44" s="8"/>
      <c r="Q44" s="8"/>
      <c r="R44" s="8"/>
      <c r="S44" s="8"/>
      <c r="T44" s="8"/>
      <c r="U44" s="8"/>
      <c r="V44" s="8"/>
      <c r="W44" s="8"/>
      <c r="X44" s="8"/>
      <c r="Y44" s="8"/>
      <c r="Z44" s="8"/>
      <c r="AA44" s="8"/>
      <c r="AB44" s="8"/>
      <c r="AC44" s="8"/>
      <c r="AD44" s="8"/>
      <c r="AE44" s="8"/>
      <c r="AF44" s="8"/>
      <c r="AG44" s="8"/>
      <c r="AH44" s="8"/>
      <c r="AI44" s="8"/>
      <c r="AJ44" s="8"/>
      <c r="AK44" s="8"/>
    </row>
    <row r="45" spans="1:37" x14ac:dyDescent="0.15">
      <c r="A45" s="6"/>
      <c r="B45" s="6"/>
      <c r="C45" s="6"/>
      <c r="D45" s="6"/>
      <c r="E45" s="6"/>
      <c r="F45" s="6"/>
      <c r="G45" s="6"/>
      <c r="H45" s="6"/>
      <c r="I45" s="6"/>
      <c r="J45" s="6"/>
      <c r="K45" s="6"/>
      <c r="L45" s="6"/>
      <c r="M45" s="6"/>
      <c r="N45" s="6"/>
      <c r="O45" s="6"/>
      <c r="P45" s="6"/>
      <c r="Q45" s="6"/>
      <c r="R45" s="6"/>
      <c r="S45" s="6"/>
      <c r="T45" s="6"/>
      <c r="U45" s="6"/>
      <c r="V45" s="6"/>
      <c r="W45" s="6"/>
      <c r="X45" s="6"/>
      <c r="Y45" s="6"/>
      <c r="Z45" s="6"/>
      <c r="AA45" s="6"/>
      <c r="AB45" s="6"/>
      <c r="AC45" s="6"/>
      <c r="AD45" s="6"/>
      <c r="AE45" s="6"/>
      <c r="AF45" s="6"/>
      <c r="AG45" s="6"/>
      <c r="AH45" s="6"/>
      <c r="AI45" s="6"/>
      <c r="AJ45" s="6"/>
      <c r="AK45" s="6"/>
    </row>
    <row r="46" spans="1:37" x14ac:dyDescent="0.15">
      <c r="A46" s="6"/>
      <c r="B46" s="6"/>
      <c r="C46" s="6"/>
      <c r="D46" s="6"/>
      <c r="E46" s="6"/>
      <c r="F46" s="6"/>
      <c r="G46" s="6"/>
      <c r="H46" s="6"/>
      <c r="I46" s="6"/>
      <c r="J46" s="6"/>
      <c r="K46" s="6"/>
      <c r="L46" s="6"/>
      <c r="M46" s="6"/>
      <c r="N46" s="6"/>
      <c r="O46" s="6"/>
      <c r="P46" s="6"/>
      <c r="Q46" s="6"/>
      <c r="R46" s="6"/>
      <c r="S46" s="6"/>
      <c r="T46" s="6"/>
      <c r="U46" s="6"/>
      <c r="V46" s="6"/>
      <c r="W46" s="6"/>
      <c r="X46" s="6"/>
      <c r="Y46" s="6"/>
      <c r="Z46" s="6"/>
      <c r="AA46" s="6"/>
      <c r="AB46" s="6"/>
      <c r="AC46" s="6"/>
      <c r="AD46" s="6"/>
      <c r="AE46" s="6"/>
      <c r="AF46" s="6"/>
      <c r="AG46" s="6"/>
      <c r="AH46" s="6"/>
      <c r="AI46" s="6"/>
      <c r="AJ46" s="6"/>
      <c r="AK46" s="6"/>
    </row>
    <row r="47" spans="1:37" x14ac:dyDescent="0.15">
      <c r="A47" s="6"/>
      <c r="B47" s="6"/>
      <c r="C47" s="6"/>
      <c r="D47" s="6"/>
      <c r="E47" s="6"/>
      <c r="F47" s="6"/>
      <c r="G47" s="6"/>
      <c r="H47" s="6"/>
      <c r="I47" s="6"/>
      <c r="J47" s="6"/>
      <c r="K47" s="6"/>
      <c r="L47" s="6"/>
      <c r="M47" s="6"/>
      <c r="N47" s="6"/>
      <c r="O47" s="6"/>
      <c r="P47" s="6"/>
      <c r="Q47" s="6"/>
      <c r="R47" s="6"/>
      <c r="S47" s="6"/>
      <c r="T47" s="6"/>
      <c r="U47" s="6"/>
      <c r="V47" s="6"/>
      <c r="W47" s="6"/>
      <c r="X47" s="6"/>
      <c r="Y47" s="6"/>
      <c r="Z47" s="6"/>
      <c r="AA47" s="6"/>
      <c r="AB47" s="6"/>
      <c r="AC47" s="6"/>
      <c r="AD47" s="6"/>
      <c r="AE47" s="6"/>
      <c r="AF47" s="6"/>
      <c r="AG47" s="6"/>
      <c r="AH47" s="6"/>
      <c r="AI47" s="6"/>
      <c r="AJ47" s="6"/>
      <c r="AK47" s="6"/>
    </row>
  </sheetData>
  <mergeCells count="28">
    <mergeCell ref="C22:I22"/>
    <mergeCell ref="M22:O22"/>
    <mergeCell ref="C26:O26"/>
    <mergeCell ref="P26:Y26"/>
    <mergeCell ref="B4:Z4"/>
    <mergeCell ref="B6:F6"/>
    <mergeCell ref="G6:Z6"/>
    <mergeCell ref="B7:F7"/>
    <mergeCell ref="B8:F10"/>
    <mergeCell ref="H17:M17"/>
    <mergeCell ref="U17:X17"/>
    <mergeCell ref="C21:I21"/>
    <mergeCell ref="M21:O21"/>
    <mergeCell ref="C27:O27"/>
    <mergeCell ref="P27:Y27"/>
    <mergeCell ref="C28:O28"/>
    <mergeCell ref="P28:Y28"/>
    <mergeCell ref="C29:O29"/>
    <mergeCell ref="P29:Y29"/>
    <mergeCell ref="C39:V39"/>
    <mergeCell ref="C40:V40"/>
    <mergeCell ref="C30:O30"/>
    <mergeCell ref="P30:Y30"/>
    <mergeCell ref="C31:O31"/>
    <mergeCell ref="P31:Y31"/>
    <mergeCell ref="C33:V34"/>
    <mergeCell ref="E38:F38"/>
    <mergeCell ref="H38:I38"/>
  </mergeCells>
  <phoneticPr fontId="2"/>
  <dataValidations count="1">
    <dataValidation type="list" allowBlank="1" showInputMessage="1" showErrorMessage="1" sqref="G7:G10 L7 Q7:Q10 W34 Y34 W39 Y39 D38 G38">
      <formula1>"□,■"</formula1>
    </dataValidation>
  </dataValidations>
  <pageMargins left="0.7" right="0.7" top="0.75" bottom="0.75" header="0.3" footer="0.3"/>
  <pageSetup paperSize="9" scale="96" orientation="portrait" r:id="rId1"/>
</worksheet>
</file>

<file path=xl/worksheets/sheet3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Z38"/>
  <sheetViews>
    <sheetView zoomScaleNormal="100" workbookViewId="0">
      <selection activeCell="C87" sqref="C87"/>
    </sheetView>
  </sheetViews>
  <sheetFormatPr defaultColWidth="3.5" defaultRowHeight="13.5" x14ac:dyDescent="0.15"/>
  <cols>
    <col min="1" max="1" width="2" style="3" customWidth="1"/>
    <col min="2" max="2" width="3" style="140" customWidth="1"/>
    <col min="3" max="7" width="3.5" style="3"/>
    <col min="8" max="8" width="2.5" style="3" customWidth="1"/>
    <col min="9" max="26" width="3.5" style="3"/>
    <col min="27" max="27" width="1.375" style="3" customWidth="1"/>
    <col min="28" max="16384" width="3.5" style="3"/>
  </cols>
  <sheetData>
    <row r="1" spans="2:26" s="8" customFormat="1" x14ac:dyDescent="0.15"/>
    <row r="2" spans="2:26" s="8" customFormat="1" x14ac:dyDescent="0.15">
      <c r="B2" s="8" t="s">
        <v>923</v>
      </c>
    </row>
    <row r="3" spans="2:26" s="8" customFormat="1" x14ac:dyDescent="0.15"/>
    <row r="4" spans="2:26" s="8" customFormat="1" x14ac:dyDescent="0.15">
      <c r="B4" s="778" t="s">
        <v>922</v>
      </c>
      <c r="C4" s="778"/>
      <c r="D4" s="778"/>
      <c r="E4" s="778"/>
      <c r="F4" s="778"/>
      <c r="G4" s="778"/>
      <c r="H4" s="778"/>
      <c r="I4" s="778"/>
      <c r="J4" s="778"/>
      <c r="K4" s="778"/>
      <c r="L4" s="778"/>
      <c r="M4" s="778"/>
      <c r="N4" s="778"/>
      <c r="O4" s="778"/>
      <c r="P4" s="778"/>
      <c r="Q4" s="778"/>
      <c r="R4" s="778"/>
      <c r="S4" s="778"/>
      <c r="T4" s="778"/>
      <c r="U4" s="778"/>
      <c r="V4" s="778"/>
      <c r="W4" s="778"/>
      <c r="X4" s="778"/>
      <c r="Y4" s="778"/>
      <c r="Z4" s="778"/>
    </row>
    <row r="5" spans="2:26" s="8" customFormat="1" x14ac:dyDescent="0.15"/>
    <row r="6" spans="2:26" s="8" customFormat="1" ht="31.5" customHeight="1" x14ac:dyDescent="0.15">
      <c r="B6" s="790" t="s">
        <v>244</v>
      </c>
      <c r="C6" s="790"/>
      <c r="D6" s="790"/>
      <c r="E6" s="790"/>
      <c r="F6" s="790"/>
      <c r="G6" s="791"/>
      <c r="H6" s="792"/>
      <c r="I6" s="792"/>
      <c r="J6" s="792"/>
      <c r="K6" s="792"/>
      <c r="L6" s="792"/>
      <c r="M6" s="792"/>
      <c r="N6" s="792"/>
      <c r="O6" s="792"/>
      <c r="P6" s="792"/>
      <c r="Q6" s="792"/>
      <c r="R6" s="792"/>
      <c r="S6" s="792"/>
      <c r="T6" s="792"/>
      <c r="U6" s="792"/>
      <c r="V6" s="792"/>
      <c r="W6" s="792"/>
      <c r="X6" s="792"/>
      <c r="Y6" s="792"/>
      <c r="Z6" s="793"/>
    </row>
    <row r="7" spans="2:26" s="8" customFormat="1" ht="31.5" customHeight="1" x14ac:dyDescent="0.15">
      <c r="B7" s="780" t="s">
        <v>243</v>
      </c>
      <c r="C7" s="781"/>
      <c r="D7" s="781"/>
      <c r="E7" s="781"/>
      <c r="F7" s="782"/>
      <c r="G7" s="180" t="s">
        <v>0</v>
      </c>
      <c r="H7" s="168" t="s">
        <v>242</v>
      </c>
      <c r="I7" s="168"/>
      <c r="J7" s="168"/>
      <c r="K7" s="168"/>
      <c r="L7" s="178" t="s">
        <v>0</v>
      </c>
      <c r="M7" s="168" t="s">
        <v>241</v>
      </c>
      <c r="N7" s="168"/>
      <c r="O7" s="168"/>
      <c r="P7" s="168"/>
      <c r="Q7" s="178" t="s">
        <v>0</v>
      </c>
      <c r="R7" s="168" t="s">
        <v>240</v>
      </c>
      <c r="S7" s="168"/>
      <c r="T7" s="168"/>
      <c r="U7" s="168"/>
      <c r="V7" s="168"/>
      <c r="W7" s="168"/>
      <c r="X7" s="168"/>
      <c r="Y7" s="168"/>
      <c r="Z7" s="167"/>
    </row>
    <row r="8" spans="2:26" ht="31.5" customHeight="1" x14ac:dyDescent="0.15">
      <c r="B8" s="780" t="s">
        <v>239</v>
      </c>
      <c r="C8" s="781"/>
      <c r="D8" s="781"/>
      <c r="E8" s="781"/>
      <c r="F8" s="782"/>
      <c r="G8" s="180" t="s">
        <v>0</v>
      </c>
      <c r="H8" s="181" t="s">
        <v>238</v>
      </c>
      <c r="I8" s="181"/>
      <c r="J8" s="181"/>
      <c r="K8" s="181"/>
      <c r="L8" s="181"/>
      <c r="M8" s="181"/>
      <c r="N8" s="181"/>
      <c r="O8" s="181"/>
      <c r="P8" s="178" t="s">
        <v>0</v>
      </c>
      <c r="Q8" s="181" t="s">
        <v>921</v>
      </c>
      <c r="R8" s="181"/>
      <c r="S8" s="366"/>
      <c r="T8" s="366"/>
      <c r="U8" s="366"/>
      <c r="V8" s="366"/>
      <c r="W8" s="366"/>
      <c r="X8" s="366"/>
      <c r="Y8" s="366"/>
      <c r="Z8" s="365"/>
    </row>
    <row r="9" spans="2:26" ht="20.100000000000001" customHeight="1" x14ac:dyDescent="0.15">
      <c r="B9" s="783" t="s">
        <v>318</v>
      </c>
      <c r="C9" s="784"/>
      <c r="D9" s="784"/>
      <c r="E9" s="784"/>
      <c r="F9" s="785"/>
      <c r="G9" s="178" t="s">
        <v>0</v>
      </c>
      <c r="H9" s="157" t="s">
        <v>920</v>
      </c>
      <c r="I9" s="157"/>
      <c r="J9" s="157"/>
      <c r="K9" s="157"/>
      <c r="L9" s="157"/>
      <c r="M9" s="157"/>
      <c r="N9" s="157"/>
      <c r="O9" s="157"/>
      <c r="P9" s="157"/>
      <c r="Q9" s="178" t="s">
        <v>0</v>
      </c>
      <c r="R9" s="157" t="s">
        <v>919</v>
      </c>
      <c r="S9" s="165"/>
      <c r="T9" s="165"/>
      <c r="U9" s="165"/>
      <c r="V9" s="165"/>
      <c r="W9" s="165"/>
      <c r="X9" s="165"/>
      <c r="Y9" s="165"/>
      <c r="Z9" s="164"/>
    </row>
    <row r="10" spans="2:26" ht="20.100000000000001" customHeight="1" x14ac:dyDescent="0.15">
      <c r="B10" s="786"/>
      <c r="C10" s="787"/>
      <c r="D10" s="787"/>
      <c r="E10" s="787"/>
      <c r="F10" s="788"/>
      <c r="G10" s="192" t="s">
        <v>0</v>
      </c>
      <c r="H10" s="172" t="s">
        <v>918</v>
      </c>
      <c r="I10" s="172"/>
      <c r="J10" s="172"/>
      <c r="K10" s="172"/>
      <c r="L10" s="172"/>
      <c r="M10" s="172"/>
      <c r="N10" s="172"/>
      <c r="O10" s="172"/>
      <c r="P10" s="172"/>
      <c r="Q10" s="191" t="s">
        <v>0</v>
      </c>
      <c r="R10" s="172" t="s">
        <v>917</v>
      </c>
      <c r="S10" s="190"/>
      <c r="T10" s="190"/>
      <c r="U10" s="190"/>
      <c r="V10" s="190"/>
      <c r="W10" s="190"/>
      <c r="X10" s="190"/>
      <c r="Y10" s="190"/>
      <c r="Z10" s="364"/>
    </row>
    <row r="11" spans="2:26" s="8" customFormat="1" x14ac:dyDescent="0.15"/>
    <row r="12" spans="2:26" s="8" customFormat="1" x14ac:dyDescent="0.15">
      <c r="B12" s="158"/>
      <c r="C12" s="157"/>
      <c r="D12" s="157"/>
      <c r="E12" s="157"/>
      <c r="F12" s="157"/>
      <c r="G12" s="157"/>
      <c r="H12" s="157"/>
      <c r="I12" s="157"/>
      <c r="J12" s="157"/>
      <c r="K12" s="157"/>
      <c r="L12" s="157"/>
      <c r="M12" s="157"/>
      <c r="N12" s="157"/>
      <c r="O12" s="157"/>
      <c r="P12" s="157"/>
      <c r="Q12" s="157"/>
      <c r="R12" s="157"/>
      <c r="S12" s="157"/>
      <c r="T12" s="157"/>
      <c r="U12" s="157"/>
      <c r="V12" s="157"/>
      <c r="W12" s="157"/>
      <c r="X12" s="157"/>
      <c r="Y12" s="157"/>
      <c r="Z12" s="156"/>
    </row>
    <row r="13" spans="2:26" s="8" customFormat="1" x14ac:dyDescent="0.15">
      <c r="B13" s="9" t="s">
        <v>916</v>
      </c>
      <c r="Z13" s="149"/>
    </row>
    <row r="14" spans="2:26" s="8" customFormat="1" x14ac:dyDescent="0.15">
      <c r="B14" s="9"/>
      <c r="Z14" s="149"/>
    </row>
    <row r="15" spans="2:26" s="8" customFormat="1" x14ac:dyDescent="0.15">
      <c r="B15" s="9"/>
      <c r="C15" s="8" t="s">
        <v>915</v>
      </c>
      <c r="Z15" s="149"/>
    </row>
    <row r="16" spans="2:26" s="8" customFormat="1" ht="6.75" customHeight="1" x14ac:dyDescent="0.15">
      <c r="B16" s="9"/>
      <c r="Z16" s="149"/>
    </row>
    <row r="17" spans="2:26" s="8" customFormat="1" ht="26.25" customHeight="1" x14ac:dyDescent="0.15">
      <c r="B17" s="9"/>
      <c r="C17" s="791" t="s">
        <v>898</v>
      </c>
      <c r="D17" s="792"/>
      <c r="E17" s="792"/>
      <c r="F17" s="792"/>
      <c r="G17" s="793"/>
      <c r="H17" s="780"/>
      <c r="I17" s="781"/>
      <c r="J17" s="781"/>
      <c r="K17" s="781"/>
      <c r="L17" s="781"/>
      <c r="M17" s="781"/>
      <c r="N17" s="176" t="s">
        <v>708</v>
      </c>
      <c r="P17" s="791" t="s">
        <v>914</v>
      </c>
      <c r="Q17" s="792"/>
      <c r="R17" s="792"/>
      <c r="S17" s="792"/>
      <c r="T17" s="793"/>
      <c r="U17" s="780"/>
      <c r="V17" s="781"/>
      <c r="W17" s="781"/>
      <c r="X17" s="781"/>
      <c r="Y17" s="176" t="s">
        <v>708</v>
      </c>
      <c r="Z17" s="149"/>
    </row>
    <row r="18" spans="2:26" s="8" customFormat="1" x14ac:dyDescent="0.15">
      <c r="B18" s="9"/>
      <c r="N18" s="18"/>
      <c r="Z18" s="149"/>
    </row>
    <row r="19" spans="2:26" s="8" customFormat="1" x14ac:dyDescent="0.15">
      <c r="B19" s="9"/>
      <c r="C19" s="8" t="s">
        <v>896</v>
      </c>
      <c r="Z19" s="149"/>
    </row>
    <row r="20" spans="2:26" s="8" customFormat="1" ht="6.75" customHeight="1" x14ac:dyDescent="0.15">
      <c r="B20" s="9"/>
      <c r="Z20" s="149"/>
    </row>
    <row r="21" spans="2:26" s="8" customFormat="1" ht="26.25" customHeight="1" x14ac:dyDescent="0.15">
      <c r="B21" s="9"/>
      <c r="C21" s="791" t="s">
        <v>913</v>
      </c>
      <c r="D21" s="792"/>
      <c r="E21" s="792"/>
      <c r="F21" s="792"/>
      <c r="G21" s="793"/>
      <c r="H21" s="791" t="s">
        <v>910</v>
      </c>
      <c r="I21" s="792"/>
      <c r="J21" s="792"/>
      <c r="K21" s="792"/>
      <c r="L21" s="781"/>
      <c r="M21" s="781"/>
      <c r="N21" s="176" t="s">
        <v>708</v>
      </c>
      <c r="O21" s="791" t="s">
        <v>909</v>
      </c>
      <c r="P21" s="792"/>
      <c r="Q21" s="792"/>
      <c r="R21" s="792"/>
      <c r="S21" s="781"/>
      <c r="T21" s="781"/>
      <c r="U21" s="176" t="s">
        <v>708</v>
      </c>
      <c r="Z21" s="149"/>
    </row>
    <row r="22" spans="2:26" s="8" customFormat="1" ht="26.25" customHeight="1" x14ac:dyDescent="0.15">
      <c r="B22" s="9"/>
      <c r="C22" s="791" t="s">
        <v>912</v>
      </c>
      <c r="D22" s="792"/>
      <c r="E22" s="792"/>
      <c r="F22" s="792"/>
      <c r="G22" s="793"/>
      <c r="H22" s="791" t="s">
        <v>910</v>
      </c>
      <c r="I22" s="792"/>
      <c r="J22" s="792"/>
      <c r="K22" s="792"/>
      <c r="L22" s="781"/>
      <c r="M22" s="781"/>
      <c r="N22" s="176" t="s">
        <v>708</v>
      </c>
      <c r="O22" s="791" t="s">
        <v>909</v>
      </c>
      <c r="P22" s="792"/>
      <c r="Q22" s="792"/>
      <c r="R22" s="792"/>
      <c r="S22" s="781"/>
      <c r="T22" s="781"/>
      <c r="U22" s="176" t="s">
        <v>708</v>
      </c>
      <c r="Z22" s="149"/>
    </row>
    <row r="23" spans="2:26" s="8" customFormat="1" ht="26.25" customHeight="1" x14ac:dyDescent="0.15">
      <c r="B23" s="9"/>
      <c r="C23" s="791" t="s">
        <v>911</v>
      </c>
      <c r="D23" s="792"/>
      <c r="E23" s="792"/>
      <c r="F23" s="792"/>
      <c r="G23" s="793"/>
      <c r="H23" s="791" t="s">
        <v>910</v>
      </c>
      <c r="I23" s="792"/>
      <c r="J23" s="792"/>
      <c r="K23" s="792"/>
      <c r="L23" s="781"/>
      <c r="M23" s="781"/>
      <c r="N23" s="176" t="s">
        <v>708</v>
      </c>
      <c r="O23" s="791" t="s">
        <v>909</v>
      </c>
      <c r="P23" s="792"/>
      <c r="Q23" s="792"/>
      <c r="R23" s="792"/>
      <c r="S23" s="781"/>
      <c r="T23" s="781"/>
      <c r="U23" s="176" t="s">
        <v>708</v>
      </c>
      <c r="Z23" s="149"/>
    </row>
    <row r="24" spans="2:26" s="8" customFormat="1" x14ac:dyDescent="0.15">
      <c r="B24" s="9"/>
      <c r="L24" s="18"/>
      <c r="Q24" s="18"/>
      <c r="V24" s="18"/>
      <c r="Z24" s="149"/>
    </row>
    <row r="25" spans="2:26" s="8" customFormat="1" x14ac:dyDescent="0.15">
      <c r="B25" s="9"/>
      <c r="C25" s="8" t="s">
        <v>891</v>
      </c>
      <c r="Z25" s="149"/>
    </row>
    <row r="26" spans="2:26" s="8" customFormat="1" ht="4.5" customHeight="1" x14ac:dyDescent="0.15">
      <c r="B26" s="9"/>
      <c r="Z26" s="149"/>
    </row>
    <row r="27" spans="2:26" s="8" customFormat="1" ht="24" customHeight="1" x14ac:dyDescent="0.15">
      <c r="B27" s="9"/>
      <c r="C27" s="780" t="s">
        <v>890</v>
      </c>
      <c r="D27" s="781"/>
      <c r="E27" s="781"/>
      <c r="F27" s="781"/>
      <c r="G27" s="781"/>
      <c r="H27" s="781"/>
      <c r="I27" s="781"/>
      <c r="J27" s="781"/>
      <c r="K27" s="781"/>
      <c r="L27" s="781"/>
      <c r="M27" s="781"/>
      <c r="N27" s="781"/>
      <c r="O27" s="782"/>
      <c r="P27" s="780" t="s">
        <v>57</v>
      </c>
      <c r="Q27" s="781"/>
      <c r="R27" s="781"/>
      <c r="S27" s="781"/>
      <c r="T27" s="781"/>
      <c r="U27" s="781"/>
      <c r="V27" s="781"/>
      <c r="W27" s="781"/>
      <c r="X27" s="781"/>
      <c r="Y27" s="782"/>
      <c r="Z27" s="174"/>
    </row>
    <row r="28" spans="2:26" s="8" customFormat="1" ht="21" customHeight="1" x14ac:dyDescent="0.15">
      <c r="B28" s="9"/>
      <c r="C28" s="791"/>
      <c r="D28" s="792"/>
      <c r="E28" s="792"/>
      <c r="F28" s="792"/>
      <c r="G28" s="792"/>
      <c r="H28" s="792"/>
      <c r="I28" s="792"/>
      <c r="J28" s="792"/>
      <c r="K28" s="792"/>
      <c r="L28" s="792"/>
      <c r="M28" s="792"/>
      <c r="N28" s="792"/>
      <c r="O28" s="793"/>
      <c r="P28" s="791"/>
      <c r="Q28" s="792"/>
      <c r="R28" s="792"/>
      <c r="S28" s="792"/>
      <c r="T28" s="792"/>
      <c r="U28" s="792"/>
      <c r="V28" s="792"/>
      <c r="W28" s="792"/>
      <c r="X28" s="792"/>
      <c r="Y28" s="793"/>
      <c r="Z28" s="149"/>
    </row>
    <row r="29" spans="2:26" s="8" customFormat="1" ht="21" customHeight="1" x14ac:dyDescent="0.15">
      <c r="B29" s="9"/>
      <c r="C29" s="791"/>
      <c r="D29" s="792"/>
      <c r="E29" s="792"/>
      <c r="F29" s="792"/>
      <c r="G29" s="792"/>
      <c r="H29" s="792"/>
      <c r="I29" s="792"/>
      <c r="J29" s="792"/>
      <c r="K29" s="792"/>
      <c r="L29" s="792"/>
      <c r="M29" s="792"/>
      <c r="N29" s="792"/>
      <c r="O29" s="793"/>
      <c r="P29" s="791"/>
      <c r="Q29" s="792"/>
      <c r="R29" s="792"/>
      <c r="S29" s="792"/>
      <c r="T29" s="792"/>
      <c r="U29" s="792"/>
      <c r="V29" s="792"/>
      <c r="W29" s="792"/>
      <c r="X29" s="792"/>
      <c r="Y29" s="793"/>
      <c r="Z29" s="149"/>
    </row>
    <row r="30" spans="2:26" s="8" customFormat="1" ht="21" customHeight="1" x14ac:dyDescent="0.15">
      <c r="B30" s="9"/>
      <c r="C30" s="791"/>
      <c r="D30" s="792"/>
      <c r="E30" s="792"/>
      <c r="F30" s="792"/>
      <c r="G30" s="792"/>
      <c r="H30" s="792"/>
      <c r="I30" s="792"/>
      <c r="J30" s="792"/>
      <c r="K30" s="792"/>
      <c r="L30" s="792"/>
      <c r="M30" s="792"/>
      <c r="N30" s="792"/>
      <c r="O30" s="793"/>
      <c r="P30" s="791"/>
      <c r="Q30" s="792"/>
      <c r="R30" s="792"/>
      <c r="S30" s="792"/>
      <c r="T30" s="792"/>
      <c r="U30" s="792"/>
      <c r="V30" s="792"/>
      <c r="W30" s="792"/>
      <c r="X30" s="792"/>
      <c r="Y30" s="793"/>
      <c r="Z30" s="149"/>
    </row>
    <row r="31" spans="2:26" s="8" customFormat="1" ht="21" customHeight="1" x14ac:dyDescent="0.15">
      <c r="B31" s="9"/>
      <c r="C31" s="791"/>
      <c r="D31" s="792"/>
      <c r="E31" s="792"/>
      <c r="F31" s="792"/>
      <c r="G31" s="792"/>
      <c r="H31" s="792"/>
      <c r="I31" s="792"/>
      <c r="J31" s="792"/>
      <c r="K31" s="792"/>
      <c r="L31" s="792"/>
      <c r="M31" s="792"/>
      <c r="N31" s="792"/>
      <c r="O31" s="793"/>
      <c r="P31" s="791"/>
      <c r="Q31" s="792"/>
      <c r="R31" s="792"/>
      <c r="S31" s="792"/>
      <c r="T31" s="792"/>
      <c r="U31" s="792"/>
      <c r="V31" s="792"/>
      <c r="W31" s="792"/>
      <c r="X31" s="792"/>
      <c r="Y31" s="793"/>
      <c r="Z31" s="149"/>
    </row>
    <row r="32" spans="2:26" s="8" customFormat="1" ht="21" customHeight="1" x14ac:dyDescent="0.15">
      <c r="B32" s="9"/>
      <c r="C32" s="791"/>
      <c r="D32" s="792"/>
      <c r="E32" s="792"/>
      <c r="F32" s="792"/>
      <c r="G32" s="792"/>
      <c r="H32" s="792"/>
      <c r="I32" s="792"/>
      <c r="J32" s="792"/>
      <c r="K32" s="792"/>
      <c r="L32" s="792"/>
      <c r="M32" s="792"/>
      <c r="N32" s="792"/>
      <c r="O32" s="793"/>
      <c r="P32" s="791"/>
      <c r="Q32" s="792"/>
      <c r="R32" s="792"/>
      <c r="S32" s="792"/>
      <c r="T32" s="792"/>
      <c r="U32" s="792"/>
      <c r="V32" s="792"/>
      <c r="W32" s="792"/>
      <c r="X32" s="792"/>
      <c r="Y32" s="793"/>
      <c r="Z32" s="149"/>
    </row>
    <row r="33" spans="2:26" s="8" customFormat="1" ht="21" customHeight="1" x14ac:dyDescent="0.15">
      <c r="B33" s="9"/>
      <c r="C33" s="143"/>
      <c r="D33" s="143"/>
      <c r="E33" s="143"/>
      <c r="F33" s="143"/>
      <c r="G33" s="143"/>
      <c r="H33" s="143"/>
      <c r="I33" s="143"/>
      <c r="J33" s="143"/>
      <c r="K33" s="143"/>
      <c r="L33" s="143"/>
      <c r="M33" s="143"/>
      <c r="N33" s="143"/>
      <c r="O33" s="143"/>
      <c r="P33" s="172"/>
      <c r="Q33" s="172"/>
      <c r="R33" s="172"/>
      <c r="S33" s="172"/>
      <c r="T33" s="172"/>
      <c r="U33" s="172"/>
      <c r="V33" s="172"/>
      <c r="W33" s="172"/>
      <c r="X33" s="172"/>
      <c r="Y33" s="172"/>
      <c r="Z33" s="149"/>
    </row>
    <row r="34" spans="2:26" s="8" customFormat="1" ht="21" customHeight="1" x14ac:dyDescent="0.15">
      <c r="B34" s="9"/>
      <c r="C34" s="906" t="s">
        <v>889</v>
      </c>
      <c r="D34" s="907"/>
      <c r="E34" s="907"/>
      <c r="F34" s="907"/>
      <c r="G34" s="907"/>
      <c r="H34" s="907"/>
      <c r="I34" s="907"/>
      <c r="J34" s="907"/>
      <c r="K34" s="907"/>
      <c r="L34" s="907"/>
      <c r="M34" s="907"/>
      <c r="N34" s="907"/>
      <c r="O34" s="907"/>
      <c r="P34" s="907"/>
      <c r="Q34" s="907"/>
      <c r="R34" s="907"/>
      <c r="S34" s="907"/>
      <c r="T34" s="907"/>
      <c r="U34" s="907"/>
      <c r="V34" s="908"/>
      <c r="W34" s="361" t="s">
        <v>227</v>
      </c>
      <c r="X34" s="278" t="s">
        <v>217</v>
      </c>
      <c r="Y34" s="360" t="s">
        <v>226</v>
      </c>
      <c r="Z34" s="149"/>
    </row>
    <row r="35" spans="2:26" s="8" customFormat="1" ht="21" customHeight="1" x14ac:dyDescent="0.15">
      <c r="B35" s="9"/>
      <c r="C35" s="909"/>
      <c r="D35" s="910"/>
      <c r="E35" s="910"/>
      <c r="F35" s="910"/>
      <c r="G35" s="910"/>
      <c r="H35" s="910"/>
      <c r="I35" s="910"/>
      <c r="J35" s="910"/>
      <c r="K35" s="910"/>
      <c r="L35" s="910"/>
      <c r="M35" s="910"/>
      <c r="N35" s="910"/>
      <c r="O35" s="910"/>
      <c r="P35" s="910"/>
      <c r="Q35" s="910"/>
      <c r="R35" s="910"/>
      <c r="S35" s="910"/>
      <c r="T35" s="910"/>
      <c r="U35" s="910"/>
      <c r="V35" s="911"/>
      <c r="W35" s="192" t="s">
        <v>0</v>
      </c>
      <c r="X35" s="191" t="s">
        <v>217</v>
      </c>
      <c r="Y35" s="363" t="s">
        <v>0</v>
      </c>
      <c r="Z35" s="149"/>
    </row>
    <row r="36" spans="2:26" s="8" customFormat="1" x14ac:dyDescent="0.15">
      <c r="B36" s="173"/>
      <c r="C36" s="172"/>
      <c r="D36" s="172"/>
      <c r="E36" s="172"/>
      <c r="F36" s="172"/>
      <c r="G36" s="172"/>
      <c r="H36" s="172"/>
      <c r="I36" s="172"/>
      <c r="J36" s="172"/>
      <c r="K36" s="172"/>
      <c r="L36" s="172"/>
      <c r="M36" s="172"/>
      <c r="N36" s="172"/>
      <c r="O36" s="172"/>
      <c r="P36" s="172"/>
      <c r="Q36" s="172"/>
      <c r="R36" s="172"/>
      <c r="S36" s="172"/>
      <c r="T36" s="172"/>
      <c r="U36" s="172"/>
      <c r="V36" s="172"/>
      <c r="W36" s="172"/>
      <c r="X36" s="172"/>
      <c r="Y36" s="172"/>
      <c r="Z36" s="171"/>
    </row>
    <row r="37" spans="2:26" s="8" customFormat="1" x14ac:dyDescent="0.15"/>
    <row r="38" spans="2:26" s="8" customFormat="1" x14ac:dyDescent="0.15"/>
  </sheetData>
  <mergeCells count="38">
    <mergeCell ref="B9:F10"/>
    <mergeCell ref="B4:Z4"/>
    <mergeCell ref="B6:F6"/>
    <mergeCell ref="G6:Z6"/>
    <mergeCell ref="B7:F7"/>
    <mergeCell ref="B8:F8"/>
    <mergeCell ref="C17:G17"/>
    <mergeCell ref="H17:M17"/>
    <mergeCell ref="P17:T17"/>
    <mergeCell ref="U17:X17"/>
    <mergeCell ref="C21:G21"/>
    <mergeCell ref="H21:K21"/>
    <mergeCell ref="L21:M21"/>
    <mergeCell ref="O21:R21"/>
    <mergeCell ref="S21:T21"/>
    <mergeCell ref="C22:G22"/>
    <mergeCell ref="H22:K22"/>
    <mergeCell ref="L22:M22"/>
    <mergeCell ref="O22:R22"/>
    <mergeCell ref="S22:T22"/>
    <mergeCell ref="C23:G23"/>
    <mergeCell ref="H23:K23"/>
    <mergeCell ref="L23:M23"/>
    <mergeCell ref="O23:R23"/>
    <mergeCell ref="S23:T23"/>
    <mergeCell ref="C27:O27"/>
    <mergeCell ref="P27:Y27"/>
    <mergeCell ref="C28:O28"/>
    <mergeCell ref="P28:Y28"/>
    <mergeCell ref="C29:O29"/>
    <mergeCell ref="P29:Y29"/>
    <mergeCell ref="C34:V35"/>
    <mergeCell ref="C30:O30"/>
    <mergeCell ref="P30:Y30"/>
    <mergeCell ref="C31:O31"/>
    <mergeCell ref="P31:Y31"/>
    <mergeCell ref="C32:O32"/>
    <mergeCell ref="P32:Y32"/>
  </mergeCells>
  <phoneticPr fontId="2"/>
  <dataValidations count="1">
    <dataValidation type="list" allowBlank="1" showInputMessage="1" showErrorMessage="1" sqref="G7:G10 L7 Q7 P8 Q9:Q10 W35 Y35">
      <formula1>"□,■"</formula1>
    </dataValidation>
  </dataValidations>
  <pageMargins left="0.7" right="0.7" top="0.75" bottom="0.75" header="0.3" footer="0.3"/>
  <pageSetup paperSize="9" orientation="portrait" r:id="rId1"/>
</worksheet>
</file>

<file path=xl/worksheets/sheet3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AA21"/>
  <sheetViews>
    <sheetView zoomScaleNormal="100" workbookViewId="0">
      <selection activeCell="C87" sqref="C87"/>
    </sheetView>
  </sheetViews>
  <sheetFormatPr defaultColWidth="4" defaultRowHeight="13.5" x14ac:dyDescent="0.15"/>
  <cols>
    <col min="1" max="1" width="1.5" style="8" customWidth="1"/>
    <col min="2" max="2" width="3.125" style="8" customWidth="1"/>
    <col min="3" max="3" width="1.125" style="8" customWidth="1"/>
    <col min="4" max="19" width="4" style="8"/>
    <col min="20" max="20" width="3.125" style="8" customWidth="1"/>
    <col min="21" max="21" width="2.375" style="8" customWidth="1"/>
    <col min="22" max="22" width="4" style="8"/>
    <col min="23" max="23" width="2.25" style="8" customWidth="1"/>
    <col min="24" max="24" width="4" style="8"/>
    <col min="25" max="25" width="2.375" style="8" customWidth="1"/>
    <col min="26" max="26" width="1.5" style="8" customWidth="1"/>
    <col min="27" max="16384" width="4" style="8"/>
  </cols>
  <sheetData>
    <row r="2" spans="2:27" x14ac:dyDescent="0.15">
      <c r="B2" s="8" t="s">
        <v>932</v>
      </c>
      <c r="C2"/>
      <c r="D2"/>
      <c r="E2"/>
      <c r="F2"/>
      <c r="G2"/>
      <c r="H2"/>
      <c r="I2"/>
      <c r="J2"/>
      <c r="K2"/>
      <c r="L2"/>
      <c r="M2"/>
      <c r="N2"/>
      <c r="O2"/>
      <c r="P2"/>
      <c r="Q2"/>
      <c r="R2"/>
      <c r="S2"/>
      <c r="T2"/>
      <c r="U2"/>
      <c r="V2"/>
      <c r="W2"/>
      <c r="X2"/>
      <c r="Y2"/>
    </row>
    <row r="4" spans="2:27" ht="34.5" customHeight="1" x14ac:dyDescent="0.15">
      <c r="B4" s="807" t="s">
        <v>931</v>
      </c>
      <c r="C4" s="778"/>
      <c r="D4" s="778"/>
      <c r="E4" s="778"/>
      <c r="F4" s="778"/>
      <c r="G4" s="778"/>
      <c r="H4" s="778"/>
      <c r="I4" s="778"/>
      <c r="J4" s="778"/>
      <c r="K4" s="778"/>
      <c r="L4" s="778"/>
      <c r="M4" s="778"/>
      <c r="N4" s="778"/>
      <c r="O4" s="778"/>
      <c r="P4" s="778"/>
      <c r="Q4" s="778"/>
      <c r="R4" s="778"/>
      <c r="S4" s="778"/>
      <c r="T4" s="778"/>
      <c r="U4" s="778"/>
      <c r="V4" s="778"/>
      <c r="W4" s="778"/>
      <c r="X4" s="778"/>
      <c r="Y4" s="778"/>
    </row>
    <row r="5" spans="2:27" ht="13.5" customHeight="1" x14ac:dyDescent="0.15"/>
    <row r="6" spans="2:27" ht="24" customHeight="1" x14ac:dyDescent="0.15">
      <c r="B6" s="790" t="s">
        <v>531</v>
      </c>
      <c r="C6" s="790"/>
      <c r="D6" s="790"/>
      <c r="E6" s="790"/>
      <c r="F6" s="790"/>
      <c r="G6" s="791"/>
      <c r="H6" s="792"/>
      <c r="I6" s="792"/>
      <c r="J6" s="792"/>
      <c r="K6" s="792"/>
      <c r="L6" s="792"/>
      <c r="M6" s="792"/>
      <c r="N6" s="792"/>
      <c r="O6" s="792"/>
      <c r="P6" s="792"/>
      <c r="Q6" s="792"/>
      <c r="R6" s="792"/>
      <c r="S6" s="792"/>
      <c r="T6" s="792"/>
      <c r="U6" s="792"/>
      <c r="V6" s="792"/>
      <c r="W6" s="792"/>
      <c r="X6" s="792"/>
      <c r="Y6" s="793"/>
    </row>
    <row r="7" spans="2:27" ht="24" customHeight="1" x14ac:dyDescent="0.15">
      <c r="B7" s="790" t="s">
        <v>481</v>
      </c>
      <c r="C7" s="790"/>
      <c r="D7" s="790"/>
      <c r="E7" s="790"/>
      <c r="F7" s="790"/>
      <c r="G7" s="169" t="s">
        <v>0</v>
      </c>
      <c r="H7" s="168" t="s">
        <v>242</v>
      </c>
      <c r="I7" s="168"/>
      <c r="J7" s="168"/>
      <c r="K7" s="168"/>
      <c r="L7" s="177" t="s">
        <v>0</v>
      </c>
      <c r="M7" s="168" t="s">
        <v>241</v>
      </c>
      <c r="N7" s="168"/>
      <c r="O7" s="168"/>
      <c r="P7" s="168"/>
      <c r="Q7" s="177" t="s">
        <v>0</v>
      </c>
      <c r="R7" s="168" t="s">
        <v>240</v>
      </c>
      <c r="S7" s="168"/>
      <c r="T7" s="168"/>
      <c r="U7" s="168"/>
      <c r="V7" s="168"/>
      <c r="W7" s="181"/>
      <c r="X7" s="181"/>
      <c r="Y7" s="197"/>
    </row>
    <row r="8" spans="2:27" ht="13.5" customHeight="1" x14ac:dyDescent="0.15"/>
    <row r="9" spans="2:27" ht="12.95" customHeight="1" x14ac:dyDescent="0.15">
      <c r="B9" s="158"/>
      <c r="C9" s="157"/>
      <c r="D9" s="157"/>
      <c r="E9" s="157"/>
      <c r="F9" s="157"/>
      <c r="G9" s="157"/>
      <c r="H9" s="157"/>
      <c r="I9" s="157"/>
      <c r="J9" s="157"/>
      <c r="K9" s="157"/>
      <c r="L9" s="157"/>
      <c r="M9" s="157"/>
      <c r="N9" s="157"/>
      <c r="O9" s="157"/>
      <c r="P9" s="157"/>
      <c r="Q9" s="157"/>
      <c r="R9" s="157"/>
      <c r="S9" s="157"/>
      <c r="T9" s="156"/>
      <c r="U9" s="157"/>
      <c r="V9" s="157"/>
      <c r="W9" s="157"/>
      <c r="X9" s="157"/>
      <c r="Y9" s="156"/>
      <c r="Z9"/>
      <c r="AA9"/>
    </row>
    <row r="10" spans="2:27" ht="17.100000000000001" customHeight="1" x14ac:dyDescent="0.15">
      <c r="B10" s="343" t="s">
        <v>930</v>
      </c>
      <c r="C10" s="342"/>
      <c r="T10" s="149"/>
      <c r="V10" s="152" t="s">
        <v>227</v>
      </c>
      <c r="W10" s="152" t="s">
        <v>217</v>
      </c>
      <c r="X10" s="152" t="s">
        <v>226</v>
      </c>
      <c r="Y10" s="149"/>
      <c r="Z10"/>
      <c r="AA10"/>
    </row>
    <row r="11" spans="2:27" ht="17.100000000000001" customHeight="1" x14ac:dyDescent="0.15">
      <c r="B11" s="9"/>
      <c r="T11" s="149"/>
      <c r="Y11" s="149"/>
      <c r="Z11"/>
      <c r="AA11"/>
    </row>
    <row r="12" spans="2:27" ht="21.95" customHeight="1" x14ac:dyDescent="0.15">
      <c r="B12" s="9"/>
      <c r="C12" s="1069" t="s">
        <v>279</v>
      </c>
      <c r="D12" s="1070"/>
      <c r="E12" s="804" t="s">
        <v>929</v>
      </c>
      <c r="F12" s="804"/>
      <c r="G12" s="804"/>
      <c r="H12" s="804"/>
      <c r="I12" s="804"/>
      <c r="J12" s="804"/>
      <c r="K12" s="804"/>
      <c r="L12" s="804"/>
      <c r="M12" s="804"/>
      <c r="N12" s="804"/>
      <c r="O12" s="804"/>
      <c r="P12" s="804"/>
      <c r="Q12" s="804"/>
      <c r="R12" s="804"/>
      <c r="S12" s="804"/>
      <c r="T12" s="149"/>
      <c r="V12" s="18" t="s">
        <v>0</v>
      </c>
      <c r="W12" s="18" t="s">
        <v>217</v>
      </c>
      <c r="X12" s="18" t="s">
        <v>0</v>
      </c>
      <c r="Y12" s="149"/>
      <c r="Z12"/>
      <c r="AA12"/>
    </row>
    <row r="13" spans="2:27" ht="38.1" customHeight="1" x14ac:dyDescent="0.15">
      <c r="B13" s="9"/>
      <c r="C13" s="1069" t="s">
        <v>277</v>
      </c>
      <c r="D13" s="1070"/>
      <c r="E13" s="940" t="s">
        <v>928</v>
      </c>
      <c r="F13" s="779"/>
      <c r="G13" s="779"/>
      <c r="H13" s="779"/>
      <c r="I13" s="779"/>
      <c r="J13" s="779"/>
      <c r="K13" s="779"/>
      <c r="L13" s="779"/>
      <c r="M13" s="779"/>
      <c r="N13" s="779"/>
      <c r="O13" s="779"/>
      <c r="P13" s="779"/>
      <c r="Q13" s="779"/>
      <c r="R13" s="779"/>
      <c r="S13" s="941"/>
      <c r="T13" s="149"/>
      <c r="V13" s="18" t="s">
        <v>0</v>
      </c>
      <c r="W13" s="18" t="s">
        <v>217</v>
      </c>
      <c r="X13" s="18" t="s">
        <v>0</v>
      </c>
      <c r="Y13" s="149"/>
      <c r="Z13"/>
      <c r="AA13"/>
    </row>
    <row r="14" spans="2:27" ht="49.5" customHeight="1" x14ac:dyDescent="0.15">
      <c r="B14" s="9"/>
      <c r="C14" s="1069" t="s">
        <v>293</v>
      </c>
      <c r="D14" s="1070"/>
      <c r="E14" s="940" t="s">
        <v>927</v>
      </c>
      <c r="F14" s="779"/>
      <c r="G14" s="779"/>
      <c r="H14" s="779"/>
      <c r="I14" s="779"/>
      <c r="J14" s="779"/>
      <c r="K14" s="779"/>
      <c r="L14" s="779"/>
      <c r="M14" s="779"/>
      <c r="N14" s="779"/>
      <c r="O14" s="779"/>
      <c r="P14" s="779"/>
      <c r="Q14" s="779"/>
      <c r="R14" s="779"/>
      <c r="S14" s="941"/>
      <c r="T14" s="149"/>
      <c r="V14" s="18" t="s">
        <v>0</v>
      </c>
      <c r="W14" s="18" t="s">
        <v>217</v>
      </c>
      <c r="X14" s="18" t="s">
        <v>0</v>
      </c>
      <c r="Y14" s="149"/>
      <c r="Z14"/>
      <c r="AA14"/>
    </row>
    <row r="15" spans="2:27" ht="49.5" customHeight="1" x14ac:dyDescent="0.15">
      <c r="B15" s="9"/>
      <c r="C15" s="1069" t="s">
        <v>513</v>
      </c>
      <c r="D15" s="1070"/>
      <c r="E15" s="940" t="s">
        <v>926</v>
      </c>
      <c r="F15" s="779"/>
      <c r="G15" s="779"/>
      <c r="H15" s="779"/>
      <c r="I15" s="779"/>
      <c r="J15" s="779"/>
      <c r="K15" s="779"/>
      <c r="L15" s="779"/>
      <c r="M15" s="779"/>
      <c r="N15" s="779"/>
      <c r="O15" s="779"/>
      <c r="P15" s="779"/>
      <c r="Q15" s="779"/>
      <c r="R15" s="779"/>
      <c r="S15" s="941"/>
      <c r="T15" s="149"/>
      <c r="V15" s="18" t="s">
        <v>0</v>
      </c>
      <c r="W15" s="18" t="s">
        <v>217</v>
      </c>
      <c r="X15" s="18" t="s">
        <v>0</v>
      </c>
      <c r="Y15" s="149"/>
      <c r="Z15"/>
      <c r="AA15"/>
    </row>
    <row r="16" spans="2:27" ht="174.75" customHeight="1" x14ac:dyDescent="0.15">
      <c r="B16" s="9"/>
      <c r="C16" s="1069" t="s">
        <v>511</v>
      </c>
      <c r="D16" s="1070"/>
      <c r="E16" s="940" t="s">
        <v>925</v>
      </c>
      <c r="F16" s="779"/>
      <c r="G16" s="779"/>
      <c r="H16" s="779"/>
      <c r="I16" s="779"/>
      <c r="J16" s="779"/>
      <c r="K16" s="779"/>
      <c r="L16" s="779"/>
      <c r="M16" s="779"/>
      <c r="N16" s="779"/>
      <c r="O16" s="779"/>
      <c r="P16" s="779"/>
      <c r="Q16" s="779"/>
      <c r="R16" s="779"/>
      <c r="S16" s="941"/>
      <c r="T16" s="149"/>
      <c r="V16" s="18" t="s">
        <v>0</v>
      </c>
      <c r="W16" s="18" t="s">
        <v>217</v>
      </c>
      <c r="X16" s="18" t="s">
        <v>0</v>
      </c>
      <c r="Y16" s="149"/>
      <c r="Z16"/>
      <c r="AA16"/>
    </row>
    <row r="17" spans="2:27" ht="21.95" customHeight="1" x14ac:dyDescent="0.15">
      <c r="B17" s="9"/>
      <c r="C17" s="1069" t="s">
        <v>509</v>
      </c>
      <c r="D17" s="1070"/>
      <c r="E17" s="940" t="s">
        <v>924</v>
      </c>
      <c r="F17" s="779"/>
      <c r="G17" s="779"/>
      <c r="H17" s="779"/>
      <c r="I17" s="779"/>
      <c r="J17" s="779"/>
      <c r="K17" s="779"/>
      <c r="L17" s="779"/>
      <c r="M17" s="779"/>
      <c r="N17" s="779"/>
      <c r="O17" s="779"/>
      <c r="P17" s="779"/>
      <c r="Q17" s="779"/>
      <c r="R17" s="779"/>
      <c r="S17" s="941"/>
      <c r="T17" s="149"/>
      <c r="V17" s="18" t="s">
        <v>0</v>
      </c>
      <c r="W17" s="18" t="s">
        <v>217</v>
      </c>
      <c r="X17" s="18" t="s">
        <v>0</v>
      </c>
      <c r="Y17" s="149"/>
      <c r="Z17"/>
      <c r="AA17"/>
    </row>
    <row r="18" spans="2:27" ht="12.95" customHeight="1" x14ac:dyDescent="0.15">
      <c r="B18" s="173"/>
      <c r="C18" s="172"/>
      <c r="D18" s="172"/>
      <c r="E18" s="172"/>
      <c r="F18" s="172"/>
      <c r="G18" s="172"/>
      <c r="H18" s="172"/>
      <c r="I18" s="172"/>
      <c r="J18" s="172"/>
      <c r="K18" s="172"/>
      <c r="L18" s="172"/>
      <c r="M18" s="172"/>
      <c r="N18" s="172"/>
      <c r="O18" s="172"/>
      <c r="P18" s="172"/>
      <c r="Q18" s="172"/>
      <c r="R18" s="172"/>
      <c r="S18" s="172"/>
      <c r="T18" s="171"/>
      <c r="U18" s="172"/>
      <c r="V18" s="172"/>
      <c r="W18" s="172"/>
      <c r="X18" s="172"/>
      <c r="Y18" s="171"/>
    </row>
    <row r="20" spans="2:27" x14ac:dyDescent="0.15">
      <c r="B20" s="8" t="s">
        <v>507</v>
      </c>
    </row>
    <row r="21" spans="2:27" x14ac:dyDescent="0.15">
      <c r="B21" s="8" t="s">
        <v>506</v>
      </c>
      <c r="K21"/>
      <c r="L21"/>
      <c r="M21"/>
      <c r="N21"/>
      <c r="O21"/>
      <c r="P21"/>
      <c r="Q21"/>
      <c r="R21"/>
      <c r="S21"/>
      <c r="T21"/>
      <c r="U21"/>
      <c r="V21"/>
      <c r="W21"/>
      <c r="X21"/>
      <c r="Y21"/>
      <c r="Z21"/>
      <c r="AA21"/>
    </row>
  </sheetData>
  <mergeCells count="16">
    <mergeCell ref="B4:Y4"/>
    <mergeCell ref="B6:F6"/>
    <mergeCell ref="G6:Y6"/>
    <mergeCell ref="B7:F7"/>
    <mergeCell ref="C12:D12"/>
    <mergeCell ref="E12:S12"/>
    <mergeCell ref="C16:D16"/>
    <mergeCell ref="E16:S16"/>
    <mergeCell ref="C17:D17"/>
    <mergeCell ref="E17:S17"/>
    <mergeCell ref="C13:D13"/>
    <mergeCell ref="E13:S13"/>
    <mergeCell ref="C14:D14"/>
    <mergeCell ref="E14:S14"/>
    <mergeCell ref="C15:D15"/>
    <mergeCell ref="E15:S15"/>
  </mergeCells>
  <phoneticPr fontId="2"/>
  <dataValidations count="1">
    <dataValidation type="list" allowBlank="1" showInputMessage="1" showErrorMessage="1" sqref="V12:V17 X12:X17 L7 Q7 G7">
      <formula1>"□,■"</formula1>
    </dataValidation>
  </dataValidations>
  <pageMargins left="0.7" right="0.7" top="0.75" bottom="0.75" header="0.3" footer="0.3"/>
  <pageSetup paperSize="9" orientation="portrait" r:id="rId1"/>
</worksheet>
</file>

<file path=xl/worksheets/sheet3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F69"/>
  <sheetViews>
    <sheetView zoomScaleNormal="100" zoomScaleSheetLayoutView="70" workbookViewId="0">
      <selection activeCell="C87" sqref="C87"/>
    </sheetView>
  </sheetViews>
  <sheetFormatPr defaultColWidth="3.5" defaultRowHeight="13.5" x14ac:dyDescent="0.15"/>
  <cols>
    <col min="1" max="1" width="1" style="3" customWidth="1"/>
    <col min="2" max="2" width="3" style="140" customWidth="1"/>
    <col min="3" max="7" width="3.5" style="3"/>
    <col min="8" max="8" width="2.5" style="3" customWidth="1"/>
    <col min="9" max="19" width="3.5" style="3"/>
    <col min="20" max="22" width="4.25" style="3" customWidth="1"/>
    <col min="23" max="23" width="3.5" style="3"/>
    <col min="24" max="24" width="3.625" style="3" customWidth="1"/>
    <col min="25" max="29" width="3.5" style="3"/>
    <col min="30" max="30" width="0.875" style="3" customWidth="1"/>
    <col min="31" max="16384" width="3.5" style="3"/>
  </cols>
  <sheetData>
    <row r="1" spans="2:29" s="8" customFormat="1" x14ac:dyDescent="0.15"/>
    <row r="2" spans="2:29" s="8" customFormat="1" x14ac:dyDescent="0.15">
      <c r="B2" s="8" t="s">
        <v>956</v>
      </c>
      <c r="W2" s="17" t="s">
        <v>12</v>
      </c>
      <c r="X2" s="18"/>
      <c r="Y2" s="18" t="s">
        <v>11</v>
      </c>
      <c r="Z2" s="18"/>
      <c r="AA2" s="18" t="s">
        <v>10</v>
      </c>
      <c r="AB2" s="18"/>
      <c r="AC2" s="18" t="s">
        <v>20</v>
      </c>
    </row>
    <row r="3" spans="2:29" s="8" customFormat="1" ht="6.75" customHeight="1" x14ac:dyDescent="0.15"/>
    <row r="4" spans="2:29" s="8" customFormat="1" x14ac:dyDescent="0.15">
      <c r="B4" s="778" t="s">
        <v>955</v>
      </c>
      <c r="C4" s="778"/>
      <c r="D4" s="778"/>
      <c r="E4" s="778"/>
      <c r="F4" s="778"/>
      <c r="G4" s="778"/>
      <c r="H4" s="778"/>
      <c r="I4" s="778"/>
      <c r="J4" s="778"/>
      <c r="K4" s="778"/>
      <c r="L4" s="778"/>
      <c r="M4" s="778"/>
      <c r="N4" s="778"/>
      <c r="O4" s="778"/>
      <c r="P4" s="778"/>
      <c r="Q4" s="778"/>
      <c r="R4" s="778"/>
      <c r="S4" s="778"/>
      <c r="T4" s="778"/>
      <c r="U4" s="778"/>
      <c r="V4" s="778"/>
      <c r="W4" s="778"/>
      <c r="X4" s="778"/>
      <c r="Y4" s="778"/>
      <c r="Z4" s="778"/>
      <c r="AA4" s="778"/>
      <c r="AB4" s="778"/>
      <c r="AC4" s="778"/>
    </row>
    <row r="5" spans="2:29" s="8" customFormat="1" ht="7.5" customHeight="1" x14ac:dyDescent="0.15"/>
    <row r="6" spans="2:29" s="8" customFormat="1" ht="19.5" customHeight="1" x14ac:dyDescent="0.15">
      <c r="B6" s="790" t="s">
        <v>244</v>
      </c>
      <c r="C6" s="790"/>
      <c r="D6" s="790"/>
      <c r="E6" s="790"/>
      <c r="F6" s="790"/>
      <c r="G6" s="780"/>
      <c r="H6" s="781"/>
      <c r="I6" s="781"/>
      <c r="J6" s="781"/>
      <c r="K6" s="781"/>
      <c r="L6" s="781"/>
      <c r="M6" s="781"/>
      <c r="N6" s="781"/>
      <c r="O6" s="781"/>
      <c r="P6" s="781"/>
      <c r="Q6" s="781"/>
      <c r="R6" s="781"/>
      <c r="S6" s="781"/>
      <c r="T6" s="781"/>
      <c r="U6" s="781"/>
      <c r="V6" s="781"/>
      <c r="W6" s="781"/>
      <c r="X6" s="781"/>
      <c r="Y6" s="781"/>
      <c r="Z6" s="781"/>
      <c r="AA6" s="781"/>
      <c r="AB6" s="781"/>
      <c r="AC6" s="782"/>
    </row>
    <row r="7" spans="2:29" s="8" customFormat="1" ht="19.5" customHeight="1" x14ac:dyDescent="0.15">
      <c r="B7" s="780" t="s">
        <v>243</v>
      </c>
      <c r="C7" s="781"/>
      <c r="D7" s="781"/>
      <c r="E7" s="781"/>
      <c r="F7" s="782"/>
      <c r="G7" s="180" t="s">
        <v>0</v>
      </c>
      <c r="H7" s="168" t="s">
        <v>242</v>
      </c>
      <c r="I7" s="168"/>
      <c r="J7" s="168"/>
      <c r="K7" s="168"/>
      <c r="L7" s="179" t="s">
        <v>0</v>
      </c>
      <c r="M7" s="168" t="s">
        <v>241</v>
      </c>
      <c r="N7" s="168"/>
      <c r="O7" s="168"/>
      <c r="P7" s="168"/>
      <c r="Q7" s="179" t="s">
        <v>0</v>
      </c>
      <c r="R7" s="168" t="s">
        <v>240</v>
      </c>
      <c r="S7" s="168"/>
      <c r="T7" s="168"/>
      <c r="U7" s="168"/>
      <c r="V7" s="168"/>
      <c r="W7" s="168"/>
      <c r="X7" s="168"/>
      <c r="Y7" s="168"/>
      <c r="Z7" s="168"/>
      <c r="AA7" s="168"/>
      <c r="AB7" s="168"/>
      <c r="AC7" s="167"/>
    </row>
    <row r="8" spans="2:29" s="8" customFormat="1" ht="19.5" customHeight="1" x14ac:dyDescent="0.15">
      <c r="B8" s="783" t="s">
        <v>239</v>
      </c>
      <c r="C8" s="784"/>
      <c r="D8" s="784"/>
      <c r="E8" s="784"/>
      <c r="F8" s="785"/>
      <c r="G8" s="285" t="s">
        <v>0</v>
      </c>
      <c r="H8" s="166" t="s">
        <v>238</v>
      </c>
      <c r="I8" s="166"/>
      <c r="J8" s="166"/>
      <c r="K8" s="166"/>
      <c r="L8" s="166"/>
      <c r="M8" s="166"/>
      <c r="N8" s="166"/>
      <c r="O8" s="166"/>
      <c r="P8" s="166"/>
      <c r="Q8" s="284" t="s">
        <v>0</v>
      </c>
      <c r="R8" s="166" t="s">
        <v>921</v>
      </c>
      <c r="S8" s="166"/>
      <c r="T8" s="166"/>
      <c r="U8" s="166"/>
      <c r="V8" s="166"/>
      <c r="W8" s="166"/>
      <c r="X8" s="166"/>
      <c r="Y8" s="166"/>
      <c r="Z8" s="166"/>
      <c r="AA8" s="166"/>
      <c r="AB8" s="166"/>
      <c r="AC8" s="251"/>
    </row>
    <row r="9" spans="2:29" s="8" customFormat="1" ht="19.5" customHeight="1" x14ac:dyDescent="0.15">
      <c r="B9" s="786"/>
      <c r="C9" s="787"/>
      <c r="D9" s="787"/>
      <c r="E9" s="787"/>
      <c r="F9" s="788"/>
      <c r="G9" s="192" t="s">
        <v>0</v>
      </c>
      <c r="H9" s="162" t="s">
        <v>954</v>
      </c>
      <c r="I9" s="162"/>
      <c r="J9" s="162"/>
      <c r="K9" s="162"/>
      <c r="L9" s="162"/>
      <c r="M9" s="162"/>
      <c r="N9" s="162"/>
      <c r="O9" s="162"/>
      <c r="P9" s="162"/>
      <c r="Q9" s="162"/>
      <c r="R9" s="162"/>
      <c r="S9" s="162"/>
      <c r="T9" s="162"/>
      <c r="U9" s="162"/>
      <c r="V9" s="162"/>
      <c r="W9" s="162"/>
      <c r="X9" s="162"/>
      <c r="Y9" s="162"/>
      <c r="Z9" s="162"/>
      <c r="AA9" s="162"/>
      <c r="AB9" s="162"/>
      <c r="AC9" s="266"/>
    </row>
    <row r="10" spans="2:29" s="8" customFormat="1" x14ac:dyDescent="0.15"/>
    <row r="11" spans="2:29" s="8" customFormat="1" x14ac:dyDescent="0.15">
      <c r="B11" s="8" t="s">
        <v>953</v>
      </c>
    </row>
    <row r="12" spans="2:29" s="8" customFormat="1" x14ac:dyDescent="0.15"/>
    <row r="13" spans="2:29" s="8" customFormat="1" ht="17.25" customHeight="1" x14ac:dyDescent="0.15">
      <c r="B13" s="172" t="s">
        <v>952</v>
      </c>
    </row>
    <row r="14" spans="2:29" s="8" customFormat="1" ht="6.75" customHeight="1" x14ac:dyDescent="0.15">
      <c r="B14" s="158"/>
      <c r="C14" s="157"/>
      <c r="D14" s="157"/>
      <c r="E14" s="157"/>
      <c r="F14" s="157"/>
      <c r="G14" s="157"/>
      <c r="H14" s="157"/>
      <c r="I14" s="157"/>
      <c r="J14" s="157"/>
      <c r="K14" s="157"/>
      <c r="L14" s="157"/>
      <c r="M14" s="157"/>
      <c r="N14" s="157"/>
      <c r="O14" s="157"/>
      <c r="P14" s="157"/>
      <c r="Q14" s="157"/>
      <c r="R14" s="157"/>
      <c r="S14" s="157"/>
      <c r="T14" s="157"/>
      <c r="U14" s="157"/>
      <c r="V14" s="157"/>
      <c r="W14" s="157"/>
      <c r="X14" s="157"/>
      <c r="Y14" s="158"/>
      <c r="Z14" s="157"/>
      <c r="AA14" s="157"/>
      <c r="AB14" s="157"/>
      <c r="AC14" s="156"/>
    </row>
    <row r="15" spans="2:29" s="8" customFormat="1" x14ac:dyDescent="0.15">
      <c r="B15" s="9"/>
      <c r="C15" s="8" t="s">
        <v>951</v>
      </c>
      <c r="Y15" s="9"/>
      <c r="AC15" s="149"/>
    </row>
    <row r="16" spans="2:29" s="8" customFormat="1" ht="6.75" customHeight="1" x14ac:dyDescent="0.15">
      <c r="B16" s="9"/>
      <c r="Y16" s="9"/>
      <c r="AC16" s="149"/>
    </row>
    <row r="17" spans="2:29" s="8" customFormat="1" ht="19.5" customHeight="1" x14ac:dyDescent="0.15">
      <c r="B17" s="9"/>
      <c r="C17" s="780"/>
      <c r="D17" s="781"/>
      <c r="E17" s="781"/>
      <c r="F17" s="781"/>
      <c r="G17" s="781"/>
      <c r="H17" s="781"/>
      <c r="I17" s="781"/>
      <c r="J17" s="781"/>
      <c r="K17" s="781"/>
      <c r="L17" s="781"/>
      <c r="M17" s="781"/>
      <c r="N17" s="168" t="s">
        <v>175</v>
      </c>
      <c r="O17" s="9"/>
      <c r="U17" s="18"/>
      <c r="V17" s="18"/>
      <c r="Y17" s="9"/>
      <c r="AC17" s="149"/>
    </row>
    <row r="18" spans="2:29" s="8" customFormat="1" x14ac:dyDescent="0.15">
      <c r="B18" s="9"/>
      <c r="L18" s="18"/>
      <c r="Q18" s="18"/>
      <c r="W18" s="18"/>
      <c r="Y18" s="9"/>
      <c r="AC18" s="149"/>
    </row>
    <row r="19" spans="2:29" s="8" customFormat="1" x14ac:dyDescent="0.15">
      <c r="B19" s="9"/>
      <c r="C19" s="8" t="s">
        <v>950</v>
      </c>
      <c r="Y19" s="9"/>
      <c r="AC19" s="149"/>
    </row>
    <row r="20" spans="2:29" s="8" customFormat="1" ht="6.75" customHeight="1" x14ac:dyDescent="0.15">
      <c r="B20" s="9"/>
      <c r="Y20" s="9"/>
      <c r="AC20" s="149"/>
    </row>
    <row r="21" spans="2:29" s="8" customFormat="1" ht="19.5" customHeight="1" x14ac:dyDescent="0.15">
      <c r="B21" s="9"/>
      <c r="C21" s="780"/>
      <c r="D21" s="781"/>
      <c r="E21" s="781"/>
      <c r="F21" s="781"/>
      <c r="G21" s="781"/>
      <c r="H21" s="781"/>
      <c r="I21" s="781"/>
      <c r="J21" s="781"/>
      <c r="K21" s="781"/>
      <c r="L21" s="781"/>
      <c r="M21" s="781"/>
      <c r="N21" s="168" t="s">
        <v>175</v>
      </c>
      <c r="O21" s="9"/>
      <c r="U21" s="18"/>
      <c r="V21" s="18"/>
      <c r="Y21" s="9"/>
      <c r="AC21" s="149"/>
    </row>
    <row r="22" spans="2:29" s="8" customFormat="1" x14ac:dyDescent="0.15">
      <c r="B22" s="9"/>
      <c r="L22" s="18"/>
      <c r="Q22" s="18"/>
      <c r="W22" s="18"/>
      <c r="Y22" s="9"/>
      <c r="AC22" s="149"/>
    </row>
    <row r="23" spans="2:29" s="8" customFormat="1" x14ac:dyDescent="0.15">
      <c r="B23" s="9"/>
      <c r="C23" s="8" t="s">
        <v>949</v>
      </c>
      <c r="L23" s="18"/>
      <c r="Q23" s="18"/>
      <c r="W23" s="18"/>
      <c r="Y23" s="9"/>
      <c r="Z23" s="152" t="s">
        <v>227</v>
      </c>
      <c r="AA23" s="152" t="s">
        <v>217</v>
      </c>
      <c r="AB23" s="152" t="s">
        <v>226</v>
      </c>
      <c r="AC23" s="149"/>
    </row>
    <row r="24" spans="2:29" s="8" customFormat="1" ht="7.5" customHeight="1" x14ac:dyDescent="0.15">
      <c r="B24" s="9"/>
      <c r="L24" s="18"/>
      <c r="Q24" s="18"/>
      <c r="W24" s="18"/>
      <c r="Y24" s="9"/>
      <c r="AC24" s="149"/>
    </row>
    <row r="25" spans="2:29" s="8" customFormat="1" ht="19.5" customHeight="1" x14ac:dyDescent="0.15">
      <c r="B25" s="9"/>
      <c r="C25" s="780"/>
      <c r="D25" s="781"/>
      <c r="E25" s="781"/>
      <c r="F25" s="781"/>
      <c r="G25" s="781"/>
      <c r="H25" s="781"/>
      <c r="I25" s="781"/>
      <c r="J25" s="781"/>
      <c r="K25" s="781"/>
      <c r="L25" s="781"/>
      <c r="M25" s="781"/>
      <c r="N25" s="167" t="s">
        <v>339</v>
      </c>
      <c r="P25" s="8" t="s">
        <v>948</v>
      </c>
      <c r="Q25" s="18"/>
      <c r="S25" s="8" t="s">
        <v>947</v>
      </c>
      <c r="W25" s="18"/>
      <c r="Y25" s="148"/>
      <c r="Z25" s="178" t="s">
        <v>0</v>
      </c>
      <c r="AA25" s="178" t="s">
        <v>217</v>
      </c>
      <c r="AB25" s="178" t="s">
        <v>0</v>
      </c>
      <c r="AC25" s="149"/>
    </row>
    <row r="26" spans="2:29" s="8" customFormat="1" x14ac:dyDescent="0.15">
      <c r="B26" s="9"/>
      <c r="L26" s="18"/>
      <c r="Q26" s="18"/>
      <c r="W26" s="18"/>
      <c r="Y26" s="9"/>
      <c r="AC26" s="149"/>
    </row>
    <row r="27" spans="2:29" s="8" customFormat="1" x14ac:dyDescent="0.15">
      <c r="B27" s="9"/>
      <c r="C27" s="8" t="s">
        <v>946</v>
      </c>
      <c r="Y27" s="9"/>
      <c r="AC27" s="149"/>
    </row>
    <row r="28" spans="2:29" s="8" customFormat="1" ht="6.75" customHeight="1" x14ac:dyDescent="0.15">
      <c r="B28" s="9"/>
      <c r="Y28" s="9"/>
      <c r="AC28" s="149"/>
    </row>
    <row r="29" spans="2:29" s="8" customFormat="1" ht="19.5" customHeight="1" x14ac:dyDescent="0.15">
      <c r="B29" s="9" t="s">
        <v>230</v>
      </c>
      <c r="C29" s="780" t="s">
        <v>232</v>
      </c>
      <c r="D29" s="781"/>
      <c r="E29" s="781"/>
      <c r="F29" s="781"/>
      <c r="G29" s="781"/>
      <c r="H29" s="782"/>
      <c r="I29" s="791"/>
      <c r="J29" s="792"/>
      <c r="K29" s="792"/>
      <c r="L29" s="792"/>
      <c r="M29" s="792"/>
      <c r="N29" s="792"/>
      <c r="O29" s="792"/>
      <c r="P29" s="792"/>
      <c r="Q29" s="792"/>
      <c r="R29" s="792"/>
      <c r="S29" s="792"/>
      <c r="T29" s="792"/>
      <c r="U29" s="792"/>
      <c r="V29" s="792"/>
      <c r="W29" s="793"/>
      <c r="X29" s="16"/>
      <c r="Y29" s="20"/>
      <c r="Z29" s="16"/>
      <c r="AA29" s="16"/>
      <c r="AB29" s="16"/>
      <c r="AC29" s="149"/>
    </row>
    <row r="30" spans="2:29" s="8" customFormat="1" ht="19.5" customHeight="1" x14ac:dyDescent="0.15">
      <c r="B30" s="9" t="s">
        <v>230</v>
      </c>
      <c r="C30" s="780" t="s">
        <v>231</v>
      </c>
      <c r="D30" s="781"/>
      <c r="E30" s="781"/>
      <c r="F30" s="781"/>
      <c r="G30" s="781"/>
      <c r="H30" s="782"/>
      <c r="I30" s="791"/>
      <c r="J30" s="792"/>
      <c r="K30" s="792"/>
      <c r="L30" s="792"/>
      <c r="M30" s="792"/>
      <c r="N30" s="792"/>
      <c r="O30" s="792"/>
      <c r="P30" s="792"/>
      <c r="Q30" s="792"/>
      <c r="R30" s="792"/>
      <c r="S30" s="792"/>
      <c r="T30" s="792"/>
      <c r="U30" s="792"/>
      <c r="V30" s="792"/>
      <c r="W30" s="793"/>
      <c r="X30" s="16"/>
      <c r="Y30" s="20"/>
      <c r="Z30" s="16"/>
      <c r="AA30" s="16"/>
      <c r="AB30" s="16"/>
      <c r="AC30" s="149"/>
    </row>
    <row r="31" spans="2:29" s="8" customFormat="1" ht="19.5" customHeight="1" x14ac:dyDescent="0.15">
      <c r="B31" s="9" t="s">
        <v>230</v>
      </c>
      <c r="C31" s="780" t="s">
        <v>229</v>
      </c>
      <c r="D31" s="781"/>
      <c r="E31" s="781"/>
      <c r="F31" s="781"/>
      <c r="G31" s="781"/>
      <c r="H31" s="782"/>
      <c r="I31" s="791"/>
      <c r="J31" s="792"/>
      <c r="K31" s="792"/>
      <c r="L31" s="792"/>
      <c r="M31" s="792"/>
      <c r="N31" s="792"/>
      <c r="O31" s="792"/>
      <c r="P31" s="792"/>
      <c r="Q31" s="792"/>
      <c r="R31" s="792"/>
      <c r="S31" s="792"/>
      <c r="T31" s="792"/>
      <c r="U31" s="792"/>
      <c r="V31" s="792"/>
      <c r="W31" s="793"/>
      <c r="X31" s="16"/>
      <c r="Y31" s="20"/>
      <c r="Z31" s="16"/>
      <c r="AA31" s="16"/>
      <c r="AB31" s="16"/>
      <c r="AC31" s="149"/>
    </row>
    <row r="32" spans="2:29" s="8" customFormat="1" ht="13.5" customHeight="1" x14ac:dyDescent="0.15">
      <c r="B32" s="9"/>
      <c r="C32" s="18"/>
      <c r="D32" s="18"/>
      <c r="E32" s="18"/>
      <c r="F32" s="18"/>
      <c r="G32" s="18"/>
      <c r="H32" s="18"/>
      <c r="I32" s="18"/>
      <c r="J32" s="18"/>
      <c r="K32" s="18"/>
      <c r="L32" s="18"/>
      <c r="M32" s="18"/>
      <c r="N32" s="18"/>
      <c r="O32" s="18"/>
      <c r="Y32" s="9"/>
      <c r="Z32" s="152" t="s">
        <v>227</v>
      </c>
      <c r="AA32" s="152" t="s">
        <v>217</v>
      </c>
      <c r="AB32" s="152" t="s">
        <v>226</v>
      </c>
      <c r="AC32" s="149"/>
    </row>
    <row r="33" spans="1:32" s="8" customFormat="1" ht="19.5" customHeight="1" x14ac:dyDescent="0.15">
      <c r="B33" s="9"/>
      <c r="C33" s="8" t="s">
        <v>945</v>
      </c>
      <c r="D33" s="18"/>
      <c r="E33" s="18"/>
      <c r="F33" s="18"/>
      <c r="G33" s="18"/>
      <c r="H33" s="18"/>
      <c r="I33" s="18"/>
      <c r="J33" s="18"/>
      <c r="K33" s="18"/>
      <c r="L33" s="18"/>
      <c r="M33" s="18"/>
      <c r="N33" s="18"/>
      <c r="O33" s="18"/>
      <c r="Y33" s="148"/>
      <c r="Z33" s="178" t="s">
        <v>0</v>
      </c>
      <c r="AA33" s="178" t="s">
        <v>217</v>
      </c>
      <c r="AB33" s="178" t="s">
        <v>0</v>
      </c>
      <c r="AC33" s="149"/>
    </row>
    <row r="34" spans="1:32" s="8" customFormat="1" ht="13.5" customHeight="1" x14ac:dyDescent="0.15">
      <c r="B34" s="9"/>
      <c r="C34" s="195"/>
      <c r="D34" s="18"/>
      <c r="E34" s="18"/>
      <c r="F34" s="18"/>
      <c r="G34" s="18"/>
      <c r="H34" s="18"/>
      <c r="I34" s="18"/>
      <c r="J34" s="18"/>
      <c r="K34" s="18"/>
      <c r="L34" s="18"/>
      <c r="M34" s="18"/>
      <c r="N34" s="18"/>
      <c r="O34" s="18"/>
      <c r="Y34" s="9"/>
      <c r="Z34" s="152"/>
      <c r="AA34" s="152"/>
      <c r="AB34" s="152"/>
      <c r="AC34" s="149"/>
    </row>
    <row r="35" spans="1:32" s="8" customFormat="1" ht="27.75" customHeight="1" x14ac:dyDescent="0.15">
      <c r="B35" s="9"/>
      <c r="C35" s="789" t="s">
        <v>944</v>
      </c>
      <c r="D35" s="789"/>
      <c r="E35" s="789"/>
      <c r="F35" s="789"/>
      <c r="G35" s="789"/>
      <c r="H35" s="789"/>
      <c r="I35" s="789"/>
      <c r="J35" s="789"/>
      <c r="K35" s="789"/>
      <c r="L35" s="789"/>
      <c r="M35" s="789"/>
      <c r="N35" s="789"/>
      <c r="O35" s="789"/>
      <c r="P35" s="789"/>
      <c r="Q35" s="789"/>
      <c r="R35" s="789"/>
      <c r="S35" s="789"/>
      <c r="T35" s="789"/>
      <c r="U35" s="789"/>
      <c r="V35" s="789"/>
      <c r="W35" s="789"/>
      <c r="X35" s="789"/>
      <c r="Y35" s="148"/>
      <c r="Z35" s="178" t="s">
        <v>0</v>
      </c>
      <c r="AA35" s="178" t="s">
        <v>217</v>
      </c>
      <c r="AB35" s="178" t="s">
        <v>0</v>
      </c>
      <c r="AC35" s="149"/>
    </row>
    <row r="36" spans="1:32" s="8" customFormat="1" ht="9" customHeight="1" x14ac:dyDescent="0.15">
      <c r="B36" s="173"/>
      <c r="C36" s="172"/>
      <c r="D36" s="172"/>
      <c r="E36" s="172"/>
      <c r="F36" s="172"/>
      <c r="G36" s="172"/>
      <c r="H36" s="172"/>
      <c r="I36" s="172"/>
      <c r="J36" s="172"/>
      <c r="K36" s="172"/>
      <c r="L36" s="172"/>
      <c r="M36" s="172"/>
      <c r="N36" s="172"/>
      <c r="O36" s="172"/>
      <c r="P36" s="172"/>
      <c r="Q36" s="172"/>
      <c r="R36" s="172"/>
      <c r="S36" s="172"/>
      <c r="T36" s="172"/>
      <c r="U36" s="172"/>
      <c r="V36" s="172"/>
      <c r="W36" s="172"/>
      <c r="X36" s="172"/>
      <c r="Y36" s="173"/>
      <c r="Z36" s="172"/>
      <c r="AA36" s="172"/>
      <c r="AB36" s="172"/>
      <c r="AC36" s="171"/>
    </row>
    <row r="37" spans="1:32" s="8" customFormat="1" x14ac:dyDescent="0.15"/>
    <row r="38" spans="1:32" s="8" customFormat="1" ht="16.5" customHeight="1" x14ac:dyDescent="0.15">
      <c r="B38" s="172" t="s">
        <v>943</v>
      </c>
      <c r="C38" s="172"/>
      <c r="D38" s="172"/>
      <c r="E38" s="172"/>
      <c r="F38" s="172"/>
      <c r="G38" s="172"/>
      <c r="H38" s="172"/>
      <c r="I38" s="172"/>
      <c r="J38" s="172"/>
      <c r="K38" s="172"/>
      <c r="L38" s="172"/>
      <c r="M38" s="172"/>
      <c r="N38" s="172"/>
      <c r="O38" s="172"/>
      <c r="P38" s="172"/>
      <c r="Q38" s="172"/>
      <c r="R38" s="172"/>
      <c r="S38" s="172"/>
      <c r="T38" s="172"/>
      <c r="U38" s="172"/>
      <c r="V38" s="172"/>
      <c r="W38" s="172"/>
      <c r="X38" s="172"/>
      <c r="Y38" s="172"/>
      <c r="Z38" s="172"/>
      <c r="AA38" s="172"/>
      <c r="AB38" s="172"/>
      <c r="AC38" s="172"/>
      <c r="AD38" s="172"/>
      <c r="AE38" s="172"/>
      <c r="AF38" s="172"/>
    </row>
    <row r="39" spans="1:32" s="8" customFormat="1" x14ac:dyDescent="0.15">
      <c r="A39" s="149"/>
      <c r="B39" s="9"/>
      <c r="C39" s="157"/>
      <c r="Y39" s="9"/>
      <c r="AC39" s="149"/>
    </row>
    <row r="40" spans="1:32" s="8" customFormat="1" x14ac:dyDescent="0.15">
      <c r="B40" s="9"/>
      <c r="Y40" s="9"/>
      <c r="Z40" s="152" t="s">
        <v>227</v>
      </c>
      <c r="AA40" s="152" t="s">
        <v>217</v>
      </c>
      <c r="AB40" s="152" t="s">
        <v>226</v>
      </c>
      <c r="AC40" s="149"/>
    </row>
    <row r="41" spans="1:32" s="8" customFormat="1" ht="19.5" customHeight="1" x14ac:dyDescent="0.15">
      <c r="B41" s="9"/>
      <c r="C41" s="8" t="s">
        <v>235</v>
      </c>
      <c r="D41" s="18"/>
      <c r="E41" s="18"/>
      <c r="F41" s="18"/>
      <c r="G41" s="18"/>
      <c r="H41" s="18"/>
      <c r="I41" s="18"/>
      <c r="J41" s="18"/>
      <c r="K41" s="18"/>
      <c r="L41" s="18"/>
      <c r="M41" s="18"/>
      <c r="N41" s="18"/>
      <c r="O41" s="18"/>
      <c r="Y41" s="148"/>
      <c r="Z41" s="178" t="s">
        <v>0</v>
      </c>
      <c r="AA41" s="178" t="s">
        <v>217</v>
      </c>
      <c r="AB41" s="178" t="s">
        <v>0</v>
      </c>
      <c r="AC41" s="149"/>
    </row>
    <row r="42" spans="1:32" s="8" customFormat="1" x14ac:dyDescent="0.15">
      <c r="B42" s="9"/>
      <c r="D42" s="18"/>
      <c r="E42" s="18"/>
      <c r="F42" s="18"/>
      <c r="G42" s="18"/>
      <c r="H42" s="18"/>
      <c r="I42" s="18"/>
      <c r="J42" s="18"/>
      <c r="K42" s="18"/>
      <c r="L42" s="18"/>
      <c r="M42" s="18"/>
      <c r="N42" s="18"/>
      <c r="O42" s="18"/>
      <c r="Y42" s="155"/>
      <c r="Z42" s="249"/>
      <c r="AA42" s="249"/>
      <c r="AB42" s="249"/>
      <c r="AC42" s="149"/>
    </row>
    <row r="43" spans="1:32" s="8" customFormat="1" ht="19.5" customHeight="1" x14ac:dyDescent="0.15">
      <c r="B43" s="9"/>
      <c r="C43" s="8" t="s">
        <v>234</v>
      </c>
      <c r="D43" s="18"/>
      <c r="E43" s="18"/>
      <c r="F43" s="18"/>
      <c r="G43" s="18"/>
      <c r="H43" s="18"/>
      <c r="I43" s="18"/>
      <c r="J43" s="18"/>
      <c r="K43" s="18"/>
      <c r="L43" s="18"/>
      <c r="M43" s="18"/>
      <c r="N43" s="18"/>
      <c r="O43" s="18"/>
      <c r="Y43" s="148"/>
      <c r="Z43" s="178" t="s">
        <v>0</v>
      </c>
      <c r="AA43" s="178" t="s">
        <v>217</v>
      </c>
      <c r="AB43" s="178" t="s">
        <v>0</v>
      </c>
      <c r="AC43" s="149"/>
    </row>
    <row r="44" spans="1:32" s="8" customFormat="1" x14ac:dyDescent="0.15">
      <c r="B44" s="9"/>
      <c r="L44" s="18"/>
      <c r="Q44" s="18"/>
      <c r="W44" s="18"/>
      <c r="Y44" s="9"/>
      <c r="AC44" s="149"/>
    </row>
    <row r="45" spans="1:32" s="8" customFormat="1" x14ac:dyDescent="0.15">
      <c r="B45" s="9"/>
      <c r="C45" s="8" t="s">
        <v>233</v>
      </c>
      <c r="Y45" s="9"/>
      <c r="AC45" s="149"/>
    </row>
    <row r="46" spans="1:32" s="8" customFormat="1" ht="6.75" customHeight="1" x14ac:dyDescent="0.15">
      <c r="B46" s="9"/>
      <c r="Y46" s="9"/>
      <c r="AC46" s="149"/>
    </row>
    <row r="47" spans="1:32" s="8" customFormat="1" ht="23.25" customHeight="1" x14ac:dyDescent="0.15">
      <c r="B47" s="9" t="s">
        <v>230</v>
      </c>
      <c r="C47" s="780" t="s">
        <v>232</v>
      </c>
      <c r="D47" s="781"/>
      <c r="E47" s="781"/>
      <c r="F47" s="781"/>
      <c r="G47" s="781"/>
      <c r="H47" s="782"/>
      <c r="I47" s="780"/>
      <c r="J47" s="781"/>
      <c r="K47" s="781"/>
      <c r="L47" s="781"/>
      <c r="M47" s="781"/>
      <c r="N47" s="781"/>
      <c r="O47" s="781"/>
      <c r="P47" s="781"/>
      <c r="Q47" s="781"/>
      <c r="R47" s="781"/>
      <c r="S47" s="781"/>
      <c r="T47" s="781"/>
      <c r="U47" s="781"/>
      <c r="V47" s="781"/>
      <c r="W47" s="782"/>
      <c r="X47" s="16"/>
      <c r="Y47" s="20"/>
      <c r="Z47" s="16"/>
      <c r="AA47" s="16"/>
      <c r="AB47" s="16"/>
      <c r="AC47" s="149"/>
    </row>
    <row r="48" spans="1:32" s="8" customFormat="1" ht="23.25" customHeight="1" x14ac:dyDescent="0.15">
      <c r="B48" s="9" t="s">
        <v>230</v>
      </c>
      <c r="C48" s="780" t="s">
        <v>231</v>
      </c>
      <c r="D48" s="781"/>
      <c r="E48" s="781"/>
      <c r="F48" s="781"/>
      <c r="G48" s="781"/>
      <c r="H48" s="782"/>
      <c r="I48" s="780"/>
      <c r="J48" s="781"/>
      <c r="K48" s="781"/>
      <c r="L48" s="781"/>
      <c r="M48" s="781"/>
      <c r="N48" s="781"/>
      <c r="O48" s="781"/>
      <c r="P48" s="781"/>
      <c r="Q48" s="781"/>
      <c r="R48" s="781"/>
      <c r="S48" s="781"/>
      <c r="T48" s="781"/>
      <c r="U48" s="781"/>
      <c r="V48" s="781"/>
      <c r="W48" s="782"/>
      <c r="X48" s="16"/>
      <c r="Y48" s="20"/>
      <c r="Z48" s="16"/>
      <c r="AA48" s="16"/>
      <c r="AB48" s="16"/>
      <c r="AC48" s="149"/>
    </row>
    <row r="49" spans="2:29" s="8" customFormat="1" ht="23.25" customHeight="1" x14ac:dyDescent="0.15">
      <c r="B49" s="9" t="s">
        <v>230</v>
      </c>
      <c r="C49" s="780" t="s">
        <v>229</v>
      </c>
      <c r="D49" s="781"/>
      <c r="E49" s="781"/>
      <c r="F49" s="781"/>
      <c r="G49" s="781"/>
      <c r="H49" s="782"/>
      <c r="I49" s="780"/>
      <c r="J49" s="781"/>
      <c r="K49" s="781"/>
      <c r="L49" s="781"/>
      <c r="M49" s="781"/>
      <c r="N49" s="781"/>
      <c r="O49" s="781"/>
      <c r="P49" s="781"/>
      <c r="Q49" s="781"/>
      <c r="R49" s="781"/>
      <c r="S49" s="781"/>
      <c r="T49" s="781"/>
      <c r="U49" s="781"/>
      <c r="V49" s="781"/>
      <c r="W49" s="782"/>
      <c r="X49" s="16"/>
      <c r="Y49" s="20"/>
      <c r="Z49" s="16"/>
      <c r="AA49" s="16"/>
      <c r="AB49" s="16"/>
      <c r="AC49" s="149"/>
    </row>
    <row r="50" spans="2:29" s="8" customFormat="1" x14ac:dyDescent="0.15">
      <c r="B50" s="9"/>
      <c r="C50" s="18"/>
      <c r="D50" s="18"/>
      <c r="E50" s="18"/>
      <c r="F50" s="18"/>
      <c r="G50" s="18"/>
      <c r="H50" s="18"/>
      <c r="I50" s="16"/>
      <c r="J50" s="16"/>
      <c r="K50" s="16"/>
      <c r="L50" s="16"/>
      <c r="M50" s="16"/>
      <c r="N50" s="16"/>
      <c r="O50" s="16"/>
      <c r="P50" s="16"/>
      <c r="Q50" s="16"/>
      <c r="R50" s="16"/>
      <c r="S50" s="16"/>
      <c r="T50" s="16"/>
      <c r="U50" s="16"/>
      <c r="V50" s="16"/>
      <c r="W50" s="16"/>
      <c r="X50" s="16"/>
      <c r="Y50" s="20"/>
      <c r="Z50" s="16"/>
      <c r="AA50" s="16"/>
      <c r="AB50" s="16"/>
      <c r="AC50" s="149"/>
    </row>
    <row r="51" spans="2:29" s="8" customFormat="1" ht="27" customHeight="1" x14ac:dyDescent="0.15">
      <c r="B51" s="9"/>
      <c r="C51" s="789" t="s">
        <v>228</v>
      </c>
      <c r="D51" s="789"/>
      <c r="E51" s="789"/>
      <c r="F51" s="789"/>
      <c r="G51" s="789"/>
      <c r="H51" s="789"/>
      <c r="I51" s="789"/>
      <c r="J51" s="789"/>
      <c r="K51" s="789"/>
      <c r="L51" s="789"/>
      <c r="M51" s="789"/>
      <c r="N51" s="789"/>
      <c r="O51" s="789"/>
      <c r="P51" s="789"/>
      <c r="Q51" s="789"/>
      <c r="R51" s="789"/>
      <c r="S51" s="789"/>
      <c r="T51" s="789"/>
      <c r="U51" s="789"/>
      <c r="V51" s="789"/>
      <c r="W51" s="789"/>
      <c r="X51" s="789"/>
      <c r="Y51" s="153"/>
      <c r="Z51" s="152" t="s">
        <v>227</v>
      </c>
      <c r="AA51" s="152" t="s">
        <v>217</v>
      </c>
      <c r="AB51" s="152" t="s">
        <v>226</v>
      </c>
      <c r="AC51" s="149"/>
    </row>
    <row r="52" spans="2:29" s="8" customFormat="1" ht="6" customHeight="1" x14ac:dyDescent="0.15">
      <c r="B52" s="9"/>
      <c r="C52" s="18"/>
      <c r="D52" s="18"/>
      <c r="E52" s="18"/>
      <c r="F52" s="18"/>
      <c r="G52" s="18"/>
      <c r="H52" s="18"/>
      <c r="I52" s="18"/>
      <c r="J52" s="18"/>
      <c r="K52" s="18"/>
      <c r="L52" s="18"/>
      <c r="M52" s="18"/>
      <c r="N52" s="18"/>
      <c r="O52" s="18"/>
      <c r="Y52" s="9"/>
      <c r="AC52" s="149"/>
    </row>
    <row r="53" spans="2:29" s="8" customFormat="1" ht="19.5" customHeight="1" x14ac:dyDescent="0.15">
      <c r="B53" s="9"/>
      <c r="D53" s="8" t="s">
        <v>942</v>
      </c>
      <c r="E53" s="18"/>
      <c r="F53" s="18"/>
      <c r="G53" s="18"/>
      <c r="H53" s="18"/>
      <c r="I53" s="18"/>
      <c r="J53" s="18"/>
      <c r="K53" s="18"/>
      <c r="L53" s="18"/>
      <c r="M53" s="18"/>
      <c r="N53" s="18"/>
      <c r="O53" s="18"/>
      <c r="Y53" s="148"/>
      <c r="Z53" s="178" t="s">
        <v>0</v>
      </c>
      <c r="AA53" s="178" t="s">
        <v>217</v>
      </c>
      <c r="AB53" s="178" t="s">
        <v>0</v>
      </c>
      <c r="AC53" s="149"/>
    </row>
    <row r="54" spans="2:29" s="8" customFormat="1" ht="6.75" customHeight="1" x14ac:dyDescent="0.15">
      <c r="B54" s="9"/>
      <c r="Y54" s="9"/>
      <c r="AC54" s="149"/>
    </row>
    <row r="55" spans="2:29" s="16" customFormat="1" ht="18" customHeight="1" x14ac:dyDescent="0.15">
      <c r="B55" s="151"/>
      <c r="D55" s="16" t="s">
        <v>223</v>
      </c>
      <c r="Y55" s="148"/>
      <c r="Z55" s="178" t="s">
        <v>0</v>
      </c>
      <c r="AA55" s="178" t="s">
        <v>217</v>
      </c>
      <c r="AB55" s="178" t="s">
        <v>0</v>
      </c>
      <c r="AC55" s="150"/>
    </row>
    <row r="56" spans="2:29" s="8" customFormat="1" ht="6.75" customHeight="1" x14ac:dyDescent="0.15">
      <c r="B56" s="9"/>
      <c r="Y56" s="9"/>
      <c r="AC56" s="149"/>
    </row>
    <row r="57" spans="2:29" s="16" customFormat="1" ht="18" customHeight="1" x14ac:dyDescent="0.15">
      <c r="B57" s="151"/>
      <c r="D57" s="16" t="s">
        <v>941</v>
      </c>
      <c r="Y57" s="148"/>
      <c r="Z57" s="178" t="s">
        <v>0</v>
      </c>
      <c r="AA57" s="178" t="s">
        <v>217</v>
      </c>
      <c r="AB57" s="178" t="s">
        <v>0</v>
      </c>
      <c r="AC57" s="150"/>
    </row>
    <row r="58" spans="2:29" s="8" customFormat="1" ht="6.75" customHeight="1" x14ac:dyDescent="0.15">
      <c r="B58" s="9"/>
      <c r="Y58" s="9"/>
      <c r="AC58" s="149"/>
    </row>
    <row r="59" spans="2:29" s="16" customFormat="1" ht="18" customHeight="1" x14ac:dyDescent="0.15">
      <c r="B59" s="151"/>
      <c r="D59" s="16" t="s">
        <v>940</v>
      </c>
      <c r="Y59" s="148"/>
      <c r="Z59" s="178" t="s">
        <v>0</v>
      </c>
      <c r="AA59" s="178" t="s">
        <v>217</v>
      </c>
      <c r="AB59" s="178" t="s">
        <v>0</v>
      </c>
      <c r="AC59" s="150"/>
    </row>
    <row r="60" spans="2:29" s="8" customFormat="1" ht="6.75" customHeight="1" x14ac:dyDescent="0.15">
      <c r="B60" s="9"/>
      <c r="Y60" s="9"/>
      <c r="AC60" s="149"/>
    </row>
    <row r="61" spans="2:29" ht="18" customHeight="1" x14ac:dyDescent="0.15">
      <c r="B61" s="147"/>
      <c r="D61" s="16" t="s">
        <v>939</v>
      </c>
      <c r="Y61" s="148"/>
      <c r="Z61" s="178" t="s">
        <v>0</v>
      </c>
      <c r="AA61" s="178" t="s">
        <v>217</v>
      </c>
      <c r="AB61" s="178" t="s">
        <v>0</v>
      </c>
      <c r="AC61" s="10"/>
    </row>
    <row r="62" spans="2:29" x14ac:dyDescent="0.15">
      <c r="B62" s="147"/>
      <c r="Y62" s="142"/>
      <c r="AC62" s="10"/>
    </row>
    <row r="63" spans="2:29" ht="27" customHeight="1" x14ac:dyDescent="0.15">
      <c r="B63" s="147"/>
      <c r="C63" s="789" t="s">
        <v>218</v>
      </c>
      <c r="D63" s="789"/>
      <c r="E63" s="789"/>
      <c r="F63" s="789"/>
      <c r="G63" s="789"/>
      <c r="H63" s="789"/>
      <c r="I63" s="789"/>
      <c r="J63" s="789"/>
      <c r="K63" s="789"/>
      <c r="L63" s="789"/>
      <c r="M63" s="789"/>
      <c r="N63" s="789"/>
      <c r="O63" s="789"/>
      <c r="P63" s="789"/>
      <c r="Q63" s="789"/>
      <c r="R63" s="789"/>
      <c r="S63" s="789"/>
      <c r="T63" s="789"/>
      <c r="U63" s="789"/>
      <c r="V63" s="789"/>
      <c r="W63" s="789"/>
      <c r="X63" s="789"/>
      <c r="Y63" s="148"/>
      <c r="Z63" s="178" t="s">
        <v>0</v>
      </c>
      <c r="AA63" s="178" t="s">
        <v>217</v>
      </c>
      <c r="AB63" s="178" t="s">
        <v>0</v>
      </c>
      <c r="AC63" s="10"/>
    </row>
    <row r="64" spans="2:29" x14ac:dyDescent="0.15">
      <c r="B64" s="147"/>
      <c r="Y64" s="19"/>
      <c r="Z64" s="5"/>
      <c r="AA64" s="5"/>
      <c r="AB64" s="5"/>
      <c r="AC64" s="73"/>
    </row>
    <row r="65" spans="2:29" s="16" customFormat="1" x14ac:dyDescent="0.15">
      <c r="B65" s="367" t="s">
        <v>938</v>
      </c>
      <c r="C65" s="166"/>
      <c r="D65" s="166"/>
      <c r="E65" s="166"/>
      <c r="F65" s="166"/>
      <c r="G65" s="166"/>
      <c r="H65" s="166"/>
      <c r="I65" s="166"/>
      <c r="J65" s="166"/>
      <c r="K65" s="166"/>
      <c r="L65" s="166"/>
      <c r="M65" s="166"/>
      <c r="N65" s="166"/>
      <c r="O65" s="166"/>
      <c r="P65" s="166"/>
      <c r="Q65" s="166"/>
      <c r="R65" s="166"/>
      <c r="S65" s="166"/>
      <c r="T65" s="166"/>
      <c r="U65" s="166"/>
      <c r="V65" s="166"/>
      <c r="W65" s="166"/>
      <c r="X65" s="166"/>
      <c r="Y65" s="166"/>
      <c r="Z65" s="166"/>
      <c r="AA65" s="166"/>
      <c r="AB65" s="166"/>
      <c r="AC65" s="166"/>
    </row>
    <row r="66" spans="2:29" s="16" customFormat="1" x14ac:dyDescent="0.15">
      <c r="B66" s="141" t="s">
        <v>937</v>
      </c>
    </row>
    <row r="67" spans="2:29" s="16" customFormat="1" x14ac:dyDescent="0.15">
      <c r="B67" s="141" t="s">
        <v>936</v>
      </c>
    </row>
    <row r="68" spans="2:29" s="16" customFormat="1" x14ac:dyDescent="0.15">
      <c r="B68" s="141" t="s">
        <v>935</v>
      </c>
    </row>
    <row r="69" spans="2:29" s="141" customFormat="1" ht="11.25" x14ac:dyDescent="0.15">
      <c r="B69" s="341" t="s">
        <v>934</v>
      </c>
      <c r="C69" s="141" t="s">
        <v>933</v>
      </c>
    </row>
  </sheetData>
  <mergeCells count="23">
    <mergeCell ref="C17:M17"/>
    <mergeCell ref="B4:AC4"/>
    <mergeCell ref="B6:F6"/>
    <mergeCell ref="G6:AC6"/>
    <mergeCell ref="B7:F7"/>
    <mergeCell ref="B8:F9"/>
    <mergeCell ref="C21:M21"/>
    <mergeCell ref="C25:M25"/>
    <mergeCell ref="C29:H29"/>
    <mergeCell ref="I29:W29"/>
    <mergeCell ref="C30:H30"/>
    <mergeCell ref="I30:W30"/>
    <mergeCell ref="C49:H49"/>
    <mergeCell ref="I49:W49"/>
    <mergeCell ref="C51:X51"/>
    <mergeCell ref="C63:X63"/>
    <mergeCell ref="C31:H31"/>
    <mergeCell ref="I31:W31"/>
    <mergeCell ref="C35:X35"/>
    <mergeCell ref="C47:H47"/>
    <mergeCell ref="I47:W47"/>
    <mergeCell ref="C48:H48"/>
    <mergeCell ref="I48:W48"/>
  </mergeCells>
  <phoneticPr fontId="2"/>
  <dataValidations count="1">
    <dataValidation type="list" allowBlank="1" showInputMessage="1" showErrorMessage="1" sqref="G7:G9 L7 Q7:Q8 Z25 AB25 Z33 AB33 Z35 AB35 Z41 AB41 Z43 AB43 Z53 AB53 Z55 AB55 Z57 AB57 Z59 AB59 Z61 AB61 Z63 AB63">
      <formula1>"□,■"</formula1>
    </dataValidation>
  </dataValidations>
  <pageMargins left="0.7" right="0.7" top="0.75" bottom="0.75" header="0.3" footer="0.3"/>
  <pageSetup paperSize="9" scale="77" orientation="portrait" r:id="rId1"/>
  <rowBreaks count="1" manualBreakCount="1">
    <brk id="71" max="16383"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AK940"/>
  <sheetViews>
    <sheetView zoomScale="60" zoomScaleNormal="60" zoomScaleSheetLayoutView="100" workbookViewId="0">
      <selection activeCell="C87" sqref="C87"/>
    </sheetView>
  </sheetViews>
  <sheetFormatPr defaultColWidth="4" defaultRowHeight="14.25" x14ac:dyDescent="0.15"/>
  <cols>
    <col min="1" max="1" width="1.25" style="51" customWidth="1"/>
    <col min="2" max="34" width="3.5" style="51" customWidth="1"/>
    <col min="35" max="16384" width="4" style="51"/>
  </cols>
  <sheetData>
    <row r="2" spans="1:37" x14ac:dyDescent="0.15">
      <c r="A2" s="51" t="s">
        <v>88</v>
      </c>
    </row>
    <row r="3" spans="1:37" ht="6.75" customHeight="1" x14ac:dyDescent="0.15"/>
    <row r="4" spans="1:37" x14ac:dyDescent="0.15">
      <c r="B4" s="51" t="s">
        <v>87</v>
      </c>
    </row>
    <row r="5" spans="1:37" ht="7.5" customHeight="1" x14ac:dyDescent="0.15"/>
    <row r="6" spans="1:37" s="66" customFormat="1" ht="24" customHeight="1" x14ac:dyDescent="0.15">
      <c r="F6" s="69" t="s">
        <v>86</v>
      </c>
      <c r="G6" s="68"/>
      <c r="H6" s="68"/>
      <c r="I6" s="68"/>
      <c r="J6" s="68"/>
      <c r="K6" s="68"/>
      <c r="L6" s="67"/>
      <c r="M6" s="704"/>
      <c r="N6" s="705"/>
      <c r="O6" s="705"/>
      <c r="P6" s="705"/>
      <c r="Q6" s="705"/>
      <c r="R6" s="705"/>
      <c r="S6" s="705"/>
      <c r="T6" s="705"/>
      <c r="U6" s="705"/>
      <c r="V6" s="705"/>
      <c r="W6" s="705"/>
      <c r="X6" s="705"/>
      <c r="Y6" s="706"/>
      <c r="AA6" s="66" t="s">
        <v>85</v>
      </c>
    </row>
    <row r="7" spans="1:37" ht="21.75" customHeight="1" x14ac:dyDescent="0.15"/>
    <row r="8" spans="1:37" x14ac:dyDescent="0.15">
      <c r="B8" s="62"/>
      <c r="C8" s="61"/>
      <c r="D8" s="61"/>
      <c r="E8" s="61"/>
      <c r="F8" s="61"/>
      <c r="G8" s="61"/>
      <c r="H8" s="61"/>
      <c r="I8" s="61"/>
      <c r="J8" s="61"/>
      <c r="K8" s="61"/>
      <c r="L8" s="61"/>
      <c r="M8" s="61"/>
      <c r="N8" s="61"/>
      <c r="O8" s="61"/>
      <c r="P8" s="61"/>
      <c r="Q8" s="61"/>
      <c r="R8" s="61"/>
      <c r="S8" s="61"/>
      <c r="T8" s="61"/>
      <c r="U8" s="61"/>
      <c r="V8" s="61"/>
      <c r="W8" s="61"/>
      <c r="X8" s="61"/>
      <c r="Y8" s="61"/>
      <c r="Z8" s="61"/>
      <c r="AA8" s="61"/>
      <c r="AB8" s="61"/>
      <c r="AC8" s="61"/>
      <c r="AD8" s="61"/>
      <c r="AE8" s="61"/>
      <c r="AF8" s="61"/>
      <c r="AG8" s="61"/>
      <c r="AH8" s="61"/>
      <c r="AI8" s="61"/>
      <c r="AJ8" s="61"/>
      <c r="AK8" s="60"/>
    </row>
    <row r="9" spans="1:37" x14ac:dyDescent="0.15">
      <c r="B9" s="58"/>
      <c r="AK9" s="57"/>
    </row>
    <row r="10" spans="1:37" x14ac:dyDescent="0.15">
      <c r="B10" s="58"/>
      <c r="AK10" s="57"/>
    </row>
    <row r="11" spans="1:37" x14ac:dyDescent="0.15">
      <c r="B11" s="58"/>
      <c r="D11" s="62"/>
      <c r="E11" s="61"/>
      <c r="F11" s="61"/>
      <c r="G11" s="61"/>
      <c r="H11" s="61"/>
      <c r="I11" s="62"/>
      <c r="J11" s="61"/>
      <c r="K11" s="61"/>
      <c r="L11" s="60"/>
      <c r="M11" s="61"/>
      <c r="N11" s="61"/>
      <c r="O11" s="61"/>
      <c r="P11" s="60"/>
      <c r="Q11" s="62"/>
      <c r="R11" s="61"/>
      <c r="S11" s="61"/>
      <c r="T11" s="60"/>
      <c r="U11" s="62"/>
      <c r="V11" s="61"/>
      <c r="W11" s="61"/>
      <c r="X11" s="61"/>
      <c r="Y11" s="61"/>
      <c r="Z11" s="60"/>
      <c r="AA11" s="707" t="s">
        <v>84</v>
      </c>
      <c r="AB11" s="708"/>
      <c r="AC11" s="708"/>
      <c r="AD11" s="708"/>
      <c r="AE11" s="708"/>
      <c r="AF11" s="708"/>
      <c r="AG11" s="708"/>
      <c r="AH11" s="708"/>
      <c r="AI11" s="709"/>
      <c r="AK11" s="57"/>
    </row>
    <row r="12" spans="1:37" x14ac:dyDescent="0.15">
      <c r="B12" s="58"/>
      <c r="D12" s="58"/>
      <c r="I12" s="58" t="s">
        <v>83</v>
      </c>
      <c r="L12" s="57"/>
      <c r="M12" s="51" t="s">
        <v>82</v>
      </c>
      <c r="P12" s="57"/>
      <c r="Q12" s="58" t="s">
        <v>81</v>
      </c>
      <c r="T12" s="57"/>
      <c r="U12" s="58" t="s">
        <v>80</v>
      </c>
      <c r="Y12" s="51" t="s">
        <v>72</v>
      </c>
      <c r="AA12" s="710"/>
      <c r="AB12" s="711"/>
      <c r="AC12" s="711"/>
      <c r="AD12" s="711"/>
      <c r="AE12" s="711"/>
      <c r="AF12" s="711"/>
      <c r="AG12" s="711"/>
      <c r="AH12" s="711"/>
      <c r="AI12" s="712"/>
      <c r="AK12" s="57"/>
    </row>
    <row r="13" spans="1:37" ht="6.75" customHeight="1" x14ac:dyDescent="0.15">
      <c r="B13" s="58"/>
      <c r="D13" s="58"/>
      <c r="I13" s="58"/>
      <c r="L13" s="57"/>
      <c r="P13" s="57"/>
      <c r="Q13" s="58"/>
      <c r="T13" s="57"/>
      <c r="U13" s="58"/>
      <c r="Z13" s="57"/>
      <c r="AA13" s="65"/>
      <c r="AB13" s="64"/>
      <c r="AC13" s="64"/>
      <c r="AD13" s="64"/>
      <c r="AE13" s="713" t="s">
        <v>79</v>
      </c>
      <c r="AF13" s="713"/>
      <c r="AG13" s="713"/>
      <c r="AH13" s="713"/>
      <c r="AI13" s="63"/>
      <c r="AK13" s="57"/>
    </row>
    <row r="14" spans="1:37" x14ac:dyDescent="0.15">
      <c r="B14" s="58"/>
      <c r="D14" s="58"/>
      <c r="I14" s="58"/>
      <c r="K14" s="51" t="s">
        <v>72</v>
      </c>
      <c r="L14" s="57"/>
      <c r="O14" s="51" t="s">
        <v>72</v>
      </c>
      <c r="P14" s="57"/>
      <c r="Q14" s="58"/>
      <c r="S14" s="51" t="s">
        <v>72</v>
      </c>
      <c r="T14" s="57"/>
      <c r="U14" s="58" t="s">
        <v>78</v>
      </c>
      <c r="Z14" s="57"/>
      <c r="AA14" s="58"/>
      <c r="AE14" s="714"/>
      <c r="AF14" s="714"/>
      <c r="AG14" s="714"/>
      <c r="AH14" s="714"/>
      <c r="AI14" s="57"/>
      <c r="AK14" s="57"/>
    </row>
    <row r="15" spans="1:37" x14ac:dyDescent="0.15">
      <c r="B15" s="58"/>
      <c r="D15" s="58"/>
      <c r="I15" s="52"/>
      <c r="J15" s="53"/>
      <c r="K15" s="53"/>
      <c r="L15" s="56"/>
      <c r="M15" s="53"/>
      <c r="N15" s="53"/>
      <c r="O15" s="53"/>
      <c r="P15" s="56"/>
      <c r="Q15" s="52"/>
      <c r="R15" s="53"/>
      <c r="S15" s="53"/>
      <c r="T15" s="56"/>
      <c r="U15" s="52"/>
      <c r="V15" s="53"/>
      <c r="W15" s="53"/>
      <c r="X15" s="53"/>
      <c r="Y15" s="53"/>
      <c r="Z15" s="56"/>
      <c r="AE15" s="714"/>
      <c r="AF15" s="714"/>
      <c r="AG15" s="714"/>
      <c r="AH15" s="714"/>
      <c r="AK15" s="57"/>
    </row>
    <row r="16" spans="1:37" x14ac:dyDescent="0.15">
      <c r="B16" s="58"/>
      <c r="D16" s="58"/>
      <c r="L16" s="57"/>
      <c r="AE16" s="714"/>
      <c r="AF16" s="714"/>
      <c r="AG16" s="714"/>
      <c r="AH16" s="714"/>
      <c r="AK16" s="57"/>
    </row>
    <row r="17" spans="2:37" x14ac:dyDescent="0.15">
      <c r="B17" s="58"/>
      <c r="D17" s="58"/>
      <c r="L17" s="57"/>
      <c r="AE17" s="714"/>
      <c r="AF17" s="714"/>
      <c r="AG17" s="714"/>
      <c r="AH17" s="714"/>
      <c r="AI17" s="57"/>
      <c r="AK17" s="57"/>
    </row>
    <row r="18" spans="2:37" x14ac:dyDescent="0.15">
      <c r="B18" s="58"/>
      <c r="D18" s="58"/>
      <c r="L18" s="57"/>
      <c r="AE18" s="715"/>
      <c r="AF18" s="715"/>
      <c r="AG18" s="715"/>
      <c r="AH18" s="715"/>
      <c r="AI18" s="57"/>
      <c r="AK18" s="57"/>
    </row>
    <row r="19" spans="2:37" x14ac:dyDescent="0.15">
      <c r="B19" s="58"/>
      <c r="D19" s="58"/>
      <c r="L19" s="57"/>
      <c r="M19" s="61"/>
      <c r="N19" s="61"/>
      <c r="O19" s="61"/>
      <c r="P19" s="61"/>
      <c r="Q19" s="61"/>
      <c r="R19" s="61"/>
      <c r="S19" s="61"/>
      <c r="T19" s="61"/>
      <c r="U19" s="61"/>
      <c r="V19" s="61"/>
      <c r="W19" s="60"/>
      <c r="X19" s="62"/>
      <c r="Y19" s="61"/>
      <c r="Z19" s="60"/>
      <c r="AD19" s="62"/>
      <c r="AE19" s="61"/>
      <c r="AF19" s="61"/>
      <c r="AG19" s="61"/>
      <c r="AH19" s="61"/>
      <c r="AI19" s="60"/>
      <c r="AK19" s="57"/>
    </row>
    <row r="20" spans="2:37" x14ac:dyDescent="0.15">
      <c r="B20" s="58"/>
      <c r="D20" s="58"/>
      <c r="E20" s="51" t="s">
        <v>77</v>
      </c>
      <c r="J20" s="59" t="s">
        <v>72</v>
      </c>
      <c r="L20" s="57"/>
      <c r="W20" s="57"/>
      <c r="X20" s="58"/>
      <c r="Z20" s="57"/>
      <c r="AD20" s="58"/>
      <c r="AI20" s="57"/>
      <c r="AK20" s="57"/>
    </row>
    <row r="21" spans="2:37" ht="6.75" customHeight="1" x14ac:dyDescent="0.15">
      <c r="B21" s="58"/>
      <c r="D21" s="58"/>
      <c r="J21" s="59"/>
      <c r="L21" s="57"/>
      <c r="W21" s="57"/>
      <c r="X21" s="58"/>
      <c r="Z21" s="57"/>
      <c r="AD21" s="58"/>
      <c r="AI21" s="57"/>
      <c r="AK21" s="57"/>
    </row>
    <row r="22" spans="2:37" x14ac:dyDescent="0.15">
      <c r="B22" s="58"/>
      <c r="D22" s="58"/>
      <c r="E22" s="51" t="s">
        <v>76</v>
      </c>
      <c r="L22" s="57"/>
      <c r="W22" s="57"/>
      <c r="X22" s="58" t="s">
        <v>75</v>
      </c>
      <c r="Z22" s="57"/>
      <c r="AD22" s="58"/>
      <c r="AI22" s="57"/>
      <c r="AK22" s="57"/>
    </row>
    <row r="23" spans="2:37" x14ac:dyDescent="0.15">
      <c r="B23" s="58"/>
      <c r="D23" s="58"/>
      <c r="L23" s="57"/>
      <c r="O23" s="51" t="s">
        <v>74</v>
      </c>
      <c r="R23" s="59" t="s">
        <v>72</v>
      </c>
      <c r="W23" s="57"/>
      <c r="X23" s="58"/>
      <c r="Z23" s="57" t="s">
        <v>72</v>
      </c>
      <c r="AD23" s="58"/>
      <c r="AE23" s="51" t="s">
        <v>73</v>
      </c>
      <c r="AH23" s="59" t="s">
        <v>72</v>
      </c>
      <c r="AI23" s="57"/>
      <c r="AK23" s="57"/>
    </row>
    <row r="24" spans="2:37" x14ac:dyDescent="0.15">
      <c r="B24" s="58"/>
      <c r="D24" s="58"/>
      <c r="L24" s="57"/>
      <c r="W24" s="57"/>
      <c r="X24" s="58"/>
      <c r="Z24" s="57"/>
      <c r="AD24" s="58"/>
      <c r="AI24" s="57"/>
      <c r="AK24" s="57"/>
    </row>
    <row r="25" spans="2:37" ht="6.75" customHeight="1" x14ac:dyDescent="0.15">
      <c r="B25" s="58"/>
      <c r="D25" s="58"/>
      <c r="L25" s="57"/>
      <c r="W25" s="57"/>
      <c r="X25" s="58"/>
      <c r="Z25" s="57"/>
      <c r="AD25" s="58"/>
      <c r="AI25" s="57"/>
      <c r="AK25" s="57"/>
    </row>
    <row r="26" spans="2:37" x14ac:dyDescent="0.15">
      <c r="B26" s="58"/>
      <c r="D26" s="58"/>
      <c r="L26" s="57"/>
      <c r="W26" s="57"/>
      <c r="X26" s="58"/>
      <c r="Z26" s="57"/>
      <c r="AD26" s="58"/>
      <c r="AI26" s="57"/>
      <c r="AK26" s="57"/>
    </row>
    <row r="27" spans="2:37" x14ac:dyDescent="0.15">
      <c r="B27" s="58"/>
      <c r="D27" s="52"/>
      <c r="E27" s="53"/>
      <c r="F27" s="53"/>
      <c r="G27" s="53"/>
      <c r="H27" s="53"/>
      <c r="I27" s="53"/>
      <c r="J27" s="53"/>
      <c r="K27" s="53"/>
      <c r="L27" s="56"/>
      <c r="M27" s="53"/>
      <c r="N27" s="53"/>
      <c r="O27" s="53"/>
      <c r="P27" s="53"/>
      <c r="Q27" s="53"/>
      <c r="R27" s="53"/>
      <c r="S27" s="53"/>
      <c r="T27" s="53"/>
      <c r="U27" s="53"/>
      <c r="V27" s="53"/>
      <c r="W27" s="56"/>
      <c r="X27" s="52"/>
      <c r="Y27" s="53"/>
      <c r="Z27" s="56"/>
      <c r="AA27" s="53"/>
      <c r="AB27" s="53"/>
      <c r="AC27" s="53"/>
      <c r="AD27" s="52"/>
      <c r="AE27" s="53"/>
      <c r="AF27" s="53"/>
      <c r="AG27" s="53"/>
      <c r="AH27" s="53"/>
      <c r="AI27" s="56"/>
      <c r="AK27" s="57"/>
    </row>
    <row r="28" spans="2:37" x14ac:dyDescent="0.15">
      <c r="B28" s="58"/>
      <c r="AK28" s="57"/>
    </row>
    <row r="29" spans="2:37" x14ac:dyDescent="0.15">
      <c r="B29" s="58"/>
      <c r="AK29" s="57"/>
    </row>
    <row r="30" spans="2:37" x14ac:dyDescent="0.15">
      <c r="B30" s="52"/>
      <c r="C30" s="53"/>
      <c r="D30" s="53"/>
      <c r="E30" s="53"/>
      <c r="F30" s="53"/>
      <c r="G30" s="53"/>
      <c r="H30" s="53"/>
      <c r="I30" s="53"/>
      <c r="J30" s="53"/>
      <c r="K30" s="53"/>
      <c r="L30" s="53"/>
      <c r="M30" s="53"/>
      <c r="N30" s="53"/>
      <c r="O30" s="53"/>
      <c r="P30" s="53"/>
      <c r="Q30" s="53"/>
      <c r="R30" s="53"/>
      <c r="S30" s="53"/>
      <c r="T30" s="53"/>
      <c r="U30" s="53"/>
      <c r="V30" s="53"/>
      <c r="W30" s="53"/>
      <c r="X30" s="53"/>
      <c r="Y30" s="53"/>
      <c r="Z30" s="53"/>
      <c r="AA30" s="53"/>
      <c r="AB30" s="53"/>
      <c r="AC30" s="53"/>
      <c r="AD30" s="53"/>
      <c r="AE30" s="53"/>
      <c r="AF30" s="53"/>
      <c r="AG30" s="53"/>
      <c r="AH30" s="53"/>
      <c r="AI30" s="53"/>
      <c r="AJ30" s="53"/>
      <c r="AK30" s="56"/>
    </row>
    <row r="32" spans="2:37" s="54" customFormat="1" x14ac:dyDescent="0.15">
      <c r="B32" s="55" t="s">
        <v>71</v>
      </c>
    </row>
    <row r="33" spans="2:2" s="54" customFormat="1" x14ac:dyDescent="0.15">
      <c r="B33" s="55" t="s">
        <v>70</v>
      </c>
    </row>
    <row r="122" spans="1:1" x14ac:dyDescent="0.15">
      <c r="A122" s="53"/>
    </row>
    <row r="158" spans="1:1" x14ac:dyDescent="0.15">
      <c r="A158" s="52"/>
    </row>
    <row r="209" spans="1:1" x14ac:dyDescent="0.15">
      <c r="A209" s="52"/>
    </row>
    <row r="258" spans="1:1" x14ac:dyDescent="0.15">
      <c r="A258" s="52"/>
    </row>
    <row r="285" spans="1:1" x14ac:dyDescent="0.15">
      <c r="A285" s="53"/>
    </row>
    <row r="335" spans="1:1" x14ac:dyDescent="0.15">
      <c r="A335" s="52"/>
    </row>
    <row r="359" spans="1:1" x14ac:dyDescent="0.15">
      <c r="A359" s="53"/>
    </row>
    <row r="387" spans="1:1" x14ac:dyDescent="0.15">
      <c r="A387" s="53"/>
    </row>
    <row r="415" spans="1:1" x14ac:dyDescent="0.15">
      <c r="A415" s="53"/>
    </row>
    <row r="439" spans="1:1" x14ac:dyDescent="0.15">
      <c r="A439" s="53"/>
    </row>
    <row r="468" spans="1:1" x14ac:dyDescent="0.15">
      <c r="A468" s="53"/>
    </row>
    <row r="497" spans="1:1" x14ac:dyDescent="0.15">
      <c r="A497" s="53"/>
    </row>
    <row r="546" spans="1:1" x14ac:dyDescent="0.15">
      <c r="A546" s="52"/>
    </row>
    <row r="577" spans="1:1" x14ac:dyDescent="0.15">
      <c r="A577" s="52"/>
    </row>
    <row r="621" spans="1:1" x14ac:dyDescent="0.15">
      <c r="A621" s="52"/>
    </row>
    <row r="657" spans="1:1" x14ac:dyDescent="0.15">
      <c r="A657" s="53"/>
    </row>
    <row r="696" spans="1:1" x14ac:dyDescent="0.15">
      <c r="A696" s="52"/>
    </row>
    <row r="725" spans="1:1" x14ac:dyDescent="0.15">
      <c r="A725" s="52"/>
    </row>
    <row r="764" spans="1:1" x14ac:dyDescent="0.15">
      <c r="A764" s="52"/>
    </row>
    <row r="803" spans="1:1" x14ac:dyDescent="0.15">
      <c r="A803" s="52"/>
    </row>
    <row r="831" spans="1:1" x14ac:dyDescent="0.15">
      <c r="A831" s="52"/>
    </row>
    <row r="871" spans="1:1" x14ac:dyDescent="0.15">
      <c r="A871" s="52"/>
    </row>
    <row r="911" spans="1:1" x14ac:dyDescent="0.15">
      <c r="A911" s="52"/>
    </row>
    <row r="940" spans="1:1" x14ac:dyDescent="0.15">
      <c r="A940" s="52"/>
    </row>
  </sheetData>
  <mergeCells count="3">
    <mergeCell ref="M6:Y6"/>
    <mergeCell ref="AA11:AI12"/>
    <mergeCell ref="AE13:AH18"/>
  </mergeCells>
  <phoneticPr fontId="2"/>
  <pageMargins left="0.7" right="0.7" top="0.75" bottom="0.75" header="0.3" footer="0.3"/>
  <pageSetup paperSize="9" scale="65" orientation="portrait" r:id="rId1"/>
</worksheet>
</file>

<file path=xl/worksheets/sheet4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K78"/>
  <sheetViews>
    <sheetView view="pageBreakPreview" zoomScaleNormal="100" zoomScaleSheetLayoutView="100" workbookViewId="0">
      <selection activeCell="C87" sqref="C87"/>
    </sheetView>
  </sheetViews>
  <sheetFormatPr defaultColWidth="3.5" defaultRowHeight="13.5" x14ac:dyDescent="0.15"/>
  <cols>
    <col min="1" max="1" width="3.5" style="3"/>
    <col min="2" max="2" width="3" style="140" customWidth="1"/>
    <col min="3" max="7" width="3.5" style="3"/>
    <col min="8" max="8" width="2.5" style="3" customWidth="1"/>
    <col min="9" max="16384" width="3.5" style="3"/>
  </cols>
  <sheetData>
    <row r="1" spans="2:27" s="8" customFormat="1" x14ac:dyDescent="0.15"/>
    <row r="2" spans="2:27" s="8" customFormat="1" x14ac:dyDescent="0.15">
      <c r="B2" s="8" t="s">
        <v>1007</v>
      </c>
      <c r="AA2" s="17" t="s">
        <v>1006</v>
      </c>
    </row>
    <row r="3" spans="2:27" s="8" customFormat="1" ht="8.25" customHeight="1" x14ac:dyDescent="0.15"/>
    <row r="4" spans="2:27" s="8" customFormat="1" x14ac:dyDescent="0.15">
      <c r="B4" s="778" t="s">
        <v>1005</v>
      </c>
      <c r="C4" s="778"/>
      <c r="D4" s="778"/>
      <c r="E4" s="778"/>
      <c r="F4" s="778"/>
      <c r="G4" s="778"/>
      <c r="H4" s="778"/>
      <c r="I4" s="778"/>
      <c r="J4" s="778"/>
      <c r="K4" s="778"/>
      <c r="L4" s="778"/>
      <c r="M4" s="778"/>
      <c r="N4" s="778"/>
      <c r="O4" s="778"/>
      <c r="P4" s="778"/>
      <c r="Q4" s="778"/>
      <c r="R4" s="778"/>
      <c r="S4" s="778"/>
      <c r="T4" s="778"/>
      <c r="U4" s="778"/>
      <c r="V4" s="778"/>
      <c r="W4" s="778"/>
      <c r="X4" s="778"/>
      <c r="Y4" s="778"/>
      <c r="Z4" s="778"/>
      <c r="AA4" s="778"/>
    </row>
    <row r="5" spans="2:27" s="8" customFormat="1" ht="6.75" customHeight="1" x14ac:dyDescent="0.15"/>
    <row r="6" spans="2:27" s="8" customFormat="1" ht="18.600000000000001" customHeight="1" x14ac:dyDescent="0.15">
      <c r="B6" s="790" t="s">
        <v>57</v>
      </c>
      <c r="C6" s="790"/>
      <c r="D6" s="790"/>
      <c r="E6" s="790"/>
      <c r="F6" s="790"/>
      <c r="G6" s="780"/>
      <c r="H6" s="781"/>
      <c r="I6" s="781"/>
      <c r="J6" s="781"/>
      <c r="K6" s="781"/>
      <c r="L6" s="781"/>
      <c r="M6" s="781"/>
      <c r="N6" s="781"/>
      <c r="O6" s="781"/>
      <c r="P6" s="781"/>
      <c r="Q6" s="781"/>
      <c r="R6" s="781"/>
      <c r="S6" s="781"/>
      <c r="T6" s="781"/>
      <c r="U6" s="781"/>
      <c r="V6" s="781"/>
      <c r="W6" s="781"/>
      <c r="X6" s="781"/>
      <c r="Y6" s="781"/>
      <c r="Z6" s="781"/>
      <c r="AA6" s="782"/>
    </row>
    <row r="7" spans="2:27" s="8" customFormat="1" ht="19.5" customHeight="1" x14ac:dyDescent="0.15">
      <c r="B7" s="790" t="s">
        <v>244</v>
      </c>
      <c r="C7" s="790"/>
      <c r="D7" s="790"/>
      <c r="E7" s="790"/>
      <c r="F7" s="790"/>
      <c r="G7" s="780"/>
      <c r="H7" s="781"/>
      <c r="I7" s="781"/>
      <c r="J7" s="781"/>
      <c r="K7" s="781"/>
      <c r="L7" s="781"/>
      <c r="M7" s="781"/>
      <c r="N7" s="781"/>
      <c r="O7" s="781"/>
      <c r="P7" s="781"/>
      <c r="Q7" s="781"/>
      <c r="R7" s="781"/>
      <c r="S7" s="781"/>
      <c r="T7" s="781"/>
      <c r="U7" s="781"/>
      <c r="V7" s="781"/>
      <c r="W7" s="781"/>
      <c r="X7" s="781"/>
      <c r="Y7" s="781"/>
      <c r="Z7" s="781"/>
      <c r="AA7" s="782"/>
    </row>
    <row r="8" spans="2:27" s="8" customFormat="1" ht="19.5" customHeight="1" x14ac:dyDescent="0.15">
      <c r="B8" s="780" t="s">
        <v>243</v>
      </c>
      <c r="C8" s="781"/>
      <c r="D8" s="781"/>
      <c r="E8" s="781"/>
      <c r="F8" s="782"/>
      <c r="G8" s="906" t="s">
        <v>1004</v>
      </c>
      <c r="H8" s="907"/>
      <c r="I8" s="907"/>
      <c r="J8" s="907"/>
      <c r="K8" s="907"/>
      <c r="L8" s="907"/>
      <c r="M8" s="907"/>
      <c r="N8" s="907"/>
      <c r="O8" s="907"/>
      <c r="P8" s="907"/>
      <c r="Q8" s="907"/>
      <c r="R8" s="907"/>
      <c r="S8" s="907"/>
      <c r="T8" s="907"/>
      <c r="U8" s="907"/>
      <c r="V8" s="907"/>
      <c r="W8" s="907"/>
      <c r="X8" s="907"/>
      <c r="Y8" s="907"/>
      <c r="Z8" s="907"/>
      <c r="AA8" s="908"/>
    </row>
    <row r="9" spans="2:27" ht="20.100000000000001" customHeight="1" x14ac:dyDescent="0.15">
      <c r="B9" s="783" t="s">
        <v>239</v>
      </c>
      <c r="C9" s="784"/>
      <c r="D9" s="784"/>
      <c r="E9" s="784"/>
      <c r="F9" s="784"/>
      <c r="G9" s="1076" t="s">
        <v>1003</v>
      </c>
      <c r="H9" s="1076"/>
      <c r="I9" s="1076"/>
      <c r="J9" s="1076"/>
      <c r="K9" s="1076"/>
      <c r="L9" s="1076"/>
      <c r="M9" s="1076"/>
      <c r="N9" s="1076" t="s">
        <v>1002</v>
      </c>
      <c r="O9" s="1076"/>
      <c r="P9" s="1076"/>
      <c r="Q9" s="1076"/>
      <c r="R9" s="1076"/>
      <c r="S9" s="1076"/>
      <c r="T9" s="1076"/>
      <c r="U9" s="1076" t="s">
        <v>1001</v>
      </c>
      <c r="V9" s="1076"/>
      <c r="W9" s="1076"/>
      <c r="X9" s="1076"/>
      <c r="Y9" s="1076"/>
      <c r="Z9" s="1076"/>
      <c r="AA9" s="1076"/>
    </row>
    <row r="10" spans="2:27" ht="20.100000000000001" customHeight="1" x14ac:dyDescent="0.15">
      <c r="B10" s="810"/>
      <c r="C10" s="778"/>
      <c r="D10" s="778"/>
      <c r="E10" s="778"/>
      <c r="F10" s="778"/>
      <c r="G10" s="1076" t="s">
        <v>1000</v>
      </c>
      <c r="H10" s="1076"/>
      <c r="I10" s="1076"/>
      <c r="J10" s="1076"/>
      <c r="K10" s="1076"/>
      <c r="L10" s="1076"/>
      <c r="M10" s="1076"/>
      <c r="N10" s="1076" t="s">
        <v>999</v>
      </c>
      <c r="O10" s="1076"/>
      <c r="P10" s="1076"/>
      <c r="Q10" s="1076"/>
      <c r="R10" s="1076"/>
      <c r="S10" s="1076"/>
      <c r="T10" s="1076"/>
      <c r="U10" s="1076" t="s">
        <v>998</v>
      </c>
      <c r="V10" s="1076"/>
      <c r="W10" s="1076"/>
      <c r="X10" s="1076"/>
      <c r="Y10" s="1076"/>
      <c r="Z10" s="1076"/>
      <c r="AA10" s="1076"/>
    </row>
    <row r="11" spans="2:27" ht="20.100000000000001" customHeight="1" x14ac:dyDescent="0.15">
      <c r="B11" s="810"/>
      <c r="C11" s="778"/>
      <c r="D11" s="778"/>
      <c r="E11" s="778"/>
      <c r="F11" s="778"/>
      <c r="G11" s="1076" t="s">
        <v>997</v>
      </c>
      <c r="H11" s="1076"/>
      <c r="I11" s="1076"/>
      <c r="J11" s="1076"/>
      <c r="K11" s="1076"/>
      <c r="L11" s="1076"/>
      <c r="M11" s="1076"/>
      <c r="N11" s="1076" t="s">
        <v>996</v>
      </c>
      <c r="O11" s="1076"/>
      <c r="P11" s="1076"/>
      <c r="Q11" s="1076"/>
      <c r="R11" s="1076"/>
      <c r="S11" s="1076"/>
      <c r="T11" s="1076"/>
      <c r="U11" s="1076" t="s">
        <v>995</v>
      </c>
      <c r="V11" s="1076"/>
      <c r="W11" s="1076"/>
      <c r="X11" s="1076"/>
      <c r="Y11" s="1076"/>
      <c r="Z11" s="1076"/>
      <c r="AA11" s="1076"/>
    </row>
    <row r="12" spans="2:27" ht="20.100000000000001" customHeight="1" x14ac:dyDescent="0.15">
      <c r="B12" s="810"/>
      <c r="C12" s="778"/>
      <c r="D12" s="778"/>
      <c r="E12" s="778"/>
      <c r="F12" s="778"/>
      <c r="G12" s="1076" t="s">
        <v>994</v>
      </c>
      <c r="H12" s="1076"/>
      <c r="I12" s="1076"/>
      <c r="J12" s="1076"/>
      <c r="K12" s="1076"/>
      <c r="L12" s="1076"/>
      <c r="M12" s="1076"/>
      <c r="N12" s="1076" t="s">
        <v>993</v>
      </c>
      <c r="O12" s="1076"/>
      <c r="P12" s="1076"/>
      <c r="Q12" s="1076"/>
      <c r="R12" s="1076"/>
      <c r="S12" s="1076"/>
      <c r="T12" s="1076"/>
      <c r="U12" s="1077" t="s">
        <v>992</v>
      </c>
      <c r="V12" s="1077"/>
      <c r="W12" s="1077"/>
      <c r="X12" s="1077"/>
      <c r="Y12" s="1077"/>
      <c r="Z12" s="1077"/>
      <c r="AA12" s="1077"/>
    </row>
    <row r="13" spans="2:27" ht="20.100000000000001" customHeight="1" x14ac:dyDescent="0.15">
      <c r="B13" s="810"/>
      <c r="C13" s="778"/>
      <c r="D13" s="778"/>
      <c r="E13" s="778"/>
      <c r="F13" s="778"/>
      <c r="G13" s="1076" t="s">
        <v>991</v>
      </c>
      <c r="H13" s="1076"/>
      <c r="I13" s="1076"/>
      <c r="J13" s="1076"/>
      <c r="K13" s="1076"/>
      <c r="L13" s="1076"/>
      <c r="M13" s="1076"/>
      <c r="N13" s="1076" t="s">
        <v>990</v>
      </c>
      <c r="O13" s="1076"/>
      <c r="P13" s="1076"/>
      <c r="Q13" s="1076"/>
      <c r="R13" s="1076"/>
      <c r="S13" s="1076"/>
      <c r="T13" s="1076"/>
      <c r="U13" s="1077" t="s">
        <v>989</v>
      </c>
      <c r="V13" s="1077"/>
      <c r="W13" s="1077"/>
      <c r="X13" s="1077"/>
      <c r="Y13" s="1077"/>
      <c r="Z13" s="1077"/>
      <c r="AA13" s="1077"/>
    </row>
    <row r="14" spans="2:27" ht="20.100000000000001" customHeight="1" x14ac:dyDescent="0.15">
      <c r="B14" s="786"/>
      <c r="C14" s="787"/>
      <c r="D14" s="787"/>
      <c r="E14" s="787"/>
      <c r="F14" s="787"/>
      <c r="G14" s="1076" t="s">
        <v>988</v>
      </c>
      <c r="H14" s="1076"/>
      <c r="I14" s="1076"/>
      <c r="J14" s="1076"/>
      <c r="K14" s="1076"/>
      <c r="L14" s="1076"/>
      <c r="M14" s="1076"/>
      <c r="N14" s="1076"/>
      <c r="O14" s="1076"/>
      <c r="P14" s="1076"/>
      <c r="Q14" s="1076"/>
      <c r="R14" s="1076"/>
      <c r="S14" s="1076"/>
      <c r="T14" s="1076"/>
      <c r="U14" s="1077"/>
      <c r="V14" s="1077"/>
      <c r="W14" s="1077"/>
      <c r="X14" s="1077"/>
      <c r="Y14" s="1077"/>
      <c r="Z14" s="1077"/>
      <c r="AA14" s="1077"/>
    </row>
    <row r="15" spans="2:27" ht="20.25" customHeight="1" x14ac:dyDescent="0.15">
      <c r="B15" s="780" t="s">
        <v>987</v>
      </c>
      <c r="C15" s="781"/>
      <c r="D15" s="781"/>
      <c r="E15" s="781"/>
      <c r="F15" s="782"/>
      <c r="G15" s="909" t="s">
        <v>986</v>
      </c>
      <c r="H15" s="910"/>
      <c r="I15" s="910"/>
      <c r="J15" s="910"/>
      <c r="K15" s="910"/>
      <c r="L15" s="910"/>
      <c r="M15" s="910"/>
      <c r="N15" s="910"/>
      <c r="O15" s="910"/>
      <c r="P15" s="910"/>
      <c r="Q15" s="910"/>
      <c r="R15" s="910"/>
      <c r="S15" s="910"/>
      <c r="T15" s="910"/>
      <c r="U15" s="910"/>
      <c r="V15" s="910"/>
      <c r="W15" s="910"/>
      <c r="X15" s="910"/>
      <c r="Y15" s="910"/>
      <c r="Z15" s="910"/>
      <c r="AA15" s="911"/>
    </row>
    <row r="16" spans="2:27" s="8" customFormat="1" ht="9" customHeight="1" x14ac:dyDescent="0.15"/>
    <row r="17" spans="2:27" s="8" customFormat="1" ht="17.25" customHeight="1" x14ac:dyDescent="0.15">
      <c r="B17" s="8" t="s">
        <v>985</v>
      </c>
    </row>
    <row r="18" spans="2:27" s="8" customFormat="1" ht="6" customHeight="1" x14ac:dyDescent="0.15">
      <c r="B18" s="158"/>
      <c r="C18" s="157"/>
      <c r="D18" s="157"/>
      <c r="E18" s="157"/>
      <c r="F18" s="157"/>
      <c r="G18" s="157"/>
      <c r="H18" s="157"/>
      <c r="I18" s="157"/>
      <c r="J18" s="157"/>
      <c r="K18" s="157"/>
      <c r="L18" s="157"/>
      <c r="M18" s="157"/>
      <c r="N18" s="157"/>
      <c r="O18" s="157"/>
      <c r="P18" s="157"/>
      <c r="Q18" s="157"/>
      <c r="R18" s="157"/>
      <c r="S18" s="157"/>
      <c r="T18" s="157"/>
      <c r="U18" s="157"/>
      <c r="V18" s="157"/>
      <c r="W18" s="157"/>
      <c r="X18" s="157"/>
      <c r="Y18" s="157"/>
      <c r="Z18" s="157"/>
      <c r="AA18" s="156"/>
    </row>
    <row r="19" spans="2:27" s="8" customFormat="1" ht="19.5" customHeight="1" x14ac:dyDescent="0.15">
      <c r="B19" s="9"/>
      <c r="C19" s="8" t="s">
        <v>984</v>
      </c>
      <c r="D19" s="18"/>
      <c r="E19" s="18"/>
      <c r="F19" s="18"/>
      <c r="G19" s="18"/>
      <c r="H19" s="18"/>
      <c r="I19" s="18"/>
      <c r="J19" s="18"/>
      <c r="K19" s="18"/>
      <c r="L19" s="18"/>
      <c r="M19" s="18"/>
      <c r="N19" s="18"/>
      <c r="O19" s="18"/>
      <c r="Y19" s="1013" t="s">
        <v>964</v>
      </c>
      <c r="Z19" s="1013"/>
      <c r="AA19" s="149"/>
    </row>
    <row r="20" spans="2:27" s="8" customFormat="1" x14ac:dyDescent="0.15">
      <c r="B20" s="9"/>
      <c r="D20" s="18"/>
      <c r="E20" s="18"/>
      <c r="F20" s="18"/>
      <c r="G20" s="18"/>
      <c r="H20" s="18"/>
      <c r="I20" s="18"/>
      <c r="J20" s="18"/>
      <c r="K20" s="18"/>
      <c r="L20" s="18"/>
      <c r="M20" s="18"/>
      <c r="N20" s="18"/>
      <c r="O20" s="18"/>
      <c r="Y20" s="249"/>
      <c r="Z20" s="249"/>
      <c r="AA20" s="149"/>
    </row>
    <row r="21" spans="2:27" s="8" customFormat="1" x14ac:dyDescent="0.15">
      <c r="B21" s="9"/>
      <c r="C21" s="8" t="s">
        <v>983</v>
      </c>
      <c r="D21" s="18"/>
      <c r="E21" s="18"/>
      <c r="F21" s="18"/>
      <c r="G21" s="18"/>
      <c r="H21" s="18"/>
      <c r="I21" s="18"/>
      <c r="J21" s="18"/>
      <c r="K21" s="18"/>
      <c r="L21" s="18"/>
      <c r="M21" s="18"/>
      <c r="N21" s="18"/>
      <c r="O21" s="18"/>
      <c r="Y21" s="249"/>
      <c r="Z21" s="249"/>
      <c r="AA21" s="149"/>
    </row>
    <row r="22" spans="2:27" s="8" customFormat="1" ht="19.5" customHeight="1" x14ac:dyDescent="0.15">
      <c r="B22" s="9"/>
      <c r="C22" s="8" t="s">
        <v>982</v>
      </c>
      <c r="D22" s="18"/>
      <c r="E22" s="18"/>
      <c r="F22" s="18"/>
      <c r="G22" s="18"/>
      <c r="H22" s="18"/>
      <c r="I22" s="18"/>
      <c r="J22" s="18"/>
      <c r="K22" s="18"/>
      <c r="L22" s="18"/>
      <c r="M22" s="18"/>
      <c r="N22" s="18"/>
      <c r="O22" s="18"/>
      <c r="Y22" s="1013" t="s">
        <v>964</v>
      </c>
      <c r="Z22" s="1013"/>
      <c r="AA22" s="149"/>
    </row>
    <row r="23" spans="2:27" s="8" customFormat="1" ht="19.5" customHeight="1" x14ac:dyDescent="0.15">
      <c r="B23" s="9"/>
      <c r="C23" s="8" t="s">
        <v>971</v>
      </c>
      <c r="D23" s="18"/>
      <c r="E23" s="18"/>
      <c r="F23" s="18"/>
      <c r="G23" s="18"/>
      <c r="H23" s="18"/>
      <c r="I23" s="18"/>
      <c r="J23" s="18"/>
      <c r="K23" s="18"/>
      <c r="L23" s="18"/>
      <c r="M23" s="18"/>
      <c r="N23" s="18"/>
      <c r="O23" s="18"/>
      <c r="Y23" s="1013" t="s">
        <v>964</v>
      </c>
      <c r="Z23" s="1013"/>
      <c r="AA23" s="149"/>
    </row>
    <row r="24" spans="2:27" s="8" customFormat="1" ht="19.5" customHeight="1" x14ac:dyDescent="0.15">
      <c r="B24" s="9"/>
      <c r="C24" s="8" t="s">
        <v>970</v>
      </c>
      <c r="D24" s="18"/>
      <c r="E24" s="18"/>
      <c r="F24" s="18"/>
      <c r="G24" s="18"/>
      <c r="H24" s="18"/>
      <c r="I24" s="18"/>
      <c r="J24" s="18"/>
      <c r="K24" s="18"/>
      <c r="L24" s="18"/>
      <c r="M24" s="18"/>
      <c r="N24" s="18"/>
      <c r="O24" s="18"/>
      <c r="Y24" s="1013" t="s">
        <v>964</v>
      </c>
      <c r="Z24" s="1013"/>
      <c r="AA24" s="149"/>
    </row>
    <row r="25" spans="2:27" s="8" customFormat="1" ht="19.5" customHeight="1" x14ac:dyDescent="0.15">
      <c r="B25" s="9"/>
      <c r="D25" s="809" t="s">
        <v>969</v>
      </c>
      <c r="E25" s="809"/>
      <c r="F25" s="809"/>
      <c r="G25" s="809"/>
      <c r="H25" s="809"/>
      <c r="I25" s="809"/>
      <c r="J25" s="809"/>
      <c r="K25" s="18"/>
      <c r="L25" s="18"/>
      <c r="M25" s="18"/>
      <c r="N25" s="18"/>
      <c r="O25" s="18"/>
      <c r="Y25" s="249"/>
      <c r="Z25" s="249"/>
      <c r="AA25" s="149"/>
    </row>
    <row r="26" spans="2:27" s="8" customFormat="1" ht="24.95" customHeight="1" x14ac:dyDescent="0.15">
      <c r="B26" s="9"/>
      <c r="C26" s="8" t="s">
        <v>968</v>
      </c>
      <c r="AA26" s="149"/>
    </row>
    <row r="27" spans="2:27" s="8" customFormat="1" ht="6.75" customHeight="1" x14ac:dyDescent="0.15">
      <c r="B27" s="9"/>
      <c r="AA27" s="149"/>
    </row>
    <row r="28" spans="2:27" s="8" customFormat="1" ht="23.25" customHeight="1" x14ac:dyDescent="0.15">
      <c r="B28" s="9" t="s">
        <v>230</v>
      </c>
      <c r="C28" s="780" t="s">
        <v>232</v>
      </c>
      <c r="D28" s="781"/>
      <c r="E28" s="781"/>
      <c r="F28" s="781"/>
      <c r="G28" s="781"/>
      <c r="H28" s="782"/>
      <c r="I28" s="978"/>
      <c r="J28" s="978"/>
      <c r="K28" s="978"/>
      <c r="L28" s="978"/>
      <c r="M28" s="978"/>
      <c r="N28" s="978"/>
      <c r="O28" s="978"/>
      <c r="P28" s="978"/>
      <c r="Q28" s="978"/>
      <c r="R28" s="978"/>
      <c r="S28" s="978"/>
      <c r="T28" s="978"/>
      <c r="U28" s="978"/>
      <c r="V28" s="978"/>
      <c r="W28" s="978"/>
      <c r="X28" s="978"/>
      <c r="Y28" s="978"/>
      <c r="Z28" s="1001"/>
      <c r="AA28" s="149"/>
    </row>
    <row r="29" spans="2:27" s="8" customFormat="1" ht="23.25" customHeight="1" x14ac:dyDescent="0.15">
      <c r="B29" s="9" t="s">
        <v>230</v>
      </c>
      <c r="C29" s="780" t="s">
        <v>231</v>
      </c>
      <c r="D29" s="781"/>
      <c r="E29" s="781"/>
      <c r="F29" s="781"/>
      <c r="G29" s="781"/>
      <c r="H29" s="782"/>
      <c r="I29" s="978"/>
      <c r="J29" s="978"/>
      <c r="K29" s="978"/>
      <c r="L29" s="978"/>
      <c r="M29" s="978"/>
      <c r="N29" s="978"/>
      <c r="O29" s="978"/>
      <c r="P29" s="978"/>
      <c r="Q29" s="978"/>
      <c r="R29" s="978"/>
      <c r="S29" s="978"/>
      <c r="T29" s="978"/>
      <c r="U29" s="978"/>
      <c r="V29" s="978"/>
      <c r="W29" s="978"/>
      <c r="X29" s="978"/>
      <c r="Y29" s="978"/>
      <c r="Z29" s="1001"/>
      <c r="AA29" s="149"/>
    </row>
    <row r="30" spans="2:27" s="8" customFormat="1" ht="23.25" customHeight="1" x14ac:dyDescent="0.15">
      <c r="B30" s="9" t="s">
        <v>230</v>
      </c>
      <c r="C30" s="780" t="s">
        <v>229</v>
      </c>
      <c r="D30" s="781"/>
      <c r="E30" s="781"/>
      <c r="F30" s="781"/>
      <c r="G30" s="781"/>
      <c r="H30" s="782"/>
      <c r="I30" s="978"/>
      <c r="J30" s="978"/>
      <c r="K30" s="978"/>
      <c r="L30" s="978"/>
      <c r="M30" s="978"/>
      <c r="N30" s="978"/>
      <c r="O30" s="978"/>
      <c r="P30" s="978"/>
      <c r="Q30" s="978"/>
      <c r="R30" s="978"/>
      <c r="S30" s="978"/>
      <c r="T30" s="978"/>
      <c r="U30" s="978"/>
      <c r="V30" s="978"/>
      <c r="W30" s="978"/>
      <c r="X30" s="978"/>
      <c r="Y30" s="978"/>
      <c r="Z30" s="1001"/>
      <c r="AA30" s="149"/>
    </row>
    <row r="31" spans="2:27" s="8" customFormat="1" ht="9" customHeight="1" x14ac:dyDescent="0.15">
      <c r="B31" s="9"/>
      <c r="C31" s="18"/>
      <c r="D31" s="18"/>
      <c r="E31" s="18"/>
      <c r="F31" s="18"/>
      <c r="G31" s="18"/>
      <c r="H31" s="18"/>
      <c r="I31" s="16"/>
      <c r="J31" s="16"/>
      <c r="K31" s="16"/>
      <c r="L31" s="16"/>
      <c r="M31" s="16"/>
      <c r="N31" s="16"/>
      <c r="O31" s="16"/>
      <c r="P31" s="16"/>
      <c r="Q31" s="16"/>
      <c r="R31" s="16"/>
      <c r="S31" s="16"/>
      <c r="T31" s="16"/>
      <c r="U31" s="16"/>
      <c r="V31" s="16"/>
      <c r="W31" s="16"/>
      <c r="X31" s="16"/>
      <c r="Y31" s="16"/>
      <c r="Z31" s="16"/>
      <c r="AA31" s="149"/>
    </row>
    <row r="32" spans="2:27" s="8" customFormat="1" ht="19.5" customHeight="1" x14ac:dyDescent="0.15">
      <c r="B32" s="9"/>
      <c r="C32" s="8" t="s">
        <v>981</v>
      </c>
      <c r="D32" s="18"/>
      <c r="E32" s="18"/>
      <c r="F32" s="18"/>
      <c r="G32" s="18"/>
      <c r="H32" s="18"/>
      <c r="I32" s="18"/>
      <c r="J32" s="18"/>
      <c r="K32" s="18"/>
      <c r="L32" s="18"/>
      <c r="M32" s="18"/>
      <c r="N32" s="18"/>
      <c r="O32" s="18"/>
      <c r="Y32" s="1013" t="s">
        <v>964</v>
      </c>
      <c r="Z32" s="1013"/>
      <c r="AA32" s="149"/>
    </row>
    <row r="33" spans="1:37" s="8" customFormat="1" ht="12.75" customHeight="1" x14ac:dyDescent="0.15">
      <c r="B33" s="9"/>
      <c r="D33" s="18"/>
      <c r="E33" s="18"/>
      <c r="F33" s="18"/>
      <c r="G33" s="18"/>
      <c r="H33" s="18"/>
      <c r="I33" s="18"/>
      <c r="J33" s="18"/>
      <c r="K33" s="18"/>
      <c r="L33" s="18"/>
      <c r="M33" s="18"/>
      <c r="N33" s="18"/>
      <c r="O33" s="18"/>
      <c r="Y33" s="249"/>
      <c r="Z33" s="249"/>
      <c r="AA33" s="149"/>
    </row>
    <row r="34" spans="1:37" s="8" customFormat="1" ht="19.5" customHeight="1" x14ac:dyDescent="0.15">
      <c r="B34" s="9"/>
      <c r="C34" s="1072" t="s">
        <v>980</v>
      </c>
      <c r="D34" s="1072"/>
      <c r="E34" s="1072"/>
      <c r="F34" s="1072"/>
      <c r="G34" s="1072"/>
      <c r="H34" s="1072"/>
      <c r="I34" s="1072"/>
      <c r="J34" s="1072"/>
      <c r="K34" s="1072"/>
      <c r="L34" s="1072"/>
      <c r="M34" s="1072"/>
      <c r="N34" s="1072"/>
      <c r="O34" s="1072"/>
      <c r="P34" s="1072"/>
      <c r="Q34" s="1072"/>
      <c r="R34" s="1072"/>
      <c r="S34" s="1072"/>
      <c r="T34" s="1072"/>
      <c r="U34" s="1072"/>
      <c r="V34" s="1072"/>
      <c r="W34" s="1072"/>
      <c r="X34" s="1072"/>
      <c r="Y34" s="1072"/>
      <c r="Z34" s="1072"/>
      <c r="AA34" s="149"/>
    </row>
    <row r="35" spans="1:37" s="8" customFormat="1" ht="19.5" customHeight="1" x14ac:dyDescent="0.15">
      <c r="B35" s="9"/>
      <c r="C35" s="1072" t="s">
        <v>979</v>
      </c>
      <c r="D35" s="1072"/>
      <c r="E35" s="1072"/>
      <c r="F35" s="1072"/>
      <c r="G35" s="1072"/>
      <c r="H35" s="1072"/>
      <c r="I35" s="1072"/>
      <c r="J35" s="1072"/>
      <c r="K35" s="1072"/>
      <c r="L35" s="1072"/>
      <c r="M35" s="1072"/>
      <c r="N35" s="1072"/>
      <c r="O35" s="1072"/>
      <c r="P35" s="1072"/>
      <c r="Q35" s="1072"/>
      <c r="R35" s="1072"/>
      <c r="S35" s="1072"/>
      <c r="T35" s="1072"/>
      <c r="U35" s="1072"/>
      <c r="V35" s="1072"/>
      <c r="W35" s="1072"/>
      <c r="X35" s="1072"/>
      <c r="Y35" s="1072"/>
      <c r="Z35" s="1072"/>
      <c r="AA35" s="149"/>
    </row>
    <row r="36" spans="1:37" s="8" customFormat="1" ht="19.5" customHeight="1" x14ac:dyDescent="0.15">
      <c r="B36" s="9"/>
      <c r="C36" s="809" t="s">
        <v>978</v>
      </c>
      <c r="D36" s="809"/>
      <c r="E36" s="809"/>
      <c r="F36" s="809"/>
      <c r="G36" s="809"/>
      <c r="H36" s="809"/>
      <c r="I36" s="809"/>
      <c r="J36" s="809"/>
      <c r="K36" s="809"/>
      <c r="L36" s="809"/>
      <c r="M36" s="809"/>
      <c r="N36" s="809"/>
      <c r="O36" s="809"/>
      <c r="P36" s="809"/>
      <c r="Q36" s="809"/>
      <c r="R36" s="809"/>
      <c r="S36" s="809"/>
      <c r="T36" s="809"/>
      <c r="U36" s="809"/>
      <c r="V36" s="809"/>
      <c r="W36" s="809"/>
      <c r="X36" s="809"/>
      <c r="Y36" s="809"/>
      <c r="Z36" s="809"/>
      <c r="AA36" s="149"/>
    </row>
    <row r="37" spans="1:37" s="16" customFormat="1" ht="12.75" customHeight="1" x14ac:dyDescent="0.15">
      <c r="A37" s="8"/>
      <c r="B37" s="9"/>
      <c r="C37" s="18"/>
      <c r="D37" s="18"/>
      <c r="E37" s="18"/>
      <c r="F37" s="18"/>
      <c r="G37" s="18"/>
      <c r="H37" s="18"/>
      <c r="I37" s="18"/>
      <c r="J37" s="18"/>
      <c r="K37" s="18"/>
      <c r="L37" s="18"/>
      <c r="M37" s="18"/>
      <c r="N37" s="18"/>
      <c r="O37" s="18"/>
      <c r="P37" s="8"/>
      <c r="Q37" s="8"/>
      <c r="R37" s="8"/>
      <c r="S37" s="8"/>
      <c r="T37" s="8"/>
      <c r="U37" s="8"/>
      <c r="V37" s="8"/>
      <c r="W37" s="8"/>
      <c r="X37" s="8"/>
      <c r="Y37" s="8"/>
      <c r="Z37" s="8"/>
      <c r="AA37" s="149"/>
      <c r="AB37" s="8"/>
      <c r="AC37" s="8"/>
      <c r="AD37" s="8"/>
      <c r="AE37" s="8"/>
      <c r="AF37" s="8"/>
      <c r="AG37" s="8"/>
      <c r="AH37" s="8"/>
      <c r="AI37" s="8"/>
      <c r="AJ37" s="8"/>
      <c r="AK37" s="8"/>
    </row>
    <row r="38" spans="1:37" s="16" customFormat="1" ht="18" customHeight="1" x14ac:dyDescent="0.15">
      <c r="A38" s="8"/>
      <c r="B38" s="9"/>
      <c r="C38" s="8"/>
      <c r="D38" s="1072" t="s">
        <v>977</v>
      </c>
      <c r="E38" s="1072"/>
      <c r="F38" s="1072"/>
      <c r="G38" s="1072"/>
      <c r="H38" s="1072"/>
      <c r="I38" s="1072"/>
      <c r="J38" s="1072"/>
      <c r="K38" s="1072"/>
      <c r="L38" s="1072"/>
      <c r="M38" s="1072"/>
      <c r="N38" s="1072"/>
      <c r="O38" s="1072"/>
      <c r="P38" s="1072"/>
      <c r="Q38" s="1072"/>
      <c r="R38" s="1072"/>
      <c r="S38" s="1072"/>
      <c r="T38" s="1072"/>
      <c r="U38" s="1072"/>
      <c r="V38" s="1072"/>
      <c r="W38" s="8"/>
      <c r="X38" s="8"/>
      <c r="Y38" s="1013" t="s">
        <v>964</v>
      </c>
      <c r="Z38" s="1013"/>
      <c r="AA38" s="149"/>
      <c r="AB38" s="8"/>
      <c r="AC38" s="8"/>
      <c r="AD38" s="8"/>
      <c r="AE38" s="8"/>
      <c r="AF38" s="8"/>
      <c r="AG38" s="8"/>
      <c r="AH38" s="8"/>
      <c r="AI38" s="8"/>
      <c r="AJ38" s="8"/>
      <c r="AK38" s="8"/>
    </row>
    <row r="39" spans="1:37" s="16" customFormat="1" ht="37.5" customHeight="1" x14ac:dyDescent="0.15">
      <c r="B39" s="151"/>
      <c r="D39" s="1072" t="s">
        <v>223</v>
      </c>
      <c r="E39" s="1072"/>
      <c r="F39" s="1072"/>
      <c r="G39" s="1072"/>
      <c r="H39" s="1072"/>
      <c r="I39" s="1072"/>
      <c r="J39" s="1072"/>
      <c r="K39" s="1072"/>
      <c r="L39" s="1072"/>
      <c r="M39" s="1072"/>
      <c r="N39" s="1072"/>
      <c r="O39" s="1072"/>
      <c r="P39" s="1072"/>
      <c r="Q39" s="1072"/>
      <c r="R39" s="1072"/>
      <c r="S39" s="1072"/>
      <c r="T39" s="1072"/>
      <c r="U39" s="1072"/>
      <c r="V39" s="1072"/>
      <c r="Y39" s="1013" t="s">
        <v>964</v>
      </c>
      <c r="Z39" s="1013"/>
      <c r="AA39" s="150"/>
    </row>
    <row r="40" spans="1:37" ht="19.5" customHeight="1" x14ac:dyDescent="0.15">
      <c r="A40" s="16"/>
      <c r="B40" s="151"/>
      <c r="C40" s="16"/>
      <c r="D40" s="1072" t="s">
        <v>941</v>
      </c>
      <c r="E40" s="1072"/>
      <c r="F40" s="1072"/>
      <c r="G40" s="1072"/>
      <c r="H40" s="1072"/>
      <c r="I40" s="1072"/>
      <c r="J40" s="1072"/>
      <c r="K40" s="1072"/>
      <c r="L40" s="1072"/>
      <c r="M40" s="1072"/>
      <c r="N40" s="1072"/>
      <c r="O40" s="1072"/>
      <c r="P40" s="1072"/>
      <c r="Q40" s="1072"/>
      <c r="R40" s="1072"/>
      <c r="S40" s="1072"/>
      <c r="T40" s="1072"/>
      <c r="U40" s="1072"/>
      <c r="V40" s="1072"/>
      <c r="W40" s="16"/>
      <c r="X40" s="16"/>
      <c r="Y40" s="1013" t="s">
        <v>964</v>
      </c>
      <c r="Z40" s="1013"/>
      <c r="AA40" s="150"/>
      <c r="AB40" s="16"/>
      <c r="AC40" s="16"/>
      <c r="AD40" s="16"/>
      <c r="AE40" s="16"/>
      <c r="AF40" s="16"/>
      <c r="AG40" s="16"/>
      <c r="AH40" s="16"/>
      <c r="AI40" s="16"/>
      <c r="AJ40" s="16"/>
      <c r="AK40" s="16"/>
    </row>
    <row r="41" spans="1:37" s="8" customFormat="1" ht="19.5" customHeight="1" x14ac:dyDescent="0.15">
      <c r="A41" s="16"/>
      <c r="B41" s="151"/>
      <c r="C41" s="16"/>
      <c r="D41" s="1072" t="s">
        <v>965</v>
      </c>
      <c r="E41" s="1072"/>
      <c r="F41" s="1072"/>
      <c r="G41" s="1072"/>
      <c r="H41" s="1072"/>
      <c r="I41" s="1072"/>
      <c r="J41" s="1072"/>
      <c r="K41" s="1072"/>
      <c r="L41" s="1072"/>
      <c r="M41" s="1072"/>
      <c r="N41" s="1072"/>
      <c r="O41" s="1072"/>
      <c r="P41" s="1072"/>
      <c r="Q41" s="1072"/>
      <c r="R41" s="1072"/>
      <c r="S41" s="1072"/>
      <c r="T41" s="1072"/>
      <c r="U41" s="1072"/>
      <c r="V41" s="1072"/>
      <c r="W41" s="16"/>
      <c r="X41" s="16"/>
      <c r="Y41" s="1013" t="s">
        <v>964</v>
      </c>
      <c r="Z41" s="1013"/>
      <c r="AA41" s="150"/>
      <c r="AB41" s="16"/>
      <c r="AC41" s="16"/>
      <c r="AD41" s="16"/>
      <c r="AE41" s="16"/>
      <c r="AF41" s="16"/>
      <c r="AG41" s="16"/>
      <c r="AH41" s="16"/>
      <c r="AI41" s="16"/>
      <c r="AJ41" s="16"/>
      <c r="AK41" s="16"/>
    </row>
    <row r="42" spans="1:37" s="8" customFormat="1" ht="16.5" customHeight="1" x14ac:dyDescent="0.15">
      <c r="A42" s="16"/>
      <c r="B42" s="151"/>
      <c r="C42" s="16"/>
      <c r="D42" s="1072" t="s">
        <v>963</v>
      </c>
      <c r="E42" s="1072"/>
      <c r="F42" s="1072"/>
      <c r="G42" s="1072"/>
      <c r="H42" s="1072"/>
      <c r="I42" s="1072"/>
      <c r="J42" s="1072"/>
      <c r="K42" s="1072"/>
      <c r="L42" s="1072"/>
      <c r="M42" s="1072"/>
      <c r="N42" s="1072"/>
      <c r="O42" s="1072"/>
      <c r="P42" s="1072"/>
      <c r="Q42" s="1072"/>
      <c r="R42" s="1072"/>
      <c r="S42" s="1072"/>
      <c r="T42" s="1072"/>
      <c r="U42" s="1072"/>
      <c r="V42" s="1072"/>
      <c r="W42" s="16"/>
      <c r="X42" s="16"/>
      <c r="Y42" s="255"/>
      <c r="Z42" s="255"/>
      <c r="AA42" s="150"/>
      <c r="AB42" s="16"/>
      <c r="AC42" s="16"/>
      <c r="AD42" s="16"/>
      <c r="AE42" s="16"/>
      <c r="AF42" s="16"/>
      <c r="AG42" s="16"/>
      <c r="AH42" s="16"/>
      <c r="AI42" s="16"/>
      <c r="AJ42" s="16"/>
      <c r="AK42" s="16"/>
    </row>
    <row r="43" spans="1:37" s="8" customFormat="1" ht="8.25" customHeight="1" x14ac:dyDescent="0.15">
      <c r="A43" s="3"/>
      <c r="B43" s="146"/>
      <c r="C43" s="5"/>
      <c r="D43" s="5"/>
      <c r="E43" s="5"/>
      <c r="F43" s="5"/>
      <c r="G43" s="5"/>
      <c r="H43" s="5"/>
      <c r="I43" s="5"/>
      <c r="J43" s="5"/>
      <c r="K43" s="5"/>
      <c r="L43" s="5"/>
      <c r="M43" s="5"/>
      <c r="N43" s="5"/>
      <c r="O43" s="5"/>
      <c r="P43" s="5"/>
      <c r="Q43" s="5"/>
      <c r="R43" s="5"/>
      <c r="S43" s="5"/>
      <c r="T43" s="5"/>
      <c r="U43" s="5"/>
      <c r="V43" s="5"/>
      <c r="W43" s="5"/>
      <c r="X43" s="5"/>
      <c r="Y43" s="5"/>
      <c r="Z43" s="5"/>
      <c r="AA43" s="73"/>
      <c r="AB43" s="3"/>
      <c r="AC43" s="3"/>
      <c r="AD43" s="3"/>
      <c r="AE43" s="3"/>
      <c r="AF43" s="3"/>
      <c r="AG43" s="3"/>
      <c r="AH43" s="3"/>
      <c r="AI43" s="3"/>
      <c r="AJ43" s="3"/>
      <c r="AK43" s="3"/>
    </row>
    <row r="44" spans="1:37" s="8" customFormat="1" x14ac:dyDescent="0.15"/>
    <row r="45" spans="1:37" s="8" customFormat="1" ht="19.5" customHeight="1" x14ac:dyDescent="0.15">
      <c r="B45" s="8" t="s">
        <v>976</v>
      </c>
    </row>
    <row r="46" spans="1:37" s="8" customFormat="1" ht="19.5" customHeight="1" x14ac:dyDescent="0.15">
      <c r="B46" s="158"/>
      <c r="C46" s="157"/>
      <c r="D46" s="157"/>
      <c r="E46" s="157"/>
      <c r="F46" s="157"/>
      <c r="G46" s="157"/>
      <c r="H46" s="157"/>
      <c r="I46" s="157"/>
      <c r="J46" s="157"/>
      <c r="K46" s="157"/>
      <c r="L46" s="157"/>
      <c r="M46" s="157"/>
      <c r="N46" s="157"/>
      <c r="O46" s="157"/>
      <c r="P46" s="157"/>
      <c r="Q46" s="157"/>
      <c r="R46" s="157"/>
      <c r="S46" s="157"/>
      <c r="T46" s="157"/>
      <c r="U46" s="157"/>
      <c r="V46" s="157"/>
      <c r="W46" s="157"/>
      <c r="X46" s="157"/>
      <c r="Y46" s="157"/>
      <c r="Z46" s="157"/>
      <c r="AA46" s="156"/>
    </row>
    <row r="47" spans="1:37" s="8" customFormat="1" ht="19.5" customHeight="1" x14ac:dyDescent="0.15">
      <c r="B47" s="9"/>
      <c r="C47" s="8" t="s">
        <v>975</v>
      </c>
      <c r="D47" s="18"/>
      <c r="E47" s="18"/>
      <c r="F47" s="18"/>
      <c r="G47" s="18"/>
      <c r="H47" s="18"/>
      <c r="I47" s="18"/>
      <c r="J47" s="18"/>
      <c r="K47" s="18"/>
      <c r="L47" s="18"/>
      <c r="M47" s="18"/>
      <c r="N47" s="18"/>
      <c r="O47" s="18"/>
      <c r="Y47" s="249"/>
      <c r="Z47" s="249"/>
      <c r="AA47" s="149"/>
    </row>
    <row r="48" spans="1:37" s="8" customFormat="1" ht="19.5" customHeight="1" x14ac:dyDescent="0.15">
      <c r="B48" s="9"/>
      <c r="C48" s="8" t="s">
        <v>974</v>
      </c>
      <c r="D48" s="18"/>
      <c r="E48" s="18"/>
      <c r="F48" s="18"/>
      <c r="G48" s="18"/>
      <c r="H48" s="18"/>
      <c r="I48" s="18"/>
      <c r="J48" s="18"/>
      <c r="K48" s="18"/>
      <c r="L48" s="18"/>
      <c r="M48" s="18"/>
      <c r="N48" s="18"/>
      <c r="O48" s="18"/>
      <c r="Y48" s="1013" t="s">
        <v>964</v>
      </c>
      <c r="Z48" s="1013"/>
      <c r="AA48" s="149"/>
    </row>
    <row r="49" spans="1:37" s="8" customFormat="1" ht="19.5" customHeight="1" x14ac:dyDescent="0.15">
      <c r="B49" s="9"/>
      <c r="D49" s="977" t="s">
        <v>973</v>
      </c>
      <c r="E49" s="978"/>
      <c r="F49" s="978"/>
      <c r="G49" s="978"/>
      <c r="H49" s="978"/>
      <c r="I49" s="978"/>
      <c r="J49" s="978"/>
      <c r="K49" s="978"/>
      <c r="L49" s="978"/>
      <c r="M49" s="978"/>
      <c r="N49" s="978"/>
      <c r="O49" s="978"/>
      <c r="P49" s="978"/>
      <c r="Q49" s="978"/>
      <c r="R49" s="1073" t="s">
        <v>175</v>
      </c>
      <c r="S49" s="1074"/>
      <c r="T49" s="1074"/>
      <c r="U49" s="1074"/>
      <c r="V49" s="1075"/>
      <c r="AA49" s="149"/>
    </row>
    <row r="50" spans="1:37" s="8" customFormat="1" ht="19.5" customHeight="1" x14ac:dyDescent="0.15">
      <c r="B50" s="9"/>
      <c r="D50" s="977" t="s">
        <v>972</v>
      </c>
      <c r="E50" s="978"/>
      <c r="F50" s="978"/>
      <c r="G50" s="978"/>
      <c r="H50" s="978"/>
      <c r="I50" s="978"/>
      <c r="J50" s="978"/>
      <c r="K50" s="978"/>
      <c r="L50" s="978"/>
      <c r="M50" s="978"/>
      <c r="N50" s="978"/>
      <c r="O50" s="978"/>
      <c r="P50" s="978"/>
      <c r="Q50" s="1001"/>
      <c r="R50" s="1073" t="s">
        <v>175</v>
      </c>
      <c r="S50" s="1074"/>
      <c r="T50" s="1074"/>
      <c r="U50" s="1074"/>
      <c r="V50" s="1075"/>
      <c r="AA50" s="149"/>
    </row>
    <row r="51" spans="1:37" s="8" customFormat="1" ht="19.5" customHeight="1" x14ac:dyDescent="0.15">
      <c r="B51" s="9"/>
      <c r="C51" s="8" t="s">
        <v>971</v>
      </c>
      <c r="D51" s="18"/>
      <c r="E51" s="18"/>
      <c r="F51" s="18"/>
      <c r="G51" s="18"/>
      <c r="H51" s="18"/>
      <c r="I51" s="18"/>
      <c r="J51" s="18"/>
      <c r="K51" s="18"/>
      <c r="L51" s="18"/>
      <c r="M51" s="18"/>
      <c r="N51" s="18"/>
      <c r="O51" s="18"/>
      <c r="Y51" s="1013" t="s">
        <v>964</v>
      </c>
      <c r="Z51" s="1013"/>
      <c r="AA51" s="149"/>
    </row>
    <row r="52" spans="1:37" s="8" customFormat="1" ht="19.5" customHeight="1" x14ac:dyDescent="0.15">
      <c r="B52" s="9"/>
      <c r="C52" s="8" t="s">
        <v>970</v>
      </c>
      <c r="D52" s="18"/>
      <c r="E52" s="18"/>
      <c r="F52" s="18"/>
      <c r="G52" s="18"/>
      <c r="H52" s="18"/>
      <c r="I52" s="18"/>
      <c r="J52" s="18"/>
      <c r="K52" s="18"/>
      <c r="L52" s="18"/>
      <c r="M52" s="18"/>
      <c r="N52" s="18"/>
      <c r="O52" s="18"/>
      <c r="Y52" s="1013" t="s">
        <v>964</v>
      </c>
      <c r="Z52" s="1013"/>
      <c r="AA52" s="149"/>
    </row>
    <row r="53" spans="1:37" s="8" customFormat="1" ht="23.25" customHeight="1" x14ac:dyDescent="0.15">
      <c r="B53" s="9"/>
      <c r="D53" s="809" t="s">
        <v>969</v>
      </c>
      <c r="E53" s="809"/>
      <c r="F53" s="809"/>
      <c r="G53" s="809"/>
      <c r="H53" s="809"/>
      <c r="I53" s="809"/>
      <c r="J53" s="809"/>
      <c r="K53" s="18"/>
      <c r="L53" s="18"/>
      <c r="M53" s="18"/>
      <c r="N53" s="18"/>
      <c r="O53" s="18"/>
      <c r="Y53" s="249"/>
      <c r="Z53" s="249"/>
      <c r="AA53" s="149"/>
    </row>
    <row r="54" spans="1:37" s="8" customFormat="1" ht="23.25" customHeight="1" x14ac:dyDescent="0.15">
      <c r="B54" s="9"/>
      <c r="C54" s="8" t="s">
        <v>968</v>
      </c>
      <c r="AA54" s="149"/>
    </row>
    <row r="55" spans="1:37" s="8" customFormat="1" ht="6.75" customHeight="1" x14ac:dyDescent="0.15">
      <c r="B55" s="9"/>
      <c r="AA55" s="149"/>
    </row>
    <row r="56" spans="1:37" s="8" customFormat="1" ht="19.5" customHeight="1" x14ac:dyDescent="0.15">
      <c r="B56" s="9" t="s">
        <v>230</v>
      </c>
      <c r="C56" s="780" t="s">
        <v>232</v>
      </c>
      <c r="D56" s="781"/>
      <c r="E56" s="781"/>
      <c r="F56" s="781"/>
      <c r="G56" s="781"/>
      <c r="H56" s="782"/>
      <c r="I56" s="978"/>
      <c r="J56" s="978"/>
      <c r="K56" s="978"/>
      <c r="L56" s="978"/>
      <c r="M56" s="978"/>
      <c r="N56" s="978"/>
      <c r="O56" s="978"/>
      <c r="P56" s="978"/>
      <c r="Q56" s="978"/>
      <c r="R56" s="978"/>
      <c r="S56" s="978"/>
      <c r="T56" s="978"/>
      <c r="U56" s="978"/>
      <c r="V56" s="978"/>
      <c r="W56" s="978"/>
      <c r="X56" s="978"/>
      <c r="Y56" s="978"/>
      <c r="Z56" s="1001"/>
      <c r="AA56" s="149"/>
    </row>
    <row r="57" spans="1:37" s="8" customFormat="1" ht="19.5" customHeight="1" x14ac:dyDescent="0.15">
      <c r="B57" s="9" t="s">
        <v>230</v>
      </c>
      <c r="C57" s="780" t="s">
        <v>231</v>
      </c>
      <c r="D57" s="781"/>
      <c r="E57" s="781"/>
      <c r="F57" s="781"/>
      <c r="G57" s="781"/>
      <c r="H57" s="782"/>
      <c r="I57" s="978"/>
      <c r="J57" s="978"/>
      <c r="K57" s="978"/>
      <c r="L57" s="978"/>
      <c r="M57" s="978"/>
      <c r="N57" s="978"/>
      <c r="O57" s="978"/>
      <c r="P57" s="978"/>
      <c r="Q57" s="978"/>
      <c r="R57" s="978"/>
      <c r="S57" s="978"/>
      <c r="T57" s="978"/>
      <c r="U57" s="978"/>
      <c r="V57" s="978"/>
      <c r="W57" s="978"/>
      <c r="X57" s="978"/>
      <c r="Y57" s="978"/>
      <c r="Z57" s="1001"/>
      <c r="AA57" s="149"/>
    </row>
    <row r="58" spans="1:37" s="8" customFormat="1" ht="19.5" customHeight="1" x14ac:dyDescent="0.15">
      <c r="B58" s="9" t="s">
        <v>230</v>
      </c>
      <c r="C58" s="780" t="s">
        <v>229</v>
      </c>
      <c r="D58" s="781"/>
      <c r="E58" s="781"/>
      <c r="F58" s="781"/>
      <c r="G58" s="781"/>
      <c r="H58" s="782"/>
      <c r="I58" s="978"/>
      <c r="J58" s="978"/>
      <c r="K58" s="978"/>
      <c r="L58" s="978"/>
      <c r="M58" s="978"/>
      <c r="N58" s="978"/>
      <c r="O58" s="978"/>
      <c r="P58" s="978"/>
      <c r="Q58" s="978"/>
      <c r="R58" s="978"/>
      <c r="S58" s="978"/>
      <c r="T58" s="978"/>
      <c r="U58" s="978"/>
      <c r="V58" s="978"/>
      <c r="W58" s="978"/>
      <c r="X58" s="978"/>
      <c r="Y58" s="978"/>
      <c r="Z58" s="1001"/>
      <c r="AA58" s="149"/>
    </row>
    <row r="59" spans="1:37" s="8" customFormat="1" ht="19.5" customHeight="1" x14ac:dyDescent="0.15">
      <c r="B59" s="9"/>
      <c r="C59" s="18"/>
      <c r="D59" s="18"/>
      <c r="E59" s="18"/>
      <c r="F59" s="18"/>
      <c r="G59" s="18"/>
      <c r="H59" s="18"/>
      <c r="I59" s="16"/>
      <c r="J59" s="16"/>
      <c r="K59" s="16"/>
      <c r="L59" s="16"/>
      <c r="M59" s="16"/>
      <c r="N59" s="16"/>
      <c r="O59" s="16"/>
      <c r="P59" s="16"/>
      <c r="Q59" s="16"/>
      <c r="R59" s="16"/>
      <c r="S59" s="16"/>
      <c r="T59" s="16"/>
      <c r="U59" s="16"/>
      <c r="V59" s="16"/>
      <c r="W59" s="16"/>
      <c r="X59" s="16"/>
      <c r="Y59" s="16"/>
      <c r="Z59" s="16"/>
      <c r="AA59" s="149"/>
    </row>
    <row r="60" spans="1:37" s="16" customFormat="1" ht="18" customHeight="1" x14ac:dyDescent="0.15">
      <c r="A60" s="8"/>
      <c r="B60" s="9"/>
      <c r="C60" s="789" t="s">
        <v>967</v>
      </c>
      <c r="D60" s="789"/>
      <c r="E60" s="789"/>
      <c r="F60" s="789"/>
      <c r="G60" s="789"/>
      <c r="H60" s="789"/>
      <c r="I60" s="789"/>
      <c r="J60" s="789"/>
      <c r="K60" s="789"/>
      <c r="L60" s="789"/>
      <c r="M60" s="789"/>
      <c r="N60" s="789"/>
      <c r="O60" s="789"/>
      <c r="P60" s="789"/>
      <c r="Q60" s="789"/>
      <c r="R60" s="789"/>
      <c r="S60" s="789"/>
      <c r="T60" s="789"/>
      <c r="U60" s="789"/>
      <c r="V60" s="789"/>
      <c r="W60" s="789"/>
      <c r="X60" s="789"/>
      <c r="Y60" s="789"/>
      <c r="Z60" s="789"/>
      <c r="AA60" s="805"/>
      <c r="AB60" s="8"/>
      <c r="AC60" s="8"/>
      <c r="AD60" s="8"/>
      <c r="AE60" s="8"/>
      <c r="AF60" s="8"/>
      <c r="AG60" s="8"/>
      <c r="AH60" s="8"/>
      <c r="AI60" s="8"/>
      <c r="AJ60" s="8"/>
      <c r="AK60" s="8"/>
    </row>
    <row r="61" spans="1:37" s="16" customFormat="1" ht="18" customHeight="1" x14ac:dyDescent="0.15">
      <c r="A61" s="8"/>
      <c r="B61" s="9"/>
      <c r="C61" s="18"/>
      <c r="D61" s="18"/>
      <c r="E61" s="18"/>
      <c r="F61" s="18"/>
      <c r="G61" s="18"/>
      <c r="H61" s="18"/>
      <c r="I61" s="18"/>
      <c r="J61" s="18"/>
      <c r="K61" s="18"/>
      <c r="L61" s="18"/>
      <c r="M61" s="18"/>
      <c r="N61" s="18"/>
      <c r="O61" s="18"/>
      <c r="P61" s="8"/>
      <c r="Q61" s="8"/>
      <c r="R61" s="8"/>
      <c r="S61" s="8"/>
      <c r="T61" s="8"/>
      <c r="U61" s="8"/>
      <c r="V61" s="8"/>
      <c r="W61" s="8"/>
      <c r="X61" s="8"/>
      <c r="Y61" s="8"/>
      <c r="Z61" s="8"/>
      <c r="AA61" s="149"/>
      <c r="AB61" s="8"/>
      <c r="AC61" s="8"/>
      <c r="AD61" s="8"/>
      <c r="AE61" s="8"/>
      <c r="AF61" s="8"/>
      <c r="AG61" s="8"/>
      <c r="AH61" s="8"/>
      <c r="AI61" s="8"/>
      <c r="AJ61" s="8"/>
      <c r="AK61" s="8"/>
    </row>
    <row r="62" spans="1:37" s="16" customFormat="1" ht="19.5" customHeight="1" x14ac:dyDescent="0.15">
      <c r="A62" s="8"/>
      <c r="B62" s="9"/>
      <c r="C62" s="8"/>
      <c r="D62" s="1072" t="s">
        <v>966</v>
      </c>
      <c r="E62" s="1072"/>
      <c r="F62" s="1072"/>
      <c r="G62" s="1072"/>
      <c r="H62" s="1072"/>
      <c r="I62" s="1072"/>
      <c r="J62" s="1072"/>
      <c r="K62" s="1072"/>
      <c r="L62" s="1072"/>
      <c r="M62" s="1072"/>
      <c r="N62" s="1072"/>
      <c r="O62" s="1072"/>
      <c r="P62" s="1072"/>
      <c r="Q62" s="1072"/>
      <c r="R62" s="1072"/>
      <c r="S62" s="1072"/>
      <c r="T62" s="1072"/>
      <c r="U62" s="1072"/>
      <c r="V62" s="1072"/>
      <c r="W62" s="8"/>
      <c r="X62" s="8"/>
      <c r="Y62" s="1013" t="s">
        <v>964</v>
      </c>
      <c r="Z62" s="1013"/>
      <c r="AA62" s="149"/>
      <c r="AB62" s="8"/>
      <c r="AC62" s="8"/>
      <c r="AD62" s="8"/>
      <c r="AE62" s="8"/>
      <c r="AF62" s="8"/>
      <c r="AG62" s="8"/>
      <c r="AH62" s="8"/>
      <c r="AI62" s="8"/>
      <c r="AJ62" s="8"/>
      <c r="AK62" s="8"/>
    </row>
    <row r="63" spans="1:37" ht="19.5" customHeight="1" x14ac:dyDescent="0.15">
      <c r="A63" s="16"/>
      <c r="B63" s="151"/>
      <c r="C63" s="16"/>
      <c r="D63" s="1072" t="s">
        <v>223</v>
      </c>
      <c r="E63" s="1072"/>
      <c r="F63" s="1072"/>
      <c r="G63" s="1072"/>
      <c r="H63" s="1072"/>
      <c r="I63" s="1072"/>
      <c r="J63" s="1072"/>
      <c r="K63" s="1072"/>
      <c r="L63" s="1072"/>
      <c r="M63" s="1072"/>
      <c r="N63" s="1072"/>
      <c r="O63" s="1072"/>
      <c r="P63" s="1072"/>
      <c r="Q63" s="1072"/>
      <c r="R63" s="1072"/>
      <c r="S63" s="1072"/>
      <c r="T63" s="1072"/>
      <c r="U63" s="1072"/>
      <c r="V63" s="1072"/>
      <c r="W63" s="16"/>
      <c r="X63" s="16"/>
      <c r="Y63" s="1013" t="s">
        <v>964</v>
      </c>
      <c r="Z63" s="1013"/>
      <c r="AA63" s="150"/>
      <c r="AB63" s="16"/>
      <c r="AC63" s="16"/>
      <c r="AD63" s="16"/>
      <c r="AE63" s="16"/>
      <c r="AF63" s="16"/>
      <c r="AG63" s="16"/>
      <c r="AH63" s="16"/>
      <c r="AI63" s="16"/>
      <c r="AJ63" s="16"/>
      <c r="AK63" s="16"/>
    </row>
    <row r="64" spans="1:37" ht="19.5" customHeight="1" x14ac:dyDescent="0.15">
      <c r="A64" s="16"/>
      <c r="B64" s="151"/>
      <c r="C64" s="16"/>
      <c r="D64" s="1072" t="s">
        <v>941</v>
      </c>
      <c r="E64" s="1072"/>
      <c r="F64" s="1072"/>
      <c r="G64" s="1072"/>
      <c r="H64" s="1072"/>
      <c r="I64" s="1072"/>
      <c r="J64" s="1072"/>
      <c r="K64" s="1072"/>
      <c r="L64" s="1072"/>
      <c r="M64" s="1072"/>
      <c r="N64" s="1072"/>
      <c r="O64" s="1072"/>
      <c r="P64" s="1072"/>
      <c r="Q64" s="1072"/>
      <c r="R64" s="1072"/>
      <c r="S64" s="1072"/>
      <c r="T64" s="1072"/>
      <c r="U64" s="1072"/>
      <c r="V64" s="1072"/>
      <c r="W64" s="16"/>
      <c r="X64" s="16"/>
      <c r="Y64" s="1013" t="s">
        <v>964</v>
      </c>
      <c r="Z64" s="1013"/>
      <c r="AA64" s="150"/>
      <c r="AB64" s="16"/>
      <c r="AC64" s="16"/>
      <c r="AD64" s="16"/>
      <c r="AE64" s="16"/>
      <c r="AF64" s="16"/>
      <c r="AG64" s="16"/>
      <c r="AH64" s="16"/>
      <c r="AI64" s="16"/>
      <c r="AJ64" s="16"/>
      <c r="AK64" s="16"/>
    </row>
    <row r="65" spans="1:37" ht="19.5" customHeight="1" x14ac:dyDescent="0.15">
      <c r="A65" s="16"/>
      <c r="B65" s="151"/>
      <c r="C65" s="16"/>
      <c r="D65" s="1072" t="s">
        <v>965</v>
      </c>
      <c r="E65" s="1072"/>
      <c r="F65" s="1072"/>
      <c r="G65" s="1072"/>
      <c r="H65" s="1072"/>
      <c r="I65" s="1072"/>
      <c r="J65" s="1072"/>
      <c r="K65" s="1072"/>
      <c r="L65" s="1072"/>
      <c r="M65" s="1072"/>
      <c r="N65" s="1072"/>
      <c r="O65" s="1072"/>
      <c r="P65" s="1072"/>
      <c r="Q65" s="1072"/>
      <c r="R65" s="1072"/>
      <c r="S65" s="1072"/>
      <c r="T65" s="1072"/>
      <c r="U65" s="1072"/>
      <c r="V65" s="1072"/>
      <c r="W65" s="16"/>
      <c r="X65" s="16"/>
      <c r="Y65" s="1013" t="s">
        <v>964</v>
      </c>
      <c r="Z65" s="1013"/>
      <c r="AA65" s="150"/>
      <c r="AB65" s="16"/>
      <c r="AC65" s="16"/>
      <c r="AD65" s="16"/>
      <c r="AE65" s="16"/>
      <c r="AF65" s="16"/>
      <c r="AG65" s="16"/>
      <c r="AH65" s="16"/>
      <c r="AI65" s="16"/>
      <c r="AJ65" s="16"/>
      <c r="AK65" s="16"/>
    </row>
    <row r="66" spans="1:37" s="16" customFormat="1" x14ac:dyDescent="0.15">
      <c r="B66" s="151"/>
      <c r="D66" s="1072" t="s">
        <v>963</v>
      </c>
      <c r="E66" s="1072"/>
      <c r="F66" s="1072"/>
      <c r="G66" s="1072"/>
      <c r="H66" s="1072"/>
      <c r="I66" s="1072"/>
      <c r="J66" s="1072"/>
      <c r="K66" s="1072"/>
      <c r="L66" s="1072"/>
      <c r="M66" s="1072"/>
      <c r="N66" s="1072"/>
      <c r="O66" s="1072"/>
      <c r="P66" s="1072"/>
      <c r="Q66" s="1072"/>
      <c r="R66" s="1072"/>
      <c r="S66" s="1072"/>
      <c r="T66" s="1072"/>
      <c r="U66" s="1072"/>
      <c r="V66" s="1072"/>
      <c r="Y66" s="255"/>
      <c r="Z66" s="255"/>
      <c r="AA66" s="150"/>
    </row>
    <row r="67" spans="1:37" s="16" customFormat="1" x14ac:dyDescent="0.15">
      <c r="A67" s="3"/>
      <c r="B67" s="146"/>
      <c r="C67" s="5"/>
      <c r="D67" s="5"/>
      <c r="E67" s="5"/>
      <c r="F67" s="5"/>
      <c r="G67" s="5"/>
      <c r="H67" s="5"/>
      <c r="I67" s="5"/>
      <c r="J67" s="5"/>
      <c r="K67" s="5"/>
      <c r="L67" s="5"/>
      <c r="M67" s="5"/>
      <c r="N67" s="5"/>
      <c r="O67" s="5"/>
      <c r="P67" s="5"/>
      <c r="Q67" s="5"/>
      <c r="R67" s="5"/>
      <c r="S67" s="5"/>
      <c r="T67" s="5"/>
      <c r="U67" s="5"/>
      <c r="V67" s="5"/>
      <c r="W67" s="5"/>
      <c r="X67" s="5"/>
      <c r="Y67" s="5"/>
      <c r="Z67" s="5"/>
      <c r="AA67" s="73"/>
      <c r="AB67" s="3"/>
      <c r="AC67" s="3"/>
      <c r="AD67" s="3"/>
      <c r="AE67" s="3"/>
      <c r="AF67" s="3"/>
      <c r="AG67" s="3"/>
      <c r="AH67" s="3"/>
      <c r="AI67" s="3"/>
      <c r="AJ67" s="3"/>
      <c r="AK67" s="3"/>
    </row>
    <row r="68" spans="1:37" s="16" customFormat="1" x14ac:dyDescent="0.15">
      <c r="A68" s="3"/>
      <c r="B68" s="140"/>
      <c r="C68" s="3"/>
      <c r="D68" s="3"/>
      <c r="E68" s="3"/>
      <c r="F68" s="3"/>
      <c r="G68" s="3"/>
      <c r="H68" s="3"/>
      <c r="I68" s="3"/>
      <c r="J68" s="3"/>
      <c r="K68" s="3"/>
      <c r="L68" s="3"/>
      <c r="M68" s="3"/>
      <c r="N68" s="3"/>
      <c r="O68" s="3"/>
      <c r="P68" s="3"/>
      <c r="Q68" s="3"/>
      <c r="R68" s="3"/>
      <c r="S68" s="3"/>
      <c r="T68" s="3"/>
      <c r="U68" s="3"/>
      <c r="V68" s="3"/>
      <c r="W68" s="3"/>
      <c r="X68" s="3"/>
      <c r="Y68" s="3"/>
      <c r="Z68" s="3"/>
      <c r="AA68" s="3"/>
      <c r="AB68" s="3"/>
      <c r="AC68" s="3"/>
      <c r="AD68" s="3"/>
      <c r="AE68" s="3"/>
      <c r="AF68" s="3"/>
      <c r="AG68" s="3"/>
      <c r="AH68" s="3"/>
      <c r="AI68" s="3"/>
      <c r="AJ68" s="3"/>
      <c r="AK68" s="3"/>
    </row>
    <row r="69" spans="1:37" ht="36.950000000000003" customHeight="1" x14ac:dyDescent="0.15">
      <c r="B69" s="1071" t="s">
        <v>962</v>
      </c>
      <c r="C69" s="1071"/>
      <c r="D69" s="1071"/>
      <c r="E69" s="1071"/>
      <c r="F69" s="1071"/>
      <c r="G69" s="1071"/>
      <c r="H69" s="1071"/>
      <c r="I69" s="1071"/>
      <c r="J69" s="1071"/>
      <c r="K69" s="1071"/>
      <c r="L69" s="1071"/>
      <c r="M69" s="1071"/>
      <c r="N69" s="1071"/>
      <c r="O69" s="1071"/>
      <c r="P69" s="1071"/>
      <c r="Q69" s="1071"/>
      <c r="R69" s="1071"/>
      <c r="S69" s="1071"/>
      <c r="T69" s="1071"/>
      <c r="U69" s="1071"/>
      <c r="V69" s="1071"/>
      <c r="W69" s="1071"/>
      <c r="X69" s="1071"/>
      <c r="Y69" s="1071"/>
      <c r="Z69" s="1071"/>
      <c r="AA69" s="1071"/>
    </row>
    <row r="70" spans="1:37" x14ac:dyDescent="0.15">
      <c r="A70" s="16"/>
      <c r="B70" s="1071" t="s">
        <v>961</v>
      </c>
      <c r="C70" s="1071"/>
      <c r="D70" s="1071"/>
      <c r="E70" s="1071"/>
      <c r="F70" s="1071"/>
      <c r="G70" s="1071"/>
      <c r="H70" s="1071"/>
      <c r="I70" s="1071"/>
      <c r="J70" s="1071"/>
      <c r="K70" s="1071"/>
      <c r="L70" s="1071"/>
      <c r="M70" s="1071"/>
      <c r="N70" s="1071"/>
      <c r="O70" s="1071"/>
      <c r="P70" s="1071"/>
      <c r="Q70" s="1071"/>
      <c r="R70" s="1071"/>
      <c r="S70" s="1071"/>
      <c r="T70" s="1071"/>
      <c r="U70" s="1071"/>
      <c r="V70" s="1071"/>
      <c r="W70" s="1071"/>
      <c r="X70" s="1071"/>
      <c r="Y70" s="1071"/>
      <c r="Z70" s="1071"/>
      <c r="AA70" s="1071"/>
      <c r="AB70" s="16"/>
      <c r="AC70" s="16"/>
      <c r="AD70" s="16"/>
      <c r="AE70" s="16"/>
      <c r="AF70" s="16"/>
      <c r="AG70" s="16"/>
      <c r="AH70" s="16"/>
      <c r="AI70" s="16"/>
      <c r="AJ70" s="16"/>
      <c r="AK70" s="16"/>
    </row>
    <row r="71" spans="1:37" ht="13.5" customHeight="1" x14ac:dyDescent="0.15">
      <c r="A71" s="16"/>
      <c r="B71" s="1071" t="s">
        <v>960</v>
      </c>
      <c r="C71" s="1071"/>
      <c r="D71" s="1071"/>
      <c r="E71" s="1071"/>
      <c r="F71" s="1071"/>
      <c r="G71" s="1071"/>
      <c r="H71" s="1071"/>
      <c r="I71" s="1071"/>
      <c r="J71" s="1071"/>
      <c r="K71" s="1071"/>
      <c r="L71" s="1071"/>
      <c r="M71" s="1071"/>
      <c r="N71" s="1071"/>
      <c r="O71" s="1071"/>
      <c r="P71" s="1071"/>
      <c r="Q71" s="1071"/>
      <c r="R71" s="1071"/>
      <c r="S71" s="1071"/>
      <c r="T71" s="1071"/>
      <c r="U71" s="1071"/>
      <c r="V71" s="1071"/>
      <c r="W71" s="1071"/>
      <c r="X71" s="1071"/>
      <c r="Y71" s="1071"/>
      <c r="Z71" s="1071"/>
      <c r="AA71" s="1071"/>
      <c r="AB71" s="16"/>
      <c r="AC71" s="16"/>
      <c r="AD71" s="16"/>
      <c r="AE71" s="16"/>
      <c r="AF71" s="16"/>
      <c r="AG71" s="16"/>
      <c r="AH71" s="16"/>
      <c r="AI71" s="16"/>
      <c r="AJ71" s="16"/>
      <c r="AK71" s="16"/>
    </row>
    <row r="72" spans="1:37" x14ac:dyDescent="0.15">
      <c r="A72" s="16"/>
      <c r="B72" s="1071" t="s">
        <v>959</v>
      </c>
      <c r="C72" s="1071"/>
      <c r="D72" s="1071"/>
      <c r="E72" s="1071"/>
      <c r="F72" s="1071"/>
      <c r="G72" s="1071"/>
      <c r="H72" s="1071"/>
      <c r="I72" s="1071"/>
      <c r="J72" s="1071"/>
      <c r="K72" s="1071"/>
      <c r="L72" s="1071"/>
      <c r="M72" s="1071"/>
      <c r="N72" s="1071"/>
      <c r="O72" s="1071"/>
      <c r="P72" s="1071"/>
      <c r="Q72" s="1071"/>
      <c r="R72" s="1071"/>
      <c r="S72" s="1071"/>
      <c r="T72" s="1071"/>
      <c r="U72" s="1071"/>
      <c r="V72" s="1071"/>
      <c r="W72" s="1071"/>
      <c r="X72" s="1071"/>
      <c r="Y72" s="1071"/>
      <c r="Z72" s="1071"/>
      <c r="AA72" s="1071"/>
      <c r="AB72" s="16"/>
      <c r="AC72" s="16"/>
      <c r="AD72" s="16"/>
      <c r="AE72" s="16"/>
      <c r="AF72" s="16"/>
      <c r="AG72" s="16"/>
      <c r="AH72" s="16"/>
      <c r="AI72" s="16"/>
      <c r="AJ72" s="16"/>
      <c r="AK72" s="16"/>
    </row>
    <row r="73" spans="1:37" x14ac:dyDescent="0.15">
      <c r="B73" s="1071" t="s">
        <v>958</v>
      </c>
      <c r="C73" s="1071"/>
      <c r="D73" s="1071"/>
      <c r="E73" s="1071"/>
      <c r="F73" s="1071"/>
      <c r="G73" s="1071"/>
      <c r="H73" s="1071"/>
      <c r="I73" s="1071"/>
      <c r="J73" s="1071"/>
      <c r="K73" s="1071"/>
      <c r="L73" s="1071"/>
      <c r="M73" s="1071"/>
      <c r="N73" s="1071"/>
      <c r="O73" s="1071"/>
      <c r="P73" s="1071"/>
      <c r="Q73" s="1071"/>
      <c r="R73" s="1071"/>
      <c r="S73" s="1071"/>
      <c r="T73" s="1071"/>
      <c r="U73" s="1071"/>
      <c r="V73" s="1071"/>
      <c r="W73" s="1071"/>
      <c r="X73" s="1071"/>
      <c r="Y73" s="1071"/>
      <c r="Z73" s="1071"/>
      <c r="AA73" s="1071"/>
      <c r="AB73" s="370"/>
    </row>
    <row r="74" spans="1:37" x14ac:dyDescent="0.15">
      <c r="B74" s="1071" t="s">
        <v>957</v>
      </c>
      <c r="C74" s="1071"/>
      <c r="D74" s="1071"/>
      <c r="E74" s="1071"/>
      <c r="F74" s="1071"/>
      <c r="G74" s="1071"/>
      <c r="H74" s="1071"/>
      <c r="I74" s="1071"/>
      <c r="J74" s="1071"/>
      <c r="K74" s="1071"/>
      <c r="L74" s="1071"/>
      <c r="M74" s="1071"/>
      <c r="N74" s="1071"/>
      <c r="O74" s="1071"/>
      <c r="P74" s="1071"/>
      <c r="Q74" s="1071"/>
      <c r="R74" s="1071"/>
      <c r="S74" s="1071"/>
      <c r="T74" s="1071"/>
      <c r="U74" s="1071"/>
      <c r="V74" s="1071"/>
      <c r="W74" s="1071"/>
      <c r="X74" s="1071"/>
      <c r="Y74" s="1071"/>
      <c r="Z74" s="1071"/>
      <c r="AA74" s="371"/>
      <c r="AB74" s="370"/>
    </row>
    <row r="75" spans="1:37" x14ac:dyDescent="0.15">
      <c r="B75" s="369"/>
      <c r="D75" s="368"/>
    </row>
    <row r="76" spans="1:37" x14ac:dyDescent="0.15">
      <c r="B76" s="369"/>
      <c r="D76" s="368"/>
    </row>
    <row r="77" spans="1:37" x14ac:dyDescent="0.15">
      <c r="B77" s="369"/>
      <c r="D77" s="368"/>
    </row>
    <row r="78" spans="1:37" x14ac:dyDescent="0.15">
      <c r="B78" s="369"/>
      <c r="D78" s="368"/>
    </row>
  </sheetData>
  <mergeCells count="82">
    <mergeCell ref="B4:AA4"/>
    <mergeCell ref="B6:F6"/>
    <mergeCell ref="G6:AA6"/>
    <mergeCell ref="B7:F7"/>
    <mergeCell ref="G7:AA7"/>
    <mergeCell ref="B8:F8"/>
    <mergeCell ref="G8:AA8"/>
    <mergeCell ref="U10:AA10"/>
    <mergeCell ref="G11:M11"/>
    <mergeCell ref="N11:T11"/>
    <mergeCell ref="U11:AA11"/>
    <mergeCell ref="Y19:Z19"/>
    <mergeCell ref="G12:M12"/>
    <mergeCell ref="N12:T12"/>
    <mergeCell ref="U12:AA12"/>
    <mergeCell ref="G13:M13"/>
    <mergeCell ref="N13:T13"/>
    <mergeCell ref="U13:AA13"/>
    <mergeCell ref="G14:M14"/>
    <mergeCell ref="N14:T14"/>
    <mergeCell ref="U14:AA14"/>
    <mergeCell ref="B15:F15"/>
    <mergeCell ref="G15:AA15"/>
    <mergeCell ref="B9:F14"/>
    <mergeCell ref="G9:M9"/>
    <mergeCell ref="N9:T9"/>
    <mergeCell ref="U9:AA9"/>
    <mergeCell ref="G10:M10"/>
    <mergeCell ref="N10:T10"/>
    <mergeCell ref="C34:Z34"/>
    <mergeCell ref="Y22:Z22"/>
    <mergeCell ref="Y23:Z23"/>
    <mergeCell ref="Y24:Z24"/>
    <mergeCell ref="D25:J25"/>
    <mergeCell ref="C28:H28"/>
    <mergeCell ref="I28:Z28"/>
    <mergeCell ref="C29:H29"/>
    <mergeCell ref="I29:Z29"/>
    <mergeCell ref="C30:H30"/>
    <mergeCell ref="I30:Z30"/>
    <mergeCell ref="Y32:Z32"/>
    <mergeCell ref="C35:Z35"/>
    <mergeCell ref="C36:Z36"/>
    <mergeCell ref="D38:V38"/>
    <mergeCell ref="Y38:Z38"/>
    <mergeCell ref="D39:V39"/>
    <mergeCell ref="Y39:Z39"/>
    <mergeCell ref="Y48:Z48"/>
    <mergeCell ref="D49:Q49"/>
    <mergeCell ref="R49:V49"/>
    <mergeCell ref="D50:Q50"/>
    <mergeCell ref="R50:V50"/>
    <mergeCell ref="Y51:Z51"/>
    <mergeCell ref="D62:V62"/>
    <mergeCell ref="Y62:Z62"/>
    <mergeCell ref="D63:V63"/>
    <mergeCell ref="Y63:Z63"/>
    <mergeCell ref="Y52:Z52"/>
    <mergeCell ref="D40:V40"/>
    <mergeCell ref="Y40:Z40"/>
    <mergeCell ref="D41:V41"/>
    <mergeCell ref="Y41:Z41"/>
    <mergeCell ref="D42:V42"/>
    <mergeCell ref="D64:V64"/>
    <mergeCell ref="Y64:Z64"/>
    <mergeCell ref="D53:J53"/>
    <mergeCell ref="C56:H56"/>
    <mergeCell ref="I56:Z56"/>
    <mergeCell ref="C57:H57"/>
    <mergeCell ref="I57:Z57"/>
    <mergeCell ref="C58:H58"/>
    <mergeCell ref="I58:Z58"/>
    <mergeCell ref="C60:AA60"/>
    <mergeCell ref="B72:AA72"/>
    <mergeCell ref="B73:AA73"/>
    <mergeCell ref="B74:Z74"/>
    <mergeCell ref="D65:V65"/>
    <mergeCell ref="Y65:Z65"/>
    <mergeCell ref="D66:V66"/>
    <mergeCell ref="B69:AA69"/>
    <mergeCell ref="B70:AA70"/>
    <mergeCell ref="B71:AA71"/>
  </mergeCells>
  <phoneticPr fontId="2"/>
  <pageMargins left="0.7" right="0.7" top="0.75" bottom="0.75" header="0.3" footer="0.3"/>
  <pageSetup paperSize="9" scale="61" orientation="portrait" r:id="rId1"/>
</worksheet>
</file>

<file path=xl/worksheets/sheet4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K108"/>
  <sheetViews>
    <sheetView view="pageBreakPreview" zoomScale="70" zoomScaleNormal="200" zoomScaleSheetLayoutView="70" workbookViewId="0">
      <selection activeCell="C87" sqref="C87"/>
    </sheetView>
  </sheetViews>
  <sheetFormatPr defaultColWidth="3.5" defaultRowHeight="13.5" x14ac:dyDescent="0.15"/>
  <cols>
    <col min="1" max="1" width="1.75" style="372" customWidth="1"/>
    <col min="2" max="2" width="3" style="373" customWidth="1"/>
    <col min="3" max="5" width="4.875" style="372" customWidth="1"/>
    <col min="6" max="6" width="1.25" style="372" customWidth="1"/>
    <col min="7" max="7" width="2.625" style="372" customWidth="1"/>
    <col min="8" max="13" width="6.25" style="372" customWidth="1"/>
    <col min="14" max="16" width="5.25" style="372" customWidth="1"/>
    <col min="17" max="17" width="4.75" style="372" customWidth="1"/>
    <col min="18" max="22" width="5.125" style="372" customWidth="1"/>
    <col min="23" max="24" width="4.75" style="372" customWidth="1"/>
    <col min="25" max="28" width="5.25" style="372" customWidth="1"/>
    <col min="29" max="31" width="6.625" style="372" customWidth="1"/>
    <col min="32" max="32" width="1.25" style="372" customWidth="1"/>
    <col min="33" max="33" width="1.75" style="372" customWidth="1"/>
    <col min="34" max="256" width="3.5" style="372"/>
    <col min="257" max="257" width="1.75" style="372" customWidth="1"/>
    <col min="258" max="258" width="3" style="372" customWidth="1"/>
    <col min="259" max="261" width="4.875" style="372" customWidth="1"/>
    <col min="262" max="262" width="1.25" style="372" customWidth="1"/>
    <col min="263" max="263" width="2.625" style="372" customWidth="1"/>
    <col min="264" max="269" width="6.25" style="372" customWidth="1"/>
    <col min="270" max="272" width="5.25" style="372" customWidth="1"/>
    <col min="273" max="273" width="4.75" style="372" customWidth="1"/>
    <col min="274" max="278" width="5.125" style="372" customWidth="1"/>
    <col min="279" max="280" width="4.75" style="372" customWidth="1"/>
    <col min="281" max="284" width="5.25" style="372" customWidth="1"/>
    <col min="285" max="287" width="6.625" style="372" customWidth="1"/>
    <col min="288" max="288" width="1.25" style="372" customWidth="1"/>
    <col min="289" max="289" width="1.75" style="372" customWidth="1"/>
    <col min="290" max="512" width="3.5" style="372"/>
    <col min="513" max="513" width="1.75" style="372" customWidth="1"/>
    <col min="514" max="514" width="3" style="372" customWidth="1"/>
    <col min="515" max="517" width="4.875" style="372" customWidth="1"/>
    <col min="518" max="518" width="1.25" style="372" customWidth="1"/>
    <col min="519" max="519" width="2.625" style="372" customWidth="1"/>
    <col min="520" max="525" width="6.25" style="372" customWidth="1"/>
    <col min="526" max="528" width="5.25" style="372" customWidth="1"/>
    <col min="529" max="529" width="4.75" style="372" customWidth="1"/>
    <col min="530" max="534" width="5.125" style="372" customWidth="1"/>
    <col min="535" max="536" width="4.75" style="372" customWidth="1"/>
    <col min="537" max="540" width="5.25" style="372" customWidth="1"/>
    <col min="541" max="543" width="6.625" style="372" customWidth="1"/>
    <col min="544" max="544" width="1.25" style="372" customWidth="1"/>
    <col min="545" max="545" width="1.75" style="372" customWidth="1"/>
    <col min="546" max="768" width="3.5" style="372"/>
    <col min="769" max="769" width="1.75" style="372" customWidth="1"/>
    <col min="770" max="770" width="3" style="372" customWidth="1"/>
    <col min="771" max="773" width="4.875" style="372" customWidth="1"/>
    <col min="774" max="774" width="1.25" style="372" customWidth="1"/>
    <col min="775" max="775" width="2.625" style="372" customWidth="1"/>
    <col min="776" max="781" width="6.25" style="372" customWidth="1"/>
    <col min="782" max="784" width="5.25" style="372" customWidth="1"/>
    <col min="785" max="785" width="4.75" style="372" customWidth="1"/>
    <col min="786" max="790" width="5.125" style="372" customWidth="1"/>
    <col min="791" max="792" width="4.75" style="372" customWidth="1"/>
    <col min="793" max="796" width="5.25" style="372" customWidth="1"/>
    <col min="797" max="799" width="6.625" style="372" customWidth="1"/>
    <col min="800" max="800" width="1.25" style="372" customWidth="1"/>
    <col min="801" max="801" width="1.75" style="372" customWidth="1"/>
    <col min="802" max="1024" width="3.5" style="372"/>
    <col min="1025" max="1025" width="1.75" style="372" customWidth="1"/>
    <col min="1026" max="1026" width="3" style="372" customWidth="1"/>
    <col min="1027" max="1029" width="4.875" style="372" customWidth="1"/>
    <col min="1030" max="1030" width="1.25" style="372" customWidth="1"/>
    <col min="1031" max="1031" width="2.625" style="372" customWidth="1"/>
    <col min="1032" max="1037" width="6.25" style="372" customWidth="1"/>
    <col min="1038" max="1040" width="5.25" style="372" customWidth="1"/>
    <col min="1041" max="1041" width="4.75" style="372" customWidth="1"/>
    <col min="1042" max="1046" width="5.125" style="372" customWidth="1"/>
    <col min="1047" max="1048" width="4.75" style="372" customWidth="1"/>
    <col min="1049" max="1052" width="5.25" style="372" customWidth="1"/>
    <col min="1053" max="1055" width="6.625" style="372" customWidth="1"/>
    <col min="1056" max="1056" width="1.25" style="372" customWidth="1"/>
    <col min="1057" max="1057" width="1.75" style="372" customWidth="1"/>
    <col min="1058" max="1280" width="3.5" style="372"/>
    <col min="1281" max="1281" width="1.75" style="372" customWidth="1"/>
    <col min="1282" max="1282" width="3" style="372" customWidth="1"/>
    <col min="1283" max="1285" width="4.875" style="372" customWidth="1"/>
    <col min="1286" max="1286" width="1.25" style="372" customWidth="1"/>
    <col min="1287" max="1287" width="2.625" style="372" customWidth="1"/>
    <col min="1288" max="1293" width="6.25" style="372" customWidth="1"/>
    <col min="1294" max="1296" width="5.25" style="372" customWidth="1"/>
    <col min="1297" max="1297" width="4.75" style="372" customWidth="1"/>
    <col min="1298" max="1302" width="5.125" style="372" customWidth="1"/>
    <col min="1303" max="1304" width="4.75" style="372" customWidth="1"/>
    <col min="1305" max="1308" width="5.25" style="372" customWidth="1"/>
    <col min="1309" max="1311" width="6.625" style="372" customWidth="1"/>
    <col min="1312" max="1312" width="1.25" style="372" customWidth="1"/>
    <col min="1313" max="1313" width="1.75" style="372" customWidth="1"/>
    <col min="1314" max="1536" width="3.5" style="372"/>
    <col min="1537" max="1537" width="1.75" style="372" customWidth="1"/>
    <col min="1538" max="1538" width="3" style="372" customWidth="1"/>
    <col min="1539" max="1541" width="4.875" style="372" customWidth="1"/>
    <col min="1542" max="1542" width="1.25" style="372" customWidth="1"/>
    <col min="1543" max="1543" width="2.625" style="372" customWidth="1"/>
    <col min="1544" max="1549" width="6.25" style="372" customWidth="1"/>
    <col min="1550" max="1552" width="5.25" style="372" customWidth="1"/>
    <col min="1553" max="1553" width="4.75" style="372" customWidth="1"/>
    <col min="1554" max="1558" width="5.125" style="372" customWidth="1"/>
    <col min="1559" max="1560" width="4.75" style="372" customWidth="1"/>
    <col min="1561" max="1564" width="5.25" style="372" customWidth="1"/>
    <col min="1565" max="1567" width="6.625" style="372" customWidth="1"/>
    <col min="1568" max="1568" width="1.25" style="372" customWidth="1"/>
    <col min="1569" max="1569" width="1.75" style="372" customWidth="1"/>
    <col min="1570" max="1792" width="3.5" style="372"/>
    <col min="1793" max="1793" width="1.75" style="372" customWidth="1"/>
    <col min="1794" max="1794" width="3" style="372" customWidth="1"/>
    <col min="1795" max="1797" width="4.875" style="372" customWidth="1"/>
    <col min="1798" max="1798" width="1.25" style="372" customWidth="1"/>
    <col min="1799" max="1799" width="2.625" style="372" customWidth="1"/>
    <col min="1800" max="1805" width="6.25" style="372" customWidth="1"/>
    <col min="1806" max="1808" width="5.25" style="372" customWidth="1"/>
    <col min="1809" max="1809" width="4.75" style="372" customWidth="1"/>
    <col min="1810" max="1814" width="5.125" style="372" customWidth="1"/>
    <col min="1815" max="1816" width="4.75" style="372" customWidth="1"/>
    <col min="1817" max="1820" width="5.25" style="372" customWidth="1"/>
    <col min="1821" max="1823" width="6.625" style="372" customWidth="1"/>
    <col min="1824" max="1824" width="1.25" style="372" customWidth="1"/>
    <col min="1825" max="1825" width="1.75" style="372" customWidth="1"/>
    <col min="1826" max="2048" width="3.5" style="372"/>
    <col min="2049" max="2049" width="1.75" style="372" customWidth="1"/>
    <col min="2050" max="2050" width="3" style="372" customWidth="1"/>
    <col min="2051" max="2053" width="4.875" style="372" customWidth="1"/>
    <col min="2054" max="2054" width="1.25" style="372" customWidth="1"/>
    <col min="2055" max="2055" width="2.625" style="372" customWidth="1"/>
    <col min="2056" max="2061" width="6.25" style="372" customWidth="1"/>
    <col min="2062" max="2064" width="5.25" style="372" customWidth="1"/>
    <col min="2065" max="2065" width="4.75" style="372" customWidth="1"/>
    <col min="2066" max="2070" width="5.125" style="372" customWidth="1"/>
    <col min="2071" max="2072" width="4.75" style="372" customWidth="1"/>
    <col min="2073" max="2076" width="5.25" style="372" customWidth="1"/>
    <col min="2077" max="2079" width="6.625" style="372" customWidth="1"/>
    <col min="2080" max="2080" width="1.25" style="372" customWidth="1"/>
    <col min="2081" max="2081" width="1.75" style="372" customWidth="1"/>
    <col min="2082" max="2304" width="3.5" style="372"/>
    <col min="2305" max="2305" width="1.75" style="372" customWidth="1"/>
    <col min="2306" max="2306" width="3" style="372" customWidth="1"/>
    <col min="2307" max="2309" width="4.875" style="372" customWidth="1"/>
    <col min="2310" max="2310" width="1.25" style="372" customWidth="1"/>
    <col min="2311" max="2311" width="2.625" style="372" customWidth="1"/>
    <col min="2312" max="2317" width="6.25" style="372" customWidth="1"/>
    <col min="2318" max="2320" width="5.25" style="372" customWidth="1"/>
    <col min="2321" max="2321" width="4.75" style="372" customWidth="1"/>
    <col min="2322" max="2326" width="5.125" style="372" customWidth="1"/>
    <col min="2327" max="2328" width="4.75" style="372" customWidth="1"/>
    <col min="2329" max="2332" width="5.25" style="372" customWidth="1"/>
    <col min="2333" max="2335" width="6.625" style="372" customWidth="1"/>
    <col min="2336" max="2336" width="1.25" style="372" customWidth="1"/>
    <col min="2337" max="2337" width="1.75" style="372" customWidth="1"/>
    <col min="2338" max="2560" width="3.5" style="372"/>
    <col min="2561" max="2561" width="1.75" style="372" customWidth="1"/>
    <col min="2562" max="2562" width="3" style="372" customWidth="1"/>
    <col min="2563" max="2565" width="4.875" style="372" customWidth="1"/>
    <col min="2566" max="2566" width="1.25" style="372" customWidth="1"/>
    <col min="2567" max="2567" width="2.625" style="372" customWidth="1"/>
    <col min="2568" max="2573" width="6.25" style="372" customWidth="1"/>
    <col min="2574" max="2576" width="5.25" style="372" customWidth="1"/>
    <col min="2577" max="2577" width="4.75" style="372" customWidth="1"/>
    <col min="2578" max="2582" width="5.125" style="372" customWidth="1"/>
    <col min="2583" max="2584" width="4.75" style="372" customWidth="1"/>
    <col min="2585" max="2588" width="5.25" style="372" customWidth="1"/>
    <col min="2589" max="2591" width="6.625" style="372" customWidth="1"/>
    <col min="2592" max="2592" width="1.25" style="372" customWidth="1"/>
    <col min="2593" max="2593" width="1.75" style="372" customWidth="1"/>
    <col min="2594" max="2816" width="3.5" style="372"/>
    <col min="2817" max="2817" width="1.75" style="372" customWidth="1"/>
    <col min="2818" max="2818" width="3" style="372" customWidth="1"/>
    <col min="2819" max="2821" width="4.875" style="372" customWidth="1"/>
    <col min="2822" max="2822" width="1.25" style="372" customWidth="1"/>
    <col min="2823" max="2823" width="2.625" style="372" customWidth="1"/>
    <col min="2824" max="2829" width="6.25" style="372" customWidth="1"/>
    <col min="2830" max="2832" width="5.25" style="372" customWidth="1"/>
    <col min="2833" max="2833" width="4.75" style="372" customWidth="1"/>
    <col min="2834" max="2838" width="5.125" style="372" customWidth="1"/>
    <col min="2839" max="2840" width="4.75" style="372" customWidth="1"/>
    <col min="2841" max="2844" width="5.25" style="372" customWidth="1"/>
    <col min="2845" max="2847" width="6.625" style="372" customWidth="1"/>
    <col min="2848" max="2848" width="1.25" style="372" customWidth="1"/>
    <col min="2849" max="2849" width="1.75" style="372" customWidth="1"/>
    <col min="2850" max="3072" width="3.5" style="372"/>
    <col min="3073" max="3073" width="1.75" style="372" customWidth="1"/>
    <col min="3074" max="3074" width="3" style="372" customWidth="1"/>
    <col min="3075" max="3077" width="4.875" style="372" customWidth="1"/>
    <col min="3078" max="3078" width="1.25" style="372" customWidth="1"/>
    <col min="3079" max="3079" width="2.625" style="372" customWidth="1"/>
    <col min="3080" max="3085" width="6.25" style="372" customWidth="1"/>
    <col min="3086" max="3088" width="5.25" style="372" customWidth="1"/>
    <col min="3089" max="3089" width="4.75" style="372" customWidth="1"/>
    <col min="3090" max="3094" width="5.125" style="372" customWidth="1"/>
    <col min="3095" max="3096" width="4.75" style="372" customWidth="1"/>
    <col min="3097" max="3100" width="5.25" style="372" customWidth="1"/>
    <col min="3101" max="3103" width="6.625" style="372" customWidth="1"/>
    <col min="3104" max="3104" width="1.25" style="372" customWidth="1"/>
    <col min="3105" max="3105" width="1.75" style="372" customWidth="1"/>
    <col min="3106" max="3328" width="3.5" style="372"/>
    <col min="3329" max="3329" width="1.75" style="372" customWidth="1"/>
    <col min="3330" max="3330" width="3" style="372" customWidth="1"/>
    <col min="3331" max="3333" width="4.875" style="372" customWidth="1"/>
    <col min="3334" max="3334" width="1.25" style="372" customWidth="1"/>
    <col min="3335" max="3335" width="2.625" style="372" customWidth="1"/>
    <col min="3336" max="3341" width="6.25" style="372" customWidth="1"/>
    <col min="3342" max="3344" width="5.25" style="372" customWidth="1"/>
    <col min="3345" max="3345" width="4.75" style="372" customWidth="1"/>
    <col min="3346" max="3350" width="5.125" style="372" customWidth="1"/>
    <col min="3351" max="3352" width="4.75" style="372" customWidth="1"/>
    <col min="3353" max="3356" width="5.25" style="372" customWidth="1"/>
    <col min="3357" max="3359" width="6.625" style="372" customWidth="1"/>
    <col min="3360" max="3360" width="1.25" style="372" customWidth="1"/>
    <col min="3361" max="3361" width="1.75" style="372" customWidth="1"/>
    <col min="3362" max="3584" width="3.5" style="372"/>
    <col min="3585" max="3585" width="1.75" style="372" customWidth="1"/>
    <col min="3586" max="3586" width="3" style="372" customWidth="1"/>
    <col min="3587" max="3589" width="4.875" style="372" customWidth="1"/>
    <col min="3590" max="3590" width="1.25" style="372" customWidth="1"/>
    <col min="3591" max="3591" width="2.625" style="372" customWidth="1"/>
    <col min="3592" max="3597" width="6.25" style="372" customWidth="1"/>
    <col min="3598" max="3600" width="5.25" style="372" customWidth="1"/>
    <col min="3601" max="3601" width="4.75" style="372" customWidth="1"/>
    <col min="3602" max="3606" width="5.125" style="372" customWidth="1"/>
    <col min="3607" max="3608" width="4.75" style="372" customWidth="1"/>
    <col min="3609" max="3612" width="5.25" style="372" customWidth="1"/>
    <col min="3613" max="3615" width="6.625" style="372" customWidth="1"/>
    <col min="3616" max="3616" width="1.25" style="372" customWidth="1"/>
    <col min="3617" max="3617" width="1.75" style="372" customWidth="1"/>
    <col min="3618" max="3840" width="3.5" style="372"/>
    <col min="3841" max="3841" width="1.75" style="372" customWidth="1"/>
    <col min="3842" max="3842" width="3" style="372" customWidth="1"/>
    <col min="3843" max="3845" width="4.875" style="372" customWidth="1"/>
    <col min="3846" max="3846" width="1.25" style="372" customWidth="1"/>
    <col min="3847" max="3847" width="2.625" style="372" customWidth="1"/>
    <col min="3848" max="3853" width="6.25" style="372" customWidth="1"/>
    <col min="3854" max="3856" width="5.25" style="372" customWidth="1"/>
    <col min="3857" max="3857" width="4.75" style="372" customWidth="1"/>
    <col min="3858" max="3862" width="5.125" style="372" customWidth="1"/>
    <col min="3863" max="3864" width="4.75" style="372" customWidth="1"/>
    <col min="3865" max="3868" width="5.25" style="372" customWidth="1"/>
    <col min="3869" max="3871" width="6.625" style="372" customWidth="1"/>
    <col min="3872" max="3872" width="1.25" style="372" customWidth="1"/>
    <col min="3873" max="3873" width="1.75" style="372" customWidth="1"/>
    <col min="3874" max="4096" width="3.5" style="372"/>
    <col min="4097" max="4097" width="1.75" style="372" customWidth="1"/>
    <col min="4098" max="4098" width="3" style="372" customWidth="1"/>
    <col min="4099" max="4101" width="4.875" style="372" customWidth="1"/>
    <col min="4102" max="4102" width="1.25" style="372" customWidth="1"/>
    <col min="4103" max="4103" width="2.625" style="372" customWidth="1"/>
    <col min="4104" max="4109" width="6.25" style="372" customWidth="1"/>
    <col min="4110" max="4112" width="5.25" style="372" customWidth="1"/>
    <col min="4113" max="4113" width="4.75" style="372" customWidth="1"/>
    <col min="4114" max="4118" width="5.125" style="372" customWidth="1"/>
    <col min="4119" max="4120" width="4.75" style="372" customWidth="1"/>
    <col min="4121" max="4124" width="5.25" style="372" customWidth="1"/>
    <col min="4125" max="4127" width="6.625" style="372" customWidth="1"/>
    <col min="4128" max="4128" width="1.25" style="372" customWidth="1"/>
    <col min="4129" max="4129" width="1.75" style="372" customWidth="1"/>
    <col min="4130" max="4352" width="3.5" style="372"/>
    <col min="4353" max="4353" width="1.75" style="372" customWidth="1"/>
    <col min="4354" max="4354" width="3" style="372" customWidth="1"/>
    <col min="4355" max="4357" width="4.875" style="372" customWidth="1"/>
    <col min="4358" max="4358" width="1.25" style="372" customWidth="1"/>
    <col min="4359" max="4359" width="2.625" style="372" customWidth="1"/>
    <col min="4360" max="4365" width="6.25" style="372" customWidth="1"/>
    <col min="4366" max="4368" width="5.25" style="372" customWidth="1"/>
    <col min="4369" max="4369" width="4.75" style="372" customWidth="1"/>
    <col min="4370" max="4374" width="5.125" style="372" customWidth="1"/>
    <col min="4375" max="4376" width="4.75" style="372" customWidth="1"/>
    <col min="4377" max="4380" width="5.25" style="372" customWidth="1"/>
    <col min="4381" max="4383" width="6.625" style="372" customWidth="1"/>
    <col min="4384" max="4384" width="1.25" style="372" customWidth="1"/>
    <col min="4385" max="4385" width="1.75" style="372" customWidth="1"/>
    <col min="4386" max="4608" width="3.5" style="372"/>
    <col min="4609" max="4609" width="1.75" style="372" customWidth="1"/>
    <col min="4610" max="4610" width="3" style="372" customWidth="1"/>
    <col min="4611" max="4613" width="4.875" style="372" customWidth="1"/>
    <col min="4614" max="4614" width="1.25" style="372" customWidth="1"/>
    <col min="4615" max="4615" width="2.625" style="372" customWidth="1"/>
    <col min="4616" max="4621" width="6.25" style="372" customWidth="1"/>
    <col min="4622" max="4624" width="5.25" style="372" customWidth="1"/>
    <col min="4625" max="4625" width="4.75" style="372" customWidth="1"/>
    <col min="4626" max="4630" width="5.125" style="372" customWidth="1"/>
    <col min="4631" max="4632" width="4.75" style="372" customWidth="1"/>
    <col min="4633" max="4636" width="5.25" style="372" customWidth="1"/>
    <col min="4637" max="4639" width="6.625" style="372" customWidth="1"/>
    <col min="4640" max="4640" width="1.25" style="372" customWidth="1"/>
    <col min="4641" max="4641" width="1.75" style="372" customWidth="1"/>
    <col min="4642" max="4864" width="3.5" style="372"/>
    <col min="4865" max="4865" width="1.75" style="372" customWidth="1"/>
    <col min="4866" max="4866" width="3" style="372" customWidth="1"/>
    <col min="4867" max="4869" width="4.875" style="372" customWidth="1"/>
    <col min="4870" max="4870" width="1.25" style="372" customWidth="1"/>
    <col min="4871" max="4871" width="2.625" style="372" customWidth="1"/>
    <col min="4872" max="4877" width="6.25" style="372" customWidth="1"/>
    <col min="4878" max="4880" width="5.25" style="372" customWidth="1"/>
    <col min="4881" max="4881" width="4.75" style="372" customWidth="1"/>
    <col min="4882" max="4886" width="5.125" style="372" customWidth="1"/>
    <col min="4887" max="4888" width="4.75" style="372" customWidth="1"/>
    <col min="4889" max="4892" width="5.25" style="372" customWidth="1"/>
    <col min="4893" max="4895" width="6.625" style="372" customWidth="1"/>
    <col min="4896" max="4896" width="1.25" style="372" customWidth="1"/>
    <col min="4897" max="4897" width="1.75" style="372" customWidth="1"/>
    <col min="4898" max="5120" width="3.5" style="372"/>
    <col min="5121" max="5121" width="1.75" style="372" customWidth="1"/>
    <col min="5122" max="5122" width="3" style="372" customWidth="1"/>
    <col min="5123" max="5125" width="4.875" style="372" customWidth="1"/>
    <col min="5126" max="5126" width="1.25" style="372" customWidth="1"/>
    <col min="5127" max="5127" width="2.625" style="372" customWidth="1"/>
    <col min="5128" max="5133" width="6.25" style="372" customWidth="1"/>
    <col min="5134" max="5136" width="5.25" style="372" customWidth="1"/>
    <col min="5137" max="5137" width="4.75" style="372" customWidth="1"/>
    <col min="5138" max="5142" width="5.125" style="372" customWidth="1"/>
    <col min="5143" max="5144" width="4.75" style="372" customWidth="1"/>
    <col min="5145" max="5148" width="5.25" style="372" customWidth="1"/>
    <col min="5149" max="5151" width="6.625" style="372" customWidth="1"/>
    <col min="5152" max="5152" width="1.25" style="372" customWidth="1"/>
    <col min="5153" max="5153" width="1.75" style="372" customWidth="1"/>
    <col min="5154" max="5376" width="3.5" style="372"/>
    <col min="5377" max="5377" width="1.75" style="372" customWidth="1"/>
    <col min="5378" max="5378" width="3" style="372" customWidth="1"/>
    <col min="5379" max="5381" width="4.875" style="372" customWidth="1"/>
    <col min="5382" max="5382" width="1.25" style="372" customWidth="1"/>
    <col min="5383" max="5383" width="2.625" style="372" customWidth="1"/>
    <col min="5384" max="5389" width="6.25" style="372" customWidth="1"/>
    <col min="5390" max="5392" width="5.25" style="372" customWidth="1"/>
    <col min="5393" max="5393" width="4.75" style="372" customWidth="1"/>
    <col min="5394" max="5398" width="5.125" style="372" customWidth="1"/>
    <col min="5399" max="5400" width="4.75" style="372" customWidth="1"/>
    <col min="5401" max="5404" width="5.25" style="372" customWidth="1"/>
    <col min="5405" max="5407" width="6.625" style="372" customWidth="1"/>
    <col min="5408" max="5408" width="1.25" style="372" customWidth="1"/>
    <col min="5409" max="5409" width="1.75" style="372" customWidth="1"/>
    <col min="5410" max="5632" width="3.5" style="372"/>
    <col min="5633" max="5633" width="1.75" style="372" customWidth="1"/>
    <col min="5634" max="5634" width="3" style="372" customWidth="1"/>
    <col min="5635" max="5637" width="4.875" style="372" customWidth="1"/>
    <col min="5638" max="5638" width="1.25" style="372" customWidth="1"/>
    <col min="5639" max="5639" width="2.625" style="372" customWidth="1"/>
    <col min="5640" max="5645" width="6.25" style="372" customWidth="1"/>
    <col min="5646" max="5648" width="5.25" style="372" customWidth="1"/>
    <col min="5649" max="5649" width="4.75" style="372" customWidth="1"/>
    <col min="5650" max="5654" width="5.125" style="372" customWidth="1"/>
    <col min="5655" max="5656" width="4.75" style="372" customWidth="1"/>
    <col min="5657" max="5660" width="5.25" style="372" customWidth="1"/>
    <col min="5661" max="5663" width="6.625" style="372" customWidth="1"/>
    <col min="5664" max="5664" width="1.25" style="372" customWidth="1"/>
    <col min="5665" max="5665" width="1.75" style="372" customWidth="1"/>
    <col min="5666" max="5888" width="3.5" style="372"/>
    <col min="5889" max="5889" width="1.75" style="372" customWidth="1"/>
    <col min="5890" max="5890" width="3" style="372" customWidth="1"/>
    <col min="5891" max="5893" width="4.875" style="372" customWidth="1"/>
    <col min="5894" max="5894" width="1.25" style="372" customWidth="1"/>
    <col min="5895" max="5895" width="2.625" style="372" customWidth="1"/>
    <col min="5896" max="5901" width="6.25" style="372" customWidth="1"/>
    <col min="5902" max="5904" width="5.25" style="372" customWidth="1"/>
    <col min="5905" max="5905" width="4.75" style="372" customWidth="1"/>
    <col min="5906" max="5910" width="5.125" style="372" customWidth="1"/>
    <col min="5911" max="5912" width="4.75" style="372" customWidth="1"/>
    <col min="5913" max="5916" width="5.25" style="372" customWidth="1"/>
    <col min="5917" max="5919" width="6.625" style="372" customWidth="1"/>
    <col min="5920" max="5920" width="1.25" style="372" customWidth="1"/>
    <col min="5921" max="5921" width="1.75" style="372" customWidth="1"/>
    <col min="5922" max="6144" width="3.5" style="372"/>
    <col min="6145" max="6145" width="1.75" style="372" customWidth="1"/>
    <col min="6146" max="6146" width="3" style="372" customWidth="1"/>
    <col min="6147" max="6149" width="4.875" style="372" customWidth="1"/>
    <col min="6150" max="6150" width="1.25" style="372" customWidth="1"/>
    <col min="6151" max="6151" width="2.625" style="372" customWidth="1"/>
    <col min="6152" max="6157" width="6.25" style="372" customWidth="1"/>
    <col min="6158" max="6160" width="5.25" style="372" customWidth="1"/>
    <col min="6161" max="6161" width="4.75" style="372" customWidth="1"/>
    <col min="6162" max="6166" width="5.125" style="372" customWidth="1"/>
    <col min="6167" max="6168" width="4.75" style="372" customWidth="1"/>
    <col min="6169" max="6172" width="5.25" style="372" customWidth="1"/>
    <col min="6173" max="6175" width="6.625" style="372" customWidth="1"/>
    <col min="6176" max="6176" width="1.25" style="372" customWidth="1"/>
    <col min="6177" max="6177" width="1.75" style="372" customWidth="1"/>
    <col min="6178" max="6400" width="3.5" style="372"/>
    <col min="6401" max="6401" width="1.75" style="372" customWidth="1"/>
    <col min="6402" max="6402" width="3" style="372" customWidth="1"/>
    <col min="6403" max="6405" width="4.875" style="372" customWidth="1"/>
    <col min="6406" max="6406" width="1.25" style="372" customWidth="1"/>
    <col min="6407" max="6407" width="2.625" style="372" customWidth="1"/>
    <col min="6408" max="6413" width="6.25" style="372" customWidth="1"/>
    <col min="6414" max="6416" width="5.25" style="372" customWidth="1"/>
    <col min="6417" max="6417" width="4.75" style="372" customWidth="1"/>
    <col min="6418" max="6422" width="5.125" style="372" customWidth="1"/>
    <col min="6423" max="6424" width="4.75" style="372" customWidth="1"/>
    <col min="6425" max="6428" width="5.25" style="372" customWidth="1"/>
    <col min="6429" max="6431" width="6.625" style="372" customWidth="1"/>
    <col min="6432" max="6432" width="1.25" style="372" customWidth="1"/>
    <col min="6433" max="6433" width="1.75" style="372" customWidth="1"/>
    <col min="6434" max="6656" width="3.5" style="372"/>
    <col min="6657" max="6657" width="1.75" style="372" customWidth="1"/>
    <col min="6658" max="6658" width="3" style="372" customWidth="1"/>
    <col min="6659" max="6661" width="4.875" style="372" customWidth="1"/>
    <col min="6662" max="6662" width="1.25" style="372" customWidth="1"/>
    <col min="6663" max="6663" width="2.625" style="372" customWidth="1"/>
    <col min="6664" max="6669" width="6.25" style="372" customWidth="1"/>
    <col min="6670" max="6672" width="5.25" style="372" customWidth="1"/>
    <col min="6673" max="6673" width="4.75" style="372" customWidth="1"/>
    <col min="6674" max="6678" width="5.125" style="372" customWidth="1"/>
    <col min="6679" max="6680" width="4.75" style="372" customWidth="1"/>
    <col min="6681" max="6684" width="5.25" style="372" customWidth="1"/>
    <col min="6685" max="6687" width="6.625" style="372" customWidth="1"/>
    <col min="6688" max="6688" width="1.25" style="372" customWidth="1"/>
    <col min="6689" max="6689" width="1.75" style="372" customWidth="1"/>
    <col min="6690" max="6912" width="3.5" style="372"/>
    <col min="6913" max="6913" width="1.75" style="372" customWidth="1"/>
    <col min="6914" max="6914" width="3" style="372" customWidth="1"/>
    <col min="6915" max="6917" width="4.875" style="372" customWidth="1"/>
    <col min="6918" max="6918" width="1.25" style="372" customWidth="1"/>
    <col min="6919" max="6919" width="2.625" style="372" customWidth="1"/>
    <col min="6920" max="6925" width="6.25" style="372" customWidth="1"/>
    <col min="6926" max="6928" width="5.25" style="372" customWidth="1"/>
    <col min="6929" max="6929" width="4.75" style="372" customWidth="1"/>
    <col min="6930" max="6934" width="5.125" style="372" customWidth="1"/>
    <col min="6935" max="6936" width="4.75" style="372" customWidth="1"/>
    <col min="6937" max="6940" width="5.25" style="372" customWidth="1"/>
    <col min="6941" max="6943" width="6.625" style="372" customWidth="1"/>
    <col min="6944" max="6944" width="1.25" style="372" customWidth="1"/>
    <col min="6945" max="6945" width="1.75" style="372" customWidth="1"/>
    <col min="6946" max="7168" width="3.5" style="372"/>
    <col min="7169" max="7169" width="1.75" style="372" customWidth="1"/>
    <col min="7170" max="7170" width="3" style="372" customWidth="1"/>
    <col min="7171" max="7173" width="4.875" style="372" customWidth="1"/>
    <col min="7174" max="7174" width="1.25" style="372" customWidth="1"/>
    <col min="7175" max="7175" width="2.625" style="372" customWidth="1"/>
    <col min="7176" max="7181" width="6.25" style="372" customWidth="1"/>
    <col min="7182" max="7184" width="5.25" style="372" customWidth="1"/>
    <col min="7185" max="7185" width="4.75" style="372" customWidth="1"/>
    <col min="7186" max="7190" width="5.125" style="372" customWidth="1"/>
    <col min="7191" max="7192" width="4.75" style="372" customWidth="1"/>
    <col min="7193" max="7196" width="5.25" style="372" customWidth="1"/>
    <col min="7197" max="7199" width="6.625" style="372" customWidth="1"/>
    <col min="7200" max="7200" width="1.25" style="372" customWidth="1"/>
    <col min="7201" max="7201" width="1.75" style="372" customWidth="1"/>
    <col min="7202" max="7424" width="3.5" style="372"/>
    <col min="7425" max="7425" width="1.75" style="372" customWidth="1"/>
    <col min="7426" max="7426" width="3" style="372" customWidth="1"/>
    <col min="7427" max="7429" width="4.875" style="372" customWidth="1"/>
    <col min="7430" max="7430" width="1.25" style="372" customWidth="1"/>
    <col min="7431" max="7431" width="2.625" style="372" customWidth="1"/>
    <col min="7432" max="7437" width="6.25" style="372" customWidth="1"/>
    <col min="7438" max="7440" width="5.25" style="372" customWidth="1"/>
    <col min="7441" max="7441" width="4.75" style="372" customWidth="1"/>
    <col min="7442" max="7446" width="5.125" style="372" customWidth="1"/>
    <col min="7447" max="7448" width="4.75" style="372" customWidth="1"/>
    <col min="7449" max="7452" width="5.25" style="372" customWidth="1"/>
    <col min="7453" max="7455" width="6.625" style="372" customWidth="1"/>
    <col min="7456" max="7456" width="1.25" style="372" customWidth="1"/>
    <col min="7457" max="7457" width="1.75" style="372" customWidth="1"/>
    <col min="7458" max="7680" width="3.5" style="372"/>
    <col min="7681" max="7681" width="1.75" style="372" customWidth="1"/>
    <col min="7682" max="7682" width="3" style="372" customWidth="1"/>
    <col min="7683" max="7685" width="4.875" style="372" customWidth="1"/>
    <col min="7686" max="7686" width="1.25" style="372" customWidth="1"/>
    <col min="7687" max="7687" width="2.625" style="372" customWidth="1"/>
    <col min="7688" max="7693" width="6.25" style="372" customWidth="1"/>
    <col min="7694" max="7696" width="5.25" style="372" customWidth="1"/>
    <col min="7697" max="7697" width="4.75" style="372" customWidth="1"/>
    <col min="7698" max="7702" width="5.125" style="372" customWidth="1"/>
    <col min="7703" max="7704" width="4.75" style="372" customWidth="1"/>
    <col min="7705" max="7708" width="5.25" style="372" customWidth="1"/>
    <col min="7709" max="7711" width="6.625" style="372" customWidth="1"/>
    <col min="7712" max="7712" width="1.25" style="372" customWidth="1"/>
    <col min="7713" max="7713" width="1.75" style="372" customWidth="1"/>
    <col min="7714" max="7936" width="3.5" style="372"/>
    <col min="7937" max="7937" width="1.75" style="372" customWidth="1"/>
    <col min="7938" max="7938" width="3" style="372" customWidth="1"/>
    <col min="7939" max="7941" width="4.875" style="372" customWidth="1"/>
    <col min="7942" max="7942" width="1.25" style="372" customWidth="1"/>
    <col min="7943" max="7943" width="2.625" style="372" customWidth="1"/>
    <col min="7944" max="7949" width="6.25" style="372" customWidth="1"/>
    <col min="7950" max="7952" width="5.25" style="372" customWidth="1"/>
    <col min="7953" max="7953" width="4.75" style="372" customWidth="1"/>
    <col min="7954" max="7958" width="5.125" style="372" customWidth="1"/>
    <col min="7959" max="7960" width="4.75" style="372" customWidth="1"/>
    <col min="7961" max="7964" width="5.25" style="372" customWidth="1"/>
    <col min="7965" max="7967" width="6.625" style="372" customWidth="1"/>
    <col min="7968" max="7968" width="1.25" style="372" customWidth="1"/>
    <col min="7969" max="7969" width="1.75" style="372" customWidth="1"/>
    <col min="7970" max="8192" width="3.5" style="372"/>
    <col min="8193" max="8193" width="1.75" style="372" customWidth="1"/>
    <col min="8194" max="8194" width="3" style="372" customWidth="1"/>
    <col min="8195" max="8197" width="4.875" style="372" customWidth="1"/>
    <col min="8198" max="8198" width="1.25" style="372" customWidth="1"/>
    <col min="8199" max="8199" width="2.625" style="372" customWidth="1"/>
    <col min="8200" max="8205" width="6.25" style="372" customWidth="1"/>
    <col min="8206" max="8208" width="5.25" style="372" customWidth="1"/>
    <col min="8209" max="8209" width="4.75" style="372" customWidth="1"/>
    <col min="8210" max="8214" width="5.125" style="372" customWidth="1"/>
    <col min="8215" max="8216" width="4.75" style="372" customWidth="1"/>
    <col min="8217" max="8220" width="5.25" style="372" customWidth="1"/>
    <col min="8221" max="8223" width="6.625" style="372" customWidth="1"/>
    <col min="8224" max="8224" width="1.25" style="372" customWidth="1"/>
    <col min="8225" max="8225" width="1.75" style="372" customWidth="1"/>
    <col min="8226" max="8448" width="3.5" style="372"/>
    <col min="8449" max="8449" width="1.75" style="372" customWidth="1"/>
    <col min="8450" max="8450" width="3" style="372" customWidth="1"/>
    <col min="8451" max="8453" width="4.875" style="372" customWidth="1"/>
    <col min="8454" max="8454" width="1.25" style="372" customWidth="1"/>
    <col min="8455" max="8455" width="2.625" style="372" customWidth="1"/>
    <col min="8456" max="8461" width="6.25" style="372" customWidth="1"/>
    <col min="8462" max="8464" width="5.25" style="372" customWidth="1"/>
    <col min="8465" max="8465" width="4.75" style="372" customWidth="1"/>
    <col min="8466" max="8470" width="5.125" style="372" customWidth="1"/>
    <col min="8471" max="8472" width="4.75" style="372" customWidth="1"/>
    <col min="8473" max="8476" width="5.25" style="372" customWidth="1"/>
    <col min="8477" max="8479" width="6.625" style="372" customWidth="1"/>
    <col min="8480" max="8480" width="1.25" style="372" customWidth="1"/>
    <col min="8481" max="8481" width="1.75" style="372" customWidth="1"/>
    <col min="8482" max="8704" width="3.5" style="372"/>
    <col min="8705" max="8705" width="1.75" style="372" customWidth="1"/>
    <col min="8706" max="8706" width="3" style="372" customWidth="1"/>
    <col min="8707" max="8709" width="4.875" style="372" customWidth="1"/>
    <col min="8710" max="8710" width="1.25" style="372" customWidth="1"/>
    <col min="8711" max="8711" width="2.625" style="372" customWidth="1"/>
    <col min="8712" max="8717" width="6.25" style="372" customWidth="1"/>
    <col min="8718" max="8720" width="5.25" style="372" customWidth="1"/>
    <col min="8721" max="8721" width="4.75" style="372" customWidth="1"/>
    <col min="8722" max="8726" width="5.125" style="372" customWidth="1"/>
    <col min="8727" max="8728" width="4.75" style="372" customWidth="1"/>
    <col min="8729" max="8732" width="5.25" style="372" customWidth="1"/>
    <col min="8733" max="8735" width="6.625" style="372" customWidth="1"/>
    <col min="8736" max="8736" width="1.25" style="372" customWidth="1"/>
    <col min="8737" max="8737" width="1.75" style="372" customWidth="1"/>
    <col min="8738" max="8960" width="3.5" style="372"/>
    <col min="8961" max="8961" width="1.75" style="372" customWidth="1"/>
    <col min="8962" max="8962" width="3" style="372" customWidth="1"/>
    <col min="8963" max="8965" width="4.875" style="372" customWidth="1"/>
    <col min="8966" max="8966" width="1.25" style="372" customWidth="1"/>
    <col min="8967" max="8967" width="2.625" style="372" customWidth="1"/>
    <col min="8968" max="8973" width="6.25" style="372" customWidth="1"/>
    <col min="8974" max="8976" width="5.25" style="372" customWidth="1"/>
    <col min="8977" max="8977" width="4.75" style="372" customWidth="1"/>
    <col min="8978" max="8982" width="5.125" style="372" customWidth="1"/>
    <col min="8983" max="8984" width="4.75" style="372" customWidth="1"/>
    <col min="8985" max="8988" width="5.25" style="372" customWidth="1"/>
    <col min="8989" max="8991" width="6.625" style="372" customWidth="1"/>
    <col min="8992" max="8992" width="1.25" style="372" customWidth="1"/>
    <col min="8993" max="8993" width="1.75" style="372" customWidth="1"/>
    <col min="8994" max="9216" width="3.5" style="372"/>
    <col min="9217" max="9217" width="1.75" style="372" customWidth="1"/>
    <col min="9218" max="9218" width="3" style="372" customWidth="1"/>
    <col min="9219" max="9221" width="4.875" style="372" customWidth="1"/>
    <col min="9222" max="9222" width="1.25" style="372" customWidth="1"/>
    <col min="9223" max="9223" width="2.625" style="372" customWidth="1"/>
    <col min="9224" max="9229" width="6.25" style="372" customWidth="1"/>
    <col min="9230" max="9232" width="5.25" style="372" customWidth="1"/>
    <col min="9233" max="9233" width="4.75" style="372" customWidth="1"/>
    <col min="9234" max="9238" width="5.125" style="372" customWidth="1"/>
    <col min="9239" max="9240" width="4.75" style="372" customWidth="1"/>
    <col min="9241" max="9244" width="5.25" style="372" customWidth="1"/>
    <col min="9245" max="9247" width="6.625" style="372" customWidth="1"/>
    <col min="9248" max="9248" width="1.25" style="372" customWidth="1"/>
    <col min="9249" max="9249" width="1.75" style="372" customWidth="1"/>
    <col min="9250" max="9472" width="3.5" style="372"/>
    <col min="9473" max="9473" width="1.75" style="372" customWidth="1"/>
    <col min="9474" max="9474" width="3" style="372" customWidth="1"/>
    <col min="9475" max="9477" width="4.875" style="372" customWidth="1"/>
    <col min="9478" max="9478" width="1.25" style="372" customWidth="1"/>
    <col min="9479" max="9479" width="2.625" style="372" customWidth="1"/>
    <col min="9480" max="9485" width="6.25" style="372" customWidth="1"/>
    <col min="9486" max="9488" width="5.25" style="372" customWidth="1"/>
    <col min="9489" max="9489" width="4.75" style="372" customWidth="1"/>
    <col min="9490" max="9494" width="5.125" style="372" customWidth="1"/>
    <col min="9495" max="9496" width="4.75" style="372" customWidth="1"/>
    <col min="9497" max="9500" width="5.25" style="372" customWidth="1"/>
    <col min="9501" max="9503" width="6.625" style="372" customWidth="1"/>
    <col min="9504" max="9504" width="1.25" style="372" customWidth="1"/>
    <col min="9505" max="9505" width="1.75" style="372" customWidth="1"/>
    <col min="9506" max="9728" width="3.5" style="372"/>
    <col min="9729" max="9729" width="1.75" style="372" customWidth="1"/>
    <col min="9730" max="9730" width="3" style="372" customWidth="1"/>
    <col min="9731" max="9733" width="4.875" style="372" customWidth="1"/>
    <col min="9734" max="9734" width="1.25" style="372" customWidth="1"/>
    <col min="9735" max="9735" width="2.625" style="372" customWidth="1"/>
    <col min="9736" max="9741" width="6.25" style="372" customWidth="1"/>
    <col min="9742" max="9744" width="5.25" style="372" customWidth="1"/>
    <col min="9745" max="9745" width="4.75" style="372" customWidth="1"/>
    <col min="9746" max="9750" width="5.125" style="372" customWidth="1"/>
    <col min="9751" max="9752" width="4.75" style="372" customWidth="1"/>
    <col min="9753" max="9756" width="5.25" style="372" customWidth="1"/>
    <col min="9757" max="9759" width="6.625" style="372" customWidth="1"/>
    <col min="9760" max="9760" width="1.25" style="372" customWidth="1"/>
    <col min="9761" max="9761" width="1.75" style="372" customWidth="1"/>
    <col min="9762" max="9984" width="3.5" style="372"/>
    <col min="9985" max="9985" width="1.75" style="372" customWidth="1"/>
    <col min="9986" max="9986" width="3" style="372" customWidth="1"/>
    <col min="9987" max="9989" width="4.875" style="372" customWidth="1"/>
    <col min="9990" max="9990" width="1.25" style="372" customWidth="1"/>
    <col min="9991" max="9991" width="2.625" style="372" customWidth="1"/>
    <col min="9992" max="9997" width="6.25" style="372" customWidth="1"/>
    <col min="9998" max="10000" width="5.25" style="372" customWidth="1"/>
    <col min="10001" max="10001" width="4.75" style="372" customWidth="1"/>
    <col min="10002" max="10006" width="5.125" style="372" customWidth="1"/>
    <col min="10007" max="10008" width="4.75" style="372" customWidth="1"/>
    <col min="10009" max="10012" width="5.25" style="372" customWidth="1"/>
    <col min="10013" max="10015" width="6.625" style="372" customWidth="1"/>
    <col min="10016" max="10016" width="1.25" style="372" customWidth="1"/>
    <col min="10017" max="10017" width="1.75" style="372" customWidth="1"/>
    <col min="10018" max="10240" width="3.5" style="372"/>
    <col min="10241" max="10241" width="1.75" style="372" customWidth="1"/>
    <col min="10242" max="10242" width="3" style="372" customWidth="1"/>
    <col min="10243" max="10245" width="4.875" style="372" customWidth="1"/>
    <col min="10246" max="10246" width="1.25" style="372" customWidth="1"/>
    <col min="10247" max="10247" width="2.625" style="372" customWidth="1"/>
    <col min="10248" max="10253" width="6.25" style="372" customWidth="1"/>
    <col min="10254" max="10256" width="5.25" style="372" customWidth="1"/>
    <col min="10257" max="10257" width="4.75" style="372" customWidth="1"/>
    <col min="10258" max="10262" width="5.125" style="372" customWidth="1"/>
    <col min="10263" max="10264" width="4.75" style="372" customWidth="1"/>
    <col min="10265" max="10268" width="5.25" style="372" customWidth="1"/>
    <col min="10269" max="10271" width="6.625" style="372" customWidth="1"/>
    <col min="10272" max="10272" width="1.25" style="372" customWidth="1"/>
    <col min="10273" max="10273" width="1.75" style="372" customWidth="1"/>
    <col min="10274" max="10496" width="3.5" style="372"/>
    <col min="10497" max="10497" width="1.75" style="372" customWidth="1"/>
    <col min="10498" max="10498" width="3" style="372" customWidth="1"/>
    <col min="10499" max="10501" width="4.875" style="372" customWidth="1"/>
    <col min="10502" max="10502" width="1.25" style="372" customWidth="1"/>
    <col min="10503" max="10503" width="2.625" style="372" customWidth="1"/>
    <col min="10504" max="10509" width="6.25" style="372" customWidth="1"/>
    <col min="10510" max="10512" width="5.25" style="372" customWidth="1"/>
    <col min="10513" max="10513" width="4.75" style="372" customWidth="1"/>
    <col min="10514" max="10518" width="5.125" style="372" customWidth="1"/>
    <col min="10519" max="10520" width="4.75" style="372" customWidth="1"/>
    <col min="10521" max="10524" width="5.25" style="372" customWidth="1"/>
    <col min="10525" max="10527" width="6.625" style="372" customWidth="1"/>
    <col min="10528" max="10528" width="1.25" style="372" customWidth="1"/>
    <col min="10529" max="10529" width="1.75" style="372" customWidth="1"/>
    <col min="10530" max="10752" width="3.5" style="372"/>
    <col min="10753" max="10753" width="1.75" style="372" customWidth="1"/>
    <col min="10754" max="10754" width="3" style="372" customWidth="1"/>
    <col min="10755" max="10757" width="4.875" style="372" customWidth="1"/>
    <col min="10758" max="10758" width="1.25" style="372" customWidth="1"/>
    <col min="10759" max="10759" width="2.625" style="372" customWidth="1"/>
    <col min="10760" max="10765" width="6.25" style="372" customWidth="1"/>
    <col min="10766" max="10768" width="5.25" style="372" customWidth="1"/>
    <col min="10769" max="10769" width="4.75" style="372" customWidth="1"/>
    <col min="10770" max="10774" width="5.125" style="372" customWidth="1"/>
    <col min="10775" max="10776" width="4.75" style="372" customWidth="1"/>
    <col min="10777" max="10780" width="5.25" style="372" customWidth="1"/>
    <col min="10781" max="10783" width="6.625" style="372" customWidth="1"/>
    <col min="10784" max="10784" width="1.25" style="372" customWidth="1"/>
    <col min="10785" max="10785" width="1.75" style="372" customWidth="1"/>
    <col min="10786" max="11008" width="3.5" style="372"/>
    <col min="11009" max="11009" width="1.75" style="372" customWidth="1"/>
    <col min="11010" max="11010" width="3" style="372" customWidth="1"/>
    <col min="11011" max="11013" width="4.875" style="372" customWidth="1"/>
    <col min="11014" max="11014" width="1.25" style="372" customWidth="1"/>
    <col min="11015" max="11015" width="2.625" style="372" customWidth="1"/>
    <col min="11016" max="11021" width="6.25" style="372" customWidth="1"/>
    <col min="11022" max="11024" width="5.25" style="372" customWidth="1"/>
    <col min="11025" max="11025" width="4.75" style="372" customWidth="1"/>
    <col min="11026" max="11030" width="5.125" style="372" customWidth="1"/>
    <col min="11031" max="11032" width="4.75" style="372" customWidth="1"/>
    <col min="11033" max="11036" width="5.25" style="372" customWidth="1"/>
    <col min="11037" max="11039" width="6.625" style="372" customWidth="1"/>
    <col min="11040" max="11040" width="1.25" style="372" customWidth="1"/>
    <col min="11041" max="11041" width="1.75" style="372" customWidth="1"/>
    <col min="11042" max="11264" width="3.5" style="372"/>
    <col min="11265" max="11265" width="1.75" style="372" customWidth="1"/>
    <col min="11266" max="11266" width="3" style="372" customWidth="1"/>
    <col min="11267" max="11269" width="4.875" style="372" customWidth="1"/>
    <col min="11270" max="11270" width="1.25" style="372" customWidth="1"/>
    <col min="11271" max="11271" width="2.625" style="372" customWidth="1"/>
    <col min="11272" max="11277" width="6.25" style="372" customWidth="1"/>
    <col min="11278" max="11280" width="5.25" style="372" customWidth="1"/>
    <col min="11281" max="11281" width="4.75" style="372" customWidth="1"/>
    <col min="11282" max="11286" width="5.125" style="372" customWidth="1"/>
    <col min="11287" max="11288" width="4.75" style="372" customWidth="1"/>
    <col min="11289" max="11292" width="5.25" style="372" customWidth="1"/>
    <col min="11293" max="11295" width="6.625" style="372" customWidth="1"/>
    <col min="11296" max="11296" width="1.25" style="372" customWidth="1"/>
    <col min="11297" max="11297" width="1.75" style="372" customWidth="1"/>
    <col min="11298" max="11520" width="3.5" style="372"/>
    <col min="11521" max="11521" width="1.75" style="372" customWidth="1"/>
    <col min="11522" max="11522" width="3" style="372" customWidth="1"/>
    <col min="11523" max="11525" width="4.875" style="372" customWidth="1"/>
    <col min="11526" max="11526" width="1.25" style="372" customWidth="1"/>
    <col min="11527" max="11527" width="2.625" style="372" customWidth="1"/>
    <col min="11528" max="11533" width="6.25" style="372" customWidth="1"/>
    <col min="11534" max="11536" width="5.25" style="372" customWidth="1"/>
    <col min="11537" max="11537" width="4.75" style="372" customWidth="1"/>
    <col min="11538" max="11542" width="5.125" style="372" customWidth="1"/>
    <col min="11543" max="11544" width="4.75" style="372" customWidth="1"/>
    <col min="11545" max="11548" width="5.25" style="372" customWidth="1"/>
    <col min="11549" max="11551" width="6.625" style="372" customWidth="1"/>
    <col min="11552" max="11552" width="1.25" style="372" customWidth="1"/>
    <col min="11553" max="11553" width="1.75" style="372" customWidth="1"/>
    <col min="11554" max="11776" width="3.5" style="372"/>
    <col min="11777" max="11777" width="1.75" style="372" customWidth="1"/>
    <col min="11778" max="11778" width="3" style="372" customWidth="1"/>
    <col min="11779" max="11781" width="4.875" style="372" customWidth="1"/>
    <col min="11782" max="11782" width="1.25" style="372" customWidth="1"/>
    <col min="11783" max="11783" width="2.625" style="372" customWidth="1"/>
    <col min="11784" max="11789" width="6.25" style="372" customWidth="1"/>
    <col min="11790" max="11792" width="5.25" style="372" customWidth="1"/>
    <col min="11793" max="11793" width="4.75" style="372" customWidth="1"/>
    <col min="11794" max="11798" width="5.125" style="372" customWidth="1"/>
    <col min="11799" max="11800" width="4.75" style="372" customWidth="1"/>
    <col min="11801" max="11804" width="5.25" style="372" customWidth="1"/>
    <col min="11805" max="11807" width="6.625" style="372" customWidth="1"/>
    <col min="11808" max="11808" width="1.25" style="372" customWidth="1"/>
    <col min="11809" max="11809" width="1.75" style="372" customWidth="1"/>
    <col min="11810" max="12032" width="3.5" style="372"/>
    <col min="12033" max="12033" width="1.75" style="372" customWidth="1"/>
    <col min="12034" max="12034" width="3" style="372" customWidth="1"/>
    <col min="12035" max="12037" width="4.875" style="372" customWidth="1"/>
    <col min="12038" max="12038" width="1.25" style="372" customWidth="1"/>
    <col min="12039" max="12039" width="2.625" style="372" customWidth="1"/>
    <col min="12040" max="12045" width="6.25" style="372" customWidth="1"/>
    <col min="12046" max="12048" width="5.25" style="372" customWidth="1"/>
    <col min="12049" max="12049" width="4.75" style="372" customWidth="1"/>
    <col min="12050" max="12054" width="5.125" style="372" customWidth="1"/>
    <col min="12055" max="12056" width="4.75" style="372" customWidth="1"/>
    <col min="12057" max="12060" width="5.25" style="372" customWidth="1"/>
    <col min="12061" max="12063" width="6.625" style="372" customWidth="1"/>
    <col min="12064" max="12064" width="1.25" style="372" customWidth="1"/>
    <col min="12065" max="12065" width="1.75" style="372" customWidth="1"/>
    <col min="12066" max="12288" width="3.5" style="372"/>
    <col min="12289" max="12289" width="1.75" style="372" customWidth="1"/>
    <col min="12290" max="12290" width="3" style="372" customWidth="1"/>
    <col min="12291" max="12293" width="4.875" style="372" customWidth="1"/>
    <col min="12294" max="12294" width="1.25" style="372" customWidth="1"/>
    <col min="12295" max="12295" width="2.625" style="372" customWidth="1"/>
    <col min="12296" max="12301" width="6.25" style="372" customWidth="1"/>
    <col min="12302" max="12304" width="5.25" style="372" customWidth="1"/>
    <col min="12305" max="12305" width="4.75" style="372" customWidth="1"/>
    <col min="12306" max="12310" width="5.125" style="372" customWidth="1"/>
    <col min="12311" max="12312" width="4.75" style="372" customWidth="1"/>
    <col min="12313" max="12316" width="5.25" style="372" customWidth="1"/>
    <col min="12317" max="12319" width="6.625" style="372" customWidth="1"/>
    <col min="12320" max="12320" width="1.25" style="372" customWidth="1"/>
    <col min="12321" max="12321" width="1.75" style="372" customWidth="1"/>
    <col min="12322" max="12544" width="3.5" style="372"/>
    <col min="12545" max="12545" width="1.75" style="372" customWidth="1"/>
    <col min="12546" max="12546" width="3" style="372" customWidth="1"/>
    <col min="12547" max="12549" width="4.875" style="372" customWidth="1"/>
    <col min="12550" max="12550" width="1.25" style="372" customWidth="1"/>
    <col min="12551" max="12551" width="2.625" style="372" customWidth="1"/>
    <col min="12552" max="12557" width="6.25" style="372" customWidth="1"/>
    <col min="12558" max="12560" width="5.25" style="372" customWidth="1"/>
    <col min="12561" max="12561" width="4.75" style="372" customWidth="1"/>
    <col min="12562" max="12566" width="5.125" style="372" customWidth="1"/>
    <col min="12567" max="12568" width="4.75" style="372" customWidth="1"/>
    <col min="12569" max="12572" width="5.25" style="372" customWidth="1"/>
    <col min="12573" max="12575" width="6.625" style="372" customWidth="1"/>
    <col min="12576" max="12576" width="1.25" style="372" customWidth="1"/>
    <col min="12577" max="12577" width="1.75" style="372" customWidth="1"/>
    <col min="12578" max="12800" width="3.5" style="372"/>
    <col min="12801" max="12801" width="1.75" style="372" customWidth="1"/>
    <col min="12802" max="12802" width="3" style="372" customWidth="1"/>
    <col min="12803" max="12805" width="4.875" style="372" customWidth="1"/>
    <col min="12806" max="12806" width="1.25" style="372" customWidth="1"/>
    <col min="12807" max="12807" width="2.625" style="372" customWidth="1"/>
    <col min="12808" max="12813" width="6.25" style="372" customWidth="1"/>
    <col min="12814" max="12816" width="5.25" style="372" customWidth="1"/>
    <col min="12817" max="12817" width="4.75" style="372" customWidth="1"/>
    <col min="12818" max="12822" width="5.125" style="372" customWidth="1"/>
    <col min="12823" max="12824" width="4.75" style="372" customWidth="1"/>
    <col min="12825" max="12828" width="5.25" style="372" customWidth="1"/>
    <col min="12829" max="12831" width="6.625" style="372" customWidth="1"/>
    <col min="12832" max="12832" width="1.25" style="372" customWidth="1"/>
    <col min="12833" max="12833" width="1.75" style="372" customWidth="1"/>
    <col min="12834" max="13056" width="3.5" style="372"/>
    <col min="13057" max="13057" width="1.75" style="372" customWidth="1"/>
    <col min="13058" max="13058" width="3" style="372" customWidth="1"/>
    <col min="13059" max="13061" width="4.875" style="372" customWidth="1"/>
    <col min="13062" max="13062" width="1.25" style="372" customWidth="1"/>
    <col min="13063" max="13063" width="2.625" style="372" customWidth="1"/>
    <col min="13064" max="13069" width="6.25" style="372" customWidth="1"/>
    <col min="13070" max="13072" width="5.25" style="372" customWidth="1"/>
    <col min="13073" max="13073" width="4.75" style="372" customWidth="1"/>
    <col min="13074" max="13078" width="5.125" style="372" customWidth="1"/>
    <col min="13079" max="13080" width="4.75" style="372" customWidth="1"/>
    <col min="13081" max="13084" width="5.25" style="372" customWidth="1"/>
    <col min="13085" max="13087" width="6.625" style="372" customWidth="1"/>
    <col min="13088" max="13088" width="1.25" style="372" customWidth="1"/>
    <col min="13089" max="13089" width="1.75" style="372" customWidth="1"/>
    <col min="13090" max="13312" width="3.5" style="372"/>
    <col min="13313" max="13313" width="1.75" style="372" customWidth="1"/>
    <col min="13314" max="13314" width="3" style="372" customWidth="1"/>
    <col min="13315" max="13317" width="4.875" style="372" customWidth="1"/>
    <col min="13318" max="13318" width="1.25" style="372" customWidth="1"/>
    <col min="13319" max="13319" width="2.625" style="372" customWidth="1"/>
    <col min="13320" max="13325" width="6.25" style="372" customWidth="1"/>
    <col min="13326" max="13328" width="5.25" style="372" customWidth="1"/>
    <col min="13329" max="13329" width="4.75" style="372" customWidth="1"/>
    <col min="13330" max="13334" width="5.125" style="372" customWidth="1"/>
    <col min="13335" max="13336" width="4.75" style="372" customWidth="1"/>
    <col min="13337" max="13340" width="5.25" style="372" customWidth="1"/>
    <col min="13341" max="13343" width="6.625" style="372" customWidth="1"/>
    <col min="13344" max="13344" width="1.25" style="372" customWidth="1"/>
    <col min="13345" max="13345" width="1.75" style="372" customWidth="1"/>
    <col min="13346" max="13568" width="3.5" style="372"/>
    <col min="13569" max="13569" width="1.75" style="372" customWidth="1"/>
    <col min="13570" max="13570" width="3" style="372" customWidth="1"/>
    <col min="13571" max="13573" width="4.875" style="372" customWidth="1"/>
    <col min="13574" max="13574" width="1.25" style="372" customWidth="1"/>
    <col min="13575" max="13575" width="2.625" style="372" customWidth="1"/>
    <col min="13576" max="13581" width="6.25" style="372" customWidth="1"/>
    <col min="13582" max="13584" width="5.25" style="372" customWidth="1"/>
    <col min="13585" max="13585" width="4.75" style="372" customWidth="1"/>
    <col min="13586" max="13590" width="5.125" style="372" customWidth="1"/>
    <col min="13591" max="13592" width="4.75" style="372" customWidth="1"/>
    <col min="13593" max="13596" width="5.25" style="372" customWidth="1"/>
    <col min="13597" max="13599" width="6.625" style="372" customWidth="1"/>
    <col min="13600" max="13600" width="1.25" style="372" customWidth="1"/>
    <col min="13601" max="13601" width="1.75" style="372" customWidth="1"/>
    <col min="13602" max="13824" width="3.5" style="372"/>
    <col min="13825" max="13825" width="1.75" style="372" customWidth="1"/>
    <col min="13826" max="13826" width="3" style="372" customWidth="1"/>
    <col min="13827" max="13829" width="4.875" style="372" customWidth="1"/>
    <col min="13830" max="13830" width="1.25" style="372" customWidth="1"/>
    <col min="13831" max="13831" width="2.625" style="372" customWidth="1"/>
    <col min="13832" max="13837" width="6.25" style="372" customWidth="1"/>
    <col min="13838" max="13840" width="5.25" style="372" customWidth="1"/>
    <col min="13841" max="13841" width="4.75" style="372" customWidth="1"/>
    <col min="13842" max="13846" width="5.125" style="372" customWidth="1"/>
    <col min="13847" max="13848" width="4.75" style="372" customWidth="1"/>
    <col min="13849" max="13852" width="5.25" style="372" customWidth="1"/>
    <col min="13853" max="13855" width="6.625" style="372" customWidth="1"/>
    <col min="13856" max="13856" width="1.25" style="372" customWidth="1"/>
    <col min="13857" max="13857" width="1.75" style="372" customWidth="1"/>
    <col min="13858" max="14080" width="3.5" style="372"/>
    <col min="14081" max="14081" width="1.75" style="372" customWidth="1"/>
    <col min="14082" max="14082" width="3" style="372" customWidth="1"/>
    <col min="14083" max="14085" width="4.875" style="372" customWidth="1"/>
    <col min="14086" max="14086" width="1.25" style="372" customWidth="1"/>
    <col min="14087" max="14087" width="2.625" style="372" customWidth="1"/>
    <col min="14088" max="14093" width="6.25" style="372" customWidth="1"/>
    <col min="14094" max="14096" width="5.25" style="372" customWidth="1"/>
    <col min="14097" max="14097" width="4.75" style="372" customWidth="1"/>
    <col min="14098" max="14102" width="5.125" style="372" customWidth="1"/>
    <col min="14103" max="14104" width="4.75" style="372" customWidth="1"/>
    <col min="14105" max="14108" width="5.25" style="372" customWidth="1"/>
    <col min="14109" max="14111" width="6.625" style="372" customWidth="1"/>
    <col min="14112" max="14112" width="1.25" style="372" customWidth="1"/>
    <col min="14113" max="14113" width="1.75" style="372" customWidth="1"/>
    <col min="14114" max="14336" width="3.5" style="372"/>
    <col min="14337" max="14337" width="1.75" style="372" customWidth="1"/>
    <col min="14338" max="14338" width="3" style="372" customWidth="1"/>
    <col min="14339" max="14341" width="4.875" style="372" customWidth="1"/>
    <col min="14342" max="14342" width="1.25" style="372" customWidth="1"/>
    <col min="14343" max="14343" width="2.625" style="372" customWidth="1"/>
    <col min="14344" max="14349" width="6.25" style="372" customWidth="1"/>
    <col min="14350" max="14352" width="5.25" style="372" customWidth="1"/>
    <col min="14353" max="14353" width="4.75" style="372" customWidth="1"/>
    <col min="14354" max="14358" width="5.125" style="372" customWidth="1"/>
    <col min="14359" max="14360" width="4.75" style="372" customWidth="1"/>
    <col min="14361" max="14364" width="5.25" style="372" customWidth="1"/>
    <col min="14365" max="14367" width="6.625" style="372" customWidth="1"/>
    <col min="14368" max="14368" width="1.25" style="372" customWidth="1"/>
    <col min="14369" max="14369" width="1.75" style="372" customWidth="1"/>
    <col min="14370" max="14592" width="3.5" style="372"/>
    <col min="14593" max="14593" width="1.75" style="372" customWidth="1"/>
    <col min="14594" max="14594" width="3" style="372" customWidth="1"/>
    <col min="14595" max="14597" width="4.875" style="372" customWidth="1"/>
    <col min="14598" max="14598" width="1.25" style="372" customWidth="1"/>
    <col min="14599" max="14599" width="2.625" style="372" customWidth="1"/>
    <col min="14600" max="14605" width="6.25" style="372" customWidth="1"/>
    <col min="14606" max="14608" width="5.25" style="372" customWidth="1"/>
    <col min="14609" max="14609" width="4.75" style="372" customWidth="1"/>
    <col min="14610" max="14614" width="5.125" style="372" customWidth="1"/>
    <col min="14615" max="14616" width="4.75" style="372" customWidth="1"/>
    <col min="14617" max="14620" width="5.25" style="372" customWidth="1"/>
    <col min="14621" max="14623" width="6.625" style="372" customWidth="1"/>
    <col min="14624" max="14624" width="1.25" style="372" customWidth="1"/>
    <col min="14625" max="14625" width="1.75" style="372" customWidth="1"/>
    <col min="14626" max="14848" width="3.5" style="372"/>
    <col min="14849" max="14849" width="1.75" style="372" customWidth="1"/>
    <col min="14850" max="14850" width="3" style="372" customWidth="1"/>
    <col min="14851" max="14853" width="4.875" style="372" customWidth="1"/>
    <col min="14854" max="14854" width="1.25" style="372" customWidth="1"/>
    <col min="14855" max="14855" width="2.625" style="372" customWidth="1"/>
    <col min="14856" max="14861" width="6.25" style="372" customWidth="1"/>
    <col min="14862" max="14864" width="5.25" style="372" customWidth="1"/>
    <col min="14865" max="14865" width="4.75" style="372" customWidth="1"/>
    <col min="14866" max="14870" width="5.125" style="372" customWidth="1"/>
    <col min="14871" max="14872" width="4.75" style="372" customWidth="1"/>
    <col min="14873" max="14876" width="5.25" style="372" customWidth="1"/>
    <col min="14877" max="14879" width="6.625" style="372" customWidth="1"/>
    <col min="14880" max="14880" width="1.25" style="372" customWidth="1"/>
    <col min="14881" max="14881" width="1.75" style="372" customWidth="1"/>
    <col min="14882" max="15104" width="3.5" style="372"/>
    <col min="15105" max="15105" width="1.75" style="372" customWidth="1"/>
    <col min="15106" max="15106" width="3" style="372" customWidth="1"/>
    <col min="15107" max="15109" width="4.875" style="372" customWidth="1"/>
    <col min="15110" max="15110" width="1.25" style="372" customWidth="1"/>
    <col min="15111" max="15111" width="2.625" style="372" customWidth="1"/>
    <col min="15112" max="15117" width="6.25" style="372" customWidth="1"/>
    <col min="15118" max="15120" width="5.25" style="372" customWidth="1"/>
    <col min="15121" max="15121" width="4.75" style="372" customWidth="1"/>
    <col min="15122" max="15126" width="5.125" style="372" customWidth="1"/>
    <col min="15127" max="15128" width="4.75" style="372" customWidth="1"/>
    <col min="15129" max="15132" width="5.25" style="372" customWidth="1"/>
    <col min="15133" max="15135" width="6.625" style="372" customWidth="1"/>
    <col min="15136" max="15136" width="1.25" style="372" customWidth="1"/>
    <col min="15137" max="15137" width="1.75" style="372" customWidth="1"/>
    <col min="15138" max="15360" width="3.5" style="372"/>
    <col min="15361" max="15361" width="1.75" style="372" customWidth="1"/>
    <col min="15362" max="15362" width="3" style="372" customWidth="1"/>
    <col min="15363" max="15365" width="4.875" style="372" customWidth="1"/>
    <col min="15366" max="15366" width="1.25" style="372" customWidth="1"/>
    <col min="15367" max="15367" width="2.625" style="372" customWidth="1"/>
    <col min="15368" max="15373" width="6.25" style="372" customWidth="1"/>
    <col min="15374" max="15376" width="5.25" style="372" customWidth="1"/>
    <col min="15377" max="15377" width="4.75" style="372" customWidth="1"/>
    <col min="15378" max="15382" width="5.125" style="372" customWidth="1"/>
    <col min="15383" max="15384" width="4.75" style="372" customWidth="1"/>
    <col min="15385" max="15388" width="5.25" style="372" customWidth="1"/>
    <col min="15389" max="15391" width="6.625" style="372" customWidth="1"/>
    <col min="15392" max="15392" width="1.25" style="372" customWidth="1"/>
    <col min="15393" max="15393" width="1.75" style="372" customWidth="1"/>
    <col min="15394" max="15616" width="3.5" style="372"/>
    <col min="15617" max="15617" width="1.75" style="372" customWidth="1"/>
    <col min="15618" max="15618" width="3" style="372" customWidth="1"/>
    <col min="15619" max="15621" width="4.875" style="372" customWidth="1"/>
    <col min="15622" max="15622" width="1.25" style="372" customWidth="1"/>
    <col min="15623" max="15623" width="2.625" style="372" customWidth="1"/>
    <col min="15624" max="15629" width="6.25" style="372" customWidth="1"/>
    <col min="15630" max="15632" width="5.25" style="372" customWidth="1"/>
    <col min="15633" max="15633" width="4.75" style="372" customWidth="1"/>
    <col min="15634" max="15638" width="5.125" style="372" customWidth="1"/>
    <col min="15639" max="15640" width="4.75" style="372" customWidth="1"/>
    <col min="15641" max="15644" width="5.25" style="372" customWidth="1"/>
    <col min="15645" max="15647" width="6.625" style="372" customWidth="1"/>
    <col min="15648" max="15648" width="1.25" style="372" customWidth="1"/>
    <col min="15649" max="15649" width="1.75" style="372" customWidth="1"/>
    <col min="15650" max="15872" width="3.5" style="372"/>
    <col min="15873" max="15873" width="1.75" style="372" customWidth="1"/>
    <col min="15874" max="15874" width="3" style="372" customWidth="1"/>
    <col min="15875" max="15877" width="4.875" style="372" customWidth="1"/>
    <col min="15878" max="15878" width="1.25" style="372" customWidth="1"/>
    <col min="15879" max="15879" width="2.625" style="372" customWidth="1"/>
    <col min="15880" max="15885" width="6.25" style="372" customWidth="1"/>
    <col min="15886" max="15888" width="5.25" style="372" customWidth="1"/>
    <col min="15889" max="15889" width="4.75" style="372" customWidth="1"/>
    <col min="15890" max="15894" width="5.125" style="372" customWidth="1"/>
    <col min="15895" max="15896" width="4.75" style="372" customWidth="1"/>
    <col min="15897" max="15900" width="5.25" style="372" customWidth="1"/>
    <col min="15901" max="15903" width="6.625" style="372" customWidth="1"/>
    <col min="15904" max="15904" width="1.25" style="372" customWidth="1"/>
    <col min="15905" max="15905" width="1.75" style="372" customWidth="1"/>
    <col min="15906" max="16128" width="3.5" style="372"/>
    <col min="16129" max="16129" width="1.75" style="372" customWidth="1"/>
    <col min="16130" max="16130" width="3" style="372" customWidth="1"/>
    <col min="16131" max="16133" width="4.875" style="372" customWidth="1"/>
    <col min="16134" max="16134" width="1.25" style="372" customWidth="1"/>
    <col min="16135" max="16135" width="2.625" style="372" customWidth="1"/>
    <col min="16136" max="16141" width="6.25" style="372" customWidth="1"/>
    <col min="16142" max="16144" width="5.25" style="372" customWidth="1"/>
    <col min="16145" max="16145" width="4.75" style="372" customWidth="1"/>
    <col min="16146" max="16150" width="5.125" style="372" customWidth="1"/>
    <col min="16151" max="16152" width="4.75" style="372" customWidth="1"/>
    <col min="16153" max="16156" width="5.25" style="372" customWidth="1"/>
    <col min="16157" max="16159" width="6.625" style="372" customWidth="1"/>
    <col min="16160" max="16160" width="1.25" style="372" customWidth="1"/>
    <col min="16161" max="16161" width="1.75" style="372" customWidth="1"/>
    <col min="16162" max="16384" width="3.5" style="372"/>
  </cols>
  <sheetData>
    <row r="1" spans="2:32" s="376" customFormat="1" ht="6.75" customHeight="1" x14ac:dyDescent="0.15"/>
    <row r="2" spans="2:32" s="376" customFormat="1" x14ac:dyDescent="0.15">
      <c r="B2" s="376" t="s">
        <v>1103</v>
      </c>
    </row>
    <row r="3" spans="2:32" s="376" customFormat="1" x14ac:dyDescent="0.15">
      <c r="W3" s="444" t="s">
        <v>12</v>
      </c>
      <c r="X3" s="1136"/>
      <c r="Y3" s="1136"/>
      <c r="Z3" s="376" t="s">
        <v>11</v>
      </c>
      <c r="AA3" s="1136"/>
      <c r="AB3" s="1136"/>
      <c r="AC3" s="376" t="s">
        <v>10</v>
      </c>
      <c r="AD3" s="444"/>
      <c r="AE3" s="376" t="s">
        <v>20</v>
      </c>
    </row>
    <row r="4" spans="2:32" s="376" customFormat="1" ht="3.75" customHeight="1" x14ac:dyDescent="0.15">
      <c r="W4" s="444"/>
      <c r="X4" s="398"/>
      <c r="Y4" s="398"/>
      <c r="AA4" s="398"/>
      <c r="AB4" s="398"/>
      <c r="AD4" s="444"/>
    </row>
    <row r="5" spans="2:32" s="376" customFormat="1" ht="26.25" customHeight="1" x14ac:dyDescent="0.15">
      <c r="B5" s="1115" t="s">
        <v>1102</v>
      </c>
      <c r="C5" s="1136"/>
      <c r="D5" s="1136"/>
      <c r="E5" s="1136"/>
      <c r="F5" s="1136"/>
      <c r="G5" s="1136"/>
      <c r="H5" s="1136"/>
      <c r="I5" s="1136"/>
      <c r="J5" s="1136"/>
      <c r="K5" s="1136"/>
      <c r="L5" s="1136"/>
      <c r="M5" s="1136"/>
      <c r="N5" s="1136"/>
      <c r="O5" s="1136"/>
      <c r="P5" s="1136"/>
      <c r="Q5" s="1136"/>
      <c r="R5" s="1136"/>
      <c r="S5" s="1136"/>
      <c r="T5" s="1136"/>
      <c r="U5" s="1136"/>
      <c r="V5" s="1136"/>
      <c r="W5" s="1136"/>
      <c r="X5" s="1136"/>
      <c r="Y5" s="1136"/>
      <c r="Z5" s="1136"/>
      <c r="AA5" s="1136"/>
      <c r="AB5" s="1136"/>
      <c r="AC5" s="1136"/>
      <c r="AD5" s="1136"/>
    </row>
    <row r="6" spans="2:32" s="376" customFormat="1" ht="8.25" customHeight="1" x14ac:dyDescent="0.15"/>
    <row r="7" spans="2:32" s="376" customFormat="1" ht="30" customHeight="1" x14ac:dyDescent="0.15">
      <c r="B7" s="1141" t="s">
        <v>1101</v>
      </c>
      <c r="C7" s="1142"/>
      <c r="D7" s="1142"/>
      <c r="E7" s="1143"/>
      <c r="F7" s="1154"/>
      <c r="G7" s="1154"/>
      <c r="H7" s="1154"/>
      <c r="I7" s="1154"/>
      <c r="J7" s="1154"/>
      <c r="K7" s="1154"/>
      <c r="L7" s="1154"/>
      <c r="M7" s="1154"/>
      <c r="N7" s="1154"/>
      <c r="O7" s="1154"/>
      <c r="P7" s="1154"/>
      <c r="Q7" s="1154"/>
      <c r="R7" s="1154"/>
      <c r="S7" s="1154"/>
      <c r="T7" s="1154"/>
      <c r="U7" s="1154"/>
      <c r="V7" s="1154"/>
      <c r="W7" s="1154"/>
      <c r="X7" s="1154"/>
      <c r="Y7" s="1154"/>
      <c r="Z7" s="1154"/>
      <c r="AA7" s="1154"/>
      <c r="AB7" s="1154"/>
      <c r="AC7" s="1154"/>
      <c r="AD7" s="1154"/>
      <c r="AE7" s="1154"/>
      <c r="AF7" s="1154"/>
    </row>
    <row r="8" spans="2:32" ht="30" customHeight="1" x14ac:dyDescent="0.15">
      <c r="B8" s="1141" t="s">
        <v>1100</v>
      </c>
      <c r="C8" s="1142"/>
      <c r="D8" s="1142"/>
      <c r="E8" s="1143"/>
      <c r="F8" s="458"/>
      <c r="G8" s="455"/>
      <c r="H8" s="457" t="s">
        <v>0</v>
      </c>
      <c r="I8" s="455" t="s">
        <v>242</v>
      </c>
      <c r="J8" s="455"/>
      <c r="K8" s="455"/>
      <c r="L8" s="455"/>
      <c r="M8" s="383" t="s">
        <v>0</v>
      </c>
      <c r="N8" s="455" t="s">
        <v>241</v>
      </c>
      <c r="O8" s="455"/>
      <c r="P8" s="455"/>
      <c r="Q8" s="455"/>
      <c r="R8" s="455"/>
      <c r="S8" s="457" t="s">
        <v>0</v>
      </c>
      <c r="T8" s="455" t="s">
        <v>240</v>
      </c>
      <c r="U8" s="456"/>
      <c r="V8" s="455"/>
      <c r="W8" s="455"/>
      <c r="X8" s="455"/>
      <c r="Y8" s="455"/>
      <c r="Z8" s="455"/>
      <c r="AA8" s="455"/>
      <c r="AB8" s="455"/>
      <c r="AC8" s="455"/>
      <c r="AD8" s="455"/>
      <c r="AE8" s="455"/>
      <c r="AF8" s="454"/>
    </row>
    <row r="9" spans="2:32" ht="30" customHeight="1" x14ac:dyDescent="0.15">
      <c r="B9" s="1141" t="s">
        <v>1099</v>
      </c>
      <c r="C9" s="1142"/>
      <c r="D9" s="1142"/>
      <c r="E9" s="1143"/>
      <c r="F9" s="458"/>
      <c r="G9" s="455"/>
      <c r="H9" s="457" t="s">
        <v>0</v>
      </c>
      <c r="I9" s="392" t="s">
        <v>1098</v>
      </c>
      <c r="J9" s="455"/>
      <c r="K9" s="455"/>
      <c r="L9" s="455"/>
      <c r="M9" s="455"/>
      <c r="N9" s="455"/>
      <c r="O9" s="455"/>
      <c r="P9" s="455"/>
      <c r="Q9" s="455"/>
      <c r="R9" s="455"/>
      <c r="S9" s="383" t="s">
        <v>0</v>
      </c>
      <c r="T9" s="392" t="s">
        <v>1097</v>
      </c>
      <c r="U9" s="456"/>
      <c r="V9" s="455"/>
      <c r="W9" s="455"/>
      <c r="X9" s="455"/>
      <c r="Y9" s="455"/>
      <c r="Z9" s="455"/>
      <c r="AA9" s="455"/>
      <c r="AB9" s="455"/>
      <c r="AC9" s="455"/>
      <c r="AD9" s="455"/>
      <c r="AE9" s="455"/>
      <c r="AF9" s="454"/>
    </row>
    <row r="10" spans="2:32" ht="30" customHeight="1" x14ac:dyDescent="0.15">
      <c r="B10" s="1144" t="s">
        <v>1096</v>
      </c>
      <c r="C10" s="1145"/>
      <c r="D10" s="1145"/>
      <c r="E10" s="1146"/>
      <c r="F10" s="453"/>
      <c r="G10" s="451"/>
      <c r="H10" s="383" t="s">
        <v>0</v>
      </c>
      <c r="I10" s="392" t="s">
        <v>1095</v>
      </c>
      <c r="J10" s="451"/>
      <c r="K10" s="451"/>
      <c r="L10" s="451"/>
      <c r="M10" s="451"/>
      <c r="N10" s="451"/>
      <c r="O10" s="451"/>
      <c r="P10" s="451"/>
      <c r="Q10" s="451"/>
      <c r="R10" s="451"/>
      <c r="S10" s="451"/>
      <c r="T10" s="392"/>
      <c r="U10" s="452"/>
      <c r="V10" s="451"/>
      <c r="W10" s="451"/>
      <c r="X10" s="451"/>
      <c r="Y10" s="451"/>
      <c r="Z10" s="451"/>
      <c r="AA10" s="451"/>
      <c r="AB10" s="451"/>
      <c r="AC10" s="451"/>
      <c r="AD10" s="451"/>
      <c r="AE10" s="451"/>
      <c r="AF10" s="450"/>
    </row>
    <row r="11" spans="2:32" ht="30" customHeight="1" x14ac:dyDescent="0.15">
      <c r="B11" s="1147"/>
      <c r="C11" s="1148"/>
      <c r="D11" s="1148"/>
      <c r="E11" s="1149"/>
      <c r="F11" s="449"/>
      <c r="G11" s="446"/>
      <c r="H11" s="448" t="s">
        <v>0</v>
      </c>
      <c r="I11" s="378" t="s">
        <v>1094</v>
      </c>
      <c r="J11" s="446"/>
      <c r="K11" s="446"/>
      <c r="L11" s="446"/>
      <c r="M11" s="446"/>
      <c r="N11" s="446"/>
      <c r="O11" s="446"/>
      <c r="P11" s="446"/>
      <c r="Q11" s="446"/>
      <c r="R11" s="446"/>
      <c r="S11" s="446"/>
      <c r="T11" s="378"/>
      <c r="U11" s="447"/>
      <c r="V11" s="446"/>
      <c r="W11" s="446"/>
      <c r="X11" s="446"/>
      <c r="Y11" s="446"/>
      <c r="Z11" s="446"/>
      <c r="AA11" s="446"/>
      <c r="AB11" s="446"/>
      <c r="AC11" s="446"/>
      <c r="AD11" s="446"/>
      <c r="AE11" s="446"/>
      <c r="AF11" s="445"/>
    </row>
    <row r="12" spans="2:32" s="376" customFormat="1" ht="15" customHeight="1" x14ac:dyDescent="0.15">
      <c r="B12" s="392"/>
      <c r="C12" s="392"/>
      <c r="D12" s="392"/>
      <c r="E12" s="392"/>
      <c r="Q12" s="444"/>
    </row>
    <row r="13" spans="2:32" s="376" customFormat="1" ht="7.5" customHeight="1" thickBot="1" x14ac:dyDescent="0.2">
      <c r="B13" s="393"/>
      <c r="C13" s="392"/>
      <c r="D13" s="392"/>
      <c r="E13" s="391"/>
      <c r="F13" s="392"/>
      <c r="G13" s="392"/>
      <c r="H13" s="392"/>
      <c r="I13" s="392"/>
      <c r="J13" s="392"/>
      <c r="K13" s="392"/>
      <c r="L13" s="392"/>
      <c r="M13" s="392"/>
      <c r="N13" s="392"/>
      <c r="O13" s="392"/>
      <c r="P13" s="392"/>
      <c r="Q13" s="443"/>
      <c r="R13" s="392"/>
      <c r="S13" s="392"/>
      <c r="T13" s="392"/>
      <c r="U13" s="392"/>
      <c r="V13" s="392"/>
      <c r="W13" s="392"/>
      <c r="X13" s="392"/>
      <c r="Y13" s="392"/>
      <c r="Z13" s="392"/>
      <c r="AA13" s="392"/>
      <c r="AB13" s="392"/>
      <c r="AC13" s="392"/>
      <c r="AD13" s="392"/>
      <c r="AE13" s="392"/>
      <c r="AF13" s="391"/>
    </row>
    <row r="14" spans="2:32" s="376" customFormat="1" ht="21" customHeight="1" x14ac:dyDescent="0.15">
      <c r="B14" s="1080" t="s">
        <v>1093</v>
      </c>
      <c r="C14" s="1078"/>
      <c r="D14" s="1078"/>
      <c r="E14" s="1081"/>
      <c r="AD14" s="1150" t="s">
        <v>1092</v>
      </c>
      <c r="AE14" s="1151"/>
      <c r="AF14" s="380"/>
    </row>
    <row r="15" spans="2:32" s="376" customFormat="1" ht="21" customHeight="1" x14ac:dyDescent="0.15">
      <c r="B15" s="1080"/>
      <c r="C15" s="1078"/>
      <c r="D15" s="1078"/>
      <c r="E15" s="1081"/>
      <c r="AD15" s="1152"/>
      <c r="AE15" s="1153"/>
      <c r="AF15" s="380"/>
    </row>
    <row r="16" spans="2:32" s="376" customFormat="1" ht="21" customHeight="1" x14ac:dyDescent="0.15">
      <c r="B16" s="1080"/>
      <c r="C16" s="1078"/>
      <c r="D16" s="1078"/>
      <c r="E16" s="1081"/>
      <c r="G16" s="393" t="s">
        <v>1091</v>
      </c>
      <c r="H16" s="392"/>
      <c r="I16" s="392"/>
      <c r="J16" s="392"/>
      <c r="K16" s="392"/>
      <c r="L16" s="392"/>
      <c r="M16" s="392"/>
      <c r="N16" s="392"/>
      <c r="O16" s="392"/>
      <c r="P16" s="392"/>
      <c r="Q16" s="392"/>
      <c r="R16" s="392"/>
      <c r="S16" s="392"/>
      <c r="T16" s="392"/>
      <c r="U16" s="392"/>
      <c r="V16" s="392"/>
      <c r="W16" s="392"/>
      <c r="X16" s="392"/>
      <c r="Y16" s="392"/>
      <c r="Z16" s="392"/>
      <c r="AA16" s="392"/>
      <c r="AB16" s="392"/>
      <c r="AC16" s="392"/>
      <c r="AD16" s="442"/>
      <c r="AE16" s="441"/>
      <c r="AF16" s="380"/>
    </row>
    <row r="17" spans="2:32" s="376" customFormat="1" ht="30" customHeight="1" x14ac:dyDescent="0.15">
      <c r="B17" s="403"/>
      <c r="C17" s="387"/>
      <c r="D17" s="387"/>
      <c r="E17" s="402"/>
      <c r="G17" s="381"/>
      <c r="H17" s="386" t="s">
        <v>279</v>
      </c>
      <c r="I17" s="1116" t="s">
        <v>1090</v>
      </c>
      <c r="J17" s="1138"/>
      <c r="K17" s="1138"/>
      <c r="L17" s="1138"/>
      <c r="M17" s="1139"/>
      <c r="N17" s="436"/>
      <c r="O17" s="417" t="s">
        <v>175</v>
      </c>
      <c r="P17" s="1105" t="s">
        <v>275</v>
      </c>
      <c r="Q17" s="1107" t="s">
        <v>513</v>
      </c>
      <c r="R17" s="1091" t="s">
        <v>1089</v>
      </c>
      <c r="S17" s="1091"/>
      <c r="T17" s="1091"/>
      <c r="U17" s="1091"/>
      <c r="V17" s="1116"/>
      <c r="W17" s="1092"/>
      <c r="X17" s="1140" t="s">
        <v>339</v>
      </c>
      <c r="Y17" s="415" t="s">
        <v>275</v>
      </c>
      <c r="Z17" s="1098" t="s">
        <v>1088</v>
      </c>
      <c r="AA17" s="1098"/>
      <c r="AB17" s="1098"/>
      <c r="AC17" s="1098"/>
      <c r="AD17" s="414" t="s">
        <v>0</v>
      </c>
      <c r="AE17" s="413">
        <v>20</v>
      </c>
      <c r="AF17" s="380"/>
    </row>
    <row r="18" spans="2:32" s="376" customFormat="1" ht="30" customHeight="1" x14ac:dyDescent="0.15">
      <c r="B18" s="403"/>
      <c r="C18" s="387"/>
      <c r="D18" s="387"/>
      <c r="E18" s="402"/>
      <c r="G18" s="381"/>
      <c r="H18" s="386" t="s">
        <v>277</v>
      </c>
      <c r="I18" s="1116" t="s">
        <v>1087</v>
      </c>
      <c r="J18" s="1117"/>
      <c r="K18" s="1117"/>
      <c r="L18" s="1117"/>
      <c r="M18" s="1118"/>
      <c r="N18" s="435"/>
      <c r="O18" s="434" t="s">
        <v>175</v>
      </c>
      <c r="P18" s="1105"/>
      <c r="Q18" s="1107"/>
      <c r="R18" s="1091"/>
      <c r="S18" s="1091"/>
      <c r="T18" s="1091"/>
      <c r="U18" s="1091"/>
      <c r="V18" s="1116"/>
      <c r="W18" s="1093"/>
      <c r="X18" s="1140"/>
      <c r="Y18" s="415" t="s">
        <v>275</v>
      </c>
      <c r="Z18" s="1098" t="s">
        <v>1086</v>
      </c>
      <c r="AA18" s="1098"/>
      <c r="AB18" s="1098"/>
      <c r="AC18" s="1098"/>
      <c r="AD18" s="414" t="s">
        <v>0</v>
      </c>
      <c r="AE18" s="413">
        <v>10</v>
      </c>
      <c r="AF18" s="380"/>
    </row>
    <row r="19" spans="2:32" s="376" customFormat="1" ht="30" customHeight="1" x14ac:dyDescent="0.15">
      <c r="B19" s="403"/>
      <c r="C19" s="387"/>
      <c r="D19" s="387"/>
      <c r="E19" s="402"/>
      <c r="G19" s="381"/>
      <c r="H19" s="386" t="s">
        <v>293</v>
      </c>
      <c r="I19" s="1116" t="s">
        <v>1085</v>
      </c>
      <c r="J19" s="1117"/>
      <c r="K19" s="1117"/>
      <c r="L19" s="1117"/>
      <c r="M19" s="1118"/>
      <c r="N19" s="435"/>
      <c r="O19" s="434" t="s">
        <v>175</v>
      </c>
      <c r="P19" s="1105"/>
      <c r="Q19" s="1107"/>
      <c r="R19" s="1091"/>
      <c r="S19" s="1091"/>
      <c r="T19" s="1091"/>
      <c r="U19" s="1091"/>
      <c r="V19" s="1116"/>
      <c r="W19" s="1094"/>
      <c r="X19" s="1140"/>
      <c r="Y19" s="415" t="s">
        <v>275</v>
      </c>
      <c r="Z19" s="1098" t="s">
        <v>1084</v>
      </c>
      <c r="AA19" s="1098"/>
      <c r="AB19" s="1098"/>
      <c r="AC19" s="1098"/>
      <c r="AD19" s="414" t="s">
        <v>0</v>
      </c>
      <c r="AE19" s="413">
        <v>0</v>
      </c>
      <c r="AF19" s="380"/>
    </row>
    <row r="20" spans="2:32" s="376" customFormat="1" ht="7.5" customHeight="1" x14ac:dyDescent="0.15">
      <c r="B20" s="403"/>
      <c r="C20" s="387"/>
      <c r="D20" s="387"/>
      <c r="E20" s="402"/>
      <c r="G20" s="379"/>
      <c r="H20" s="378"/>
      <c r="I20" s="424"/>
      <c r="J20" s="424"/>
      <c r="K20" s="424"/>
      <c r="L20" s="424"/>
      <c r="M20" s="424"/>
      <c r="N20" s="424"/>
      <c r="O20" s="424"/>
      <c r="P20" s="424"/>
      <c r="Q20" s="424"/>
      <c r="R20" s="424"/>
      <c r="S20" s="424"/>
      <c r="T20" s="424"/>
      <c r="U20" s="424"/>
      <c r="V20" s="424"/>
      <c r="W20" s="378"/>
      <c r="X20" s="405"/>
      <c r="Y20" s="405"/>
      <c r="Z20" s="378"/>
      <c r="AA20" s="378"/>
      <c r="AB20" s="378"/>
      <c r="AC20" s="378"/>
      <c r="AD20" s="432"/>
      <c r="AE20" s="422"/>
      <c r="AF20" s="380"/>
    </row>
    <row r="21" spans="2:32" s="376" customFormat="1" ht="21" customHeight="1" x14ac:dyDescent="0.15">
      <c r="B21" s="403"/>
      <c r="C21" s="387"/>
      <c r="D21" s="387"/>
      <c r="E21" s="402"/>
      <c r="G21" s="393" t="s">
        <v>1083</v>
      </c>
      <c r="H21" s="392"/>
      <c r="I21" s="421"/>
      <c r="J21" s="421"/>
      <c r="K21" s="421"/>
      <c r="L21" s="421"/>
      <c r="M21" s="421"/>
      <c r="N21" s="421"/>
      <c r="O21" s="421"/>
      <c r="P21" s="421"/>
      <c r="Q21" s="421"/>
      <c r="R21" s="421"/>
      <c r="S21" s="421"/>
      <c r="T21" s="421"/>
      <c r="U21" s="421"/>
      <c r="V21" s="421"/>
      <c r="W21" s="392"/>
      <c r="X21" s="427"/>
      <c r="Y21" s="427"/>
      <c r="Z21" s="392"/>
      <c r="AA21" s="392"/>
      <c r="AB21" s="392"/>
      <c r="AC21" s="392"/>
      <c r="AD21" s="426"/>
      <c r="AE21" s="419"/>
      <c r="AF21" s="380"/>
    </row>
    <row r="22" spans="2:32" s="376" customFormat="1" ht="23.25" customHeight="1" x14ac:dyDescent="0.15">
      <c r="B22" s="397"/>
      <c r="C22" s="396"/>
      <c r="D22" s="396"/>
      <c r="E22" s="395"/>
      <c r="G22" s="381"/>
      <c r="H22" s="386" t="s">
        <v>279</v>
      </c>
      <c r="I22" s="1116" t="s">
        <v>1082</v>
      </c>
      <c r="J22" s="1117"/>
      <c r="K22" s="1117"/>
      <c r="L22" s="1117"/>
      <c r="M22" s="1118"/>
      <c r="N22" s="436"/>
      <c r="O22" s="417" t="s">
        <v>175</v>
      </c>
      <c r="P22" s="1105" t="s">
        <v>275</v>
      </c>
      <c r="Q22" s="1107" t="s">
        <v>513</v>
      </c>
      <c r="R22" s="1091" t="s">
        <v>1081</v>
      </c>
      <c r="S22" s="1091"/>
      <c r="T22" s="1091"/>
      <c r="U22" s="1091"/>
      <c r="V22" s="1091"/>
      <c r="W22" s="1092"/>
      <c r="X22" s="1095" t="s">
        <v>339</v>
      </c>
      <c r="Y22" s="415" t="s">
        <v>275</v>
      </c>
      <c r="Z22" s="1098" t="s">
        <v>947</v>
      </c>
      <c r="AA22" s="1098"/>
      <c r="AB22" s="1098"/>
      <c r="AC22" s="1098"/>
      <c r="AD22" s="414" t="s">
        <v>0</v>
      </c>
      <c r="AE22" s="413">
        <v>20</v>
      </c>
      <c r="AF22" s="380"/>
    </row>
    <row r="23" spans="2:32" s="376" customFormat="1" ht="30" customHeight="1" x14ac:dyDescent="0.15">
      <c r="B23" s="397"/>
      <c r="C23" s="396"/>
      <c r="D23" s="396"/>
      <c r="E23" s="395"/>
      <c r="G23" s="381"/>
      <c r="H23" s="386" t="s">
        <v>277</v>
      </c>
      <c r="I23" s="1116" t="s">
        <v>1080</v>
      </c>
      <c r="J23" s="1117"/>
      <c r="K23" s="1117"/>
      <c r="L23" s="1117"/>
      <c r="M23" s="1118"/>
      <c r="N23" s="435"/>
      <c r="O23" s="434" t="s">
        <v>175</v>
      </c>
      <c r="P23" s="1105"/>
      <c r="Q23" s="1107"/>
      <c r="R23" s="1091"/>
      <c r="S23" s="1091"/>
      <c r="T23" s="1091"/>
      <c r="U23" s="1091"/>
      <c r="V23" s="1091"/>
      <c r="W23" s="1093"/>
      <c r="X23" s="1096"/>
      <c r="Y23" s="415" t="s">
        <v>275</v>
      </c>
      <c r="Z23" s="1098" t="s">
        <v>1030</v>
      </c>
      <c r="AA23" s="1098"/>
      <c r="AB23" s="1098"/>
      <c r="AC23" s="1098"/>
      <c r="AD23" s="414" t="s">
        <v>0</v>
      </c>
      <c r="AE23" s="413">
        <v>10</v>
      </c>
      <c r="AF23" s="380"/>
    </row>
    <row r="24" spans="2:32" s="376" customFormat="1" ht="24.75" customHeight="1" x14ac:dyDescent="0.15">
      <c r="B24" s="397"/>
      <c r="C24" s="396"/>
      <c r="D24" s="396"/>
      <c r="E24" s="395"/>
      <c r="G24" s="381"/>
      <c r="H24" s="386" t="s">
        <v>293</v>
      </c>
      <c r="I24" s="1116" t="s">
        <v>1079</v>
      </c>
      <c r="J24" s="1117"/>
      <c r="K24" s="1117"/>
      <c r="L24" s="1117"/>
      <c r="M24" s="1118"/>
      <c r="N24" s="435"/>
      <c r="O24" s="434" t="s">
        <v>175</v>
      </c>
      <c r="P24" s="1105"/>
      <c r="Q24" s="1107"/>
      <c r="R24" s="1091"/>
      <c r="S24" s="1091"/>
      <c r="T24" s="1091"/>
      <c r="U24" s="1091"/>
      <c r="V24" s="1091"/>
      <c r="W24" s="1094"/>
      <c r="X24" s="1097"/>
      <c r="Y24" s="415" t="s">
        <v>275</v>
      </c>
      <c r="Z24" s="1098" t="s">
        <v>1029</v>
      </c>
      <c r="AA24" s="1098"/>
      <c r="AB24" s="1098"/>
      <c r="AC24" s="1098"/>
      <c r="AD24" s="414" t="s">
        <v>0</v>
      </c>
      <c r="AE24" s="413">
        <v>0</v>
      </c>
      <c r="AF24" s="439"/>
    </row>
    <row r="25" spans="2:32" s="376" customFormat="1" ht="7.5" customHeight="1" x14ac:dyDescent="0.15">
      <c r="B25" s="397"/>
      <c r="C25" s="396"/>
      <c r="D25" s="396"/>
      <c r="E25" s="395"/>
      <c r="G25" s="379"/>
      <c r="H25" s="378"/>
      <c r="I25" s="412"/>
      <c r="J25" s="407"/>
      <c r="K25" s="407"/>
      <c r="L25" s="407"/>
      <c r="M25" s="407"/>
      <c r="N25" s="424"/>
      <c r="O25" s="425"/>
      <c r="P25" s="440"/>
      <c r="Q25" s="440"/>
      <c r="R25" s="424"/>
      <c r="S25" s="424"/>
      <c r="T25" s="424"/>
      <c r="U25" s="424"/>
      <c r="V25" s="424"/>
      <c r="W25" s="378"/>
      <c r="X25" s="405"/>
      <c r="Y25" s="405"/>
      <c r="Z25" s="378"/>
      <c r="AA25" s="378"/>
      <c r="AB25" s="378"/>
      <c r="AC25" s="378"/>
      <c r="AD25" s="432"/>
      <c r="AE25" s="422"/>
      <c r="AF25" s="380"/>
    </row>
    <row r="26" spans="2:32" s="376" customFormat="1" ht="21" customHeight="1" x14ac:dyDescent="0.15">
      <c r="B26" s="381"/>
      <c r="E26" s="380"/>
      <c r="G26" s="381" t="s">
        <v>1078</v>
      </c>
      <c r="I26" s="396"/>
      <c r="J26" s="396"/>
      <c r="K26" s="396"/>
      <c r="L26" s="396"/>
      <c r="M26" s="396"/>
      <c r="N26" s="396"/>
      <c r="O26" s="396"/>
      <c r="P26" s="396"/>
      <c r="Q26" s="396"/>
      <c r="R26" s="396"/>
      <c r="S26" s="396"/>
      <c r="T26" s="396"/>
      <c r="U26" s="396"/>
      <c r="V26" s="396"/>
      <c r="X26" s="398"/>
      <c r="Y26" s="398"/>
      <c r="AD26" s="426"/>
      <c r="AE26" s="419"/>
      <c r="AF26" s="380"/>
    </row>
    <row r="27" spans="2:32" s="376" customFormat="1" ht="30.75" customHeight="1" x14ac:dyDescent="0.15">
      <c r="B27" s="403"/>
      <c r="C27" s="387"/>
      <c r="D27" s="387"/>
      <c r="E27" s="402"/>
      <c r="G27" s="381"/>
      <c r="H27" s="1099" t="s">
        <v>279</v>
      </c>
      <c r="I27" s="1108" t="s">
        <v>1077</v>
      </c>
      <c r="J27" s="1109"/>
      <c r="K27" s="1109"/>
      <c r="L27" s="1109"/>
      <c r="M27" s="1110"/>
      <c r="N27" s="1101"/>
      <c r="O27" s="1103" t="s">
        <v>175</v>
      </c>
      <c r="P27" s="1114" t="s">
        <v>275</v>
      </c>
      <c r="Q27" s="1128" t="s">
        <v>513</v>
      </c>
      <c r="R27" s="1128" t="s">
        <v>1076</v>
      </c>
      <c r="S27" s="1130"/>
      <c r="T27" s="1130"/>
      <c r="U27" s="1130"/>
      <c r="V27" s="1131"/>
      <c r="W27" s="1135"/>
      <c r="X27" s="1095" t="s">
        <v>339</v>
      </c>
      <c r="Y27" s="398" t="s">
        <v>275</v>
      </c>
      <c r="Z27" s="1098" t="s">
        <v>1069</v>
      </c>
      <c r="AA27" s="1098"/>
      <c r="AB27" s="1098"/>
      <c r="AC27" s="1098"/>
      <c r="AD27" s="414" t="s">
        <v>0</v>
      </c>
      <c r="AE27" s="413">
        <v>10</v>
      </c>
      <c r="AF27" s="380"/>
    </row>
    <row r="28" spans="2:32" s="376" customFormat="1" ht="30.75" customHeight="1" x14ac:dyDescent="0.15">
      <c r="B28" s="403"/>
      <c r="C28" s="387"/>
      <c r="D28" s="387"/>
      <c r="E28" s="402"/>
      <c r="G28" s="381"/>
      <c r="H28" s="1099"/>
      <c r="I28" s="1111"/>
      <c r="J28" s="1112"/>
      <c r="K28" s="1112"/>
      <c r="L28" s="1112"/>
      <c r="M28" s="1113"/>
      <c r="N28" s="1102"/>
      <c r="O28" s="1104"/>
      <c r="P28" s="1114"/>
      <c r="Q28" s="1129"/>
      <c r="R28" s="1129"/>
      <c r="S28" s="1119"/>
      <c r="T28" s="1119"/>
      <c r="U28" s="1119"/>
      <c r="V28" s="1132"/>
      <c r="W28" s="1136"/>
      <c r="X28" s="1096"/>
      <c r="Y28" s="398" t="s">
        <v>275</v>
      </c>
      <c r="Z28" s="1098" t="s">
        <v>1075</v>
      </c>
      <c r="AA28" s="1098"/>
      <c r="AB28" s="1098"/>
      <c r="AC28" s="1098"/>
      <c r="AD28" s="414" t="s">
        <v>0</v>
      </c>
      <c r="AE28" s="413">
        <v>5</v>
      </c>
      <c r="AF28" s="380"/>
    </row>
    <row r="29" spans="2:32" s="376" customFormat="1" ht="27" customHeight="1" x14ac:dyDescent="0.15">
      <c r="B29" s="403"/>
      <c r="C29" s="387"/>
      <c r="D29" s="387"/>
      <c r="E29" s="402"/>
      <c r="G29" s="381"/>
      <c r="H29" s="386" t="s">
        <v>277</v>
      </c>
      <c r="I29" s="1116" t="s">
        <v>1074</v>
      </c>
      <c r="J29" s="1117"/>
      <c r="K29" s="1117"/>
      <c r="L29" s="1117"/>
      <c r="M29" s="1118"/>
      <c r="N29" s="435"/>
      <c r="O29" s="434" t="s">
        <v>175</v>
      </c>
      <c r="P29" s="416"/>
      <c r="Q29" s="1124"/>
      <c r="R29" s="1124"/>
      <c r="S29" s="1133"/>
      <c r="T29" s="1133"/>
      <c r="U29" s="1133"/>
      <c r="V29" s="1134"/>
      <c r="W29" s="1137"/>
      <c r="X29" s="1097"/>
      <c r="Y29" s="398" t="s">
        <v>275</v>
      </c>
      <c r="Z29" s="1098" t="s">
        <v>1073</v>
      </c>
      <c r="AA29" s="1098"/>
      <c r="AB29" s="1098"/>
      <c r="AC29" s="1098"/>
      <c r="AD29" s="414" t="s">
        <v>0</v>
      </c>
      <c r="AE29" s="413">
        <v>0</v>
      </c>
      <c r="AF29" s="380"/>
    </row>
    <row r="30" spans="2:32" s="376" customFormat="1" ht="7.5" customHeight="1" x14ac:dyDescent="0.15">
      <c r="B30" s="403"/>
      <c r="C30" s="387"/>
      <c r="D30" s="387"/>
      <c r="E30" s="402"/>
      <c r="G30" s="379"/>
      <c r="H30" s="408"/>
      <c r="I30" s="407"/>
      <c r="J30" s="407"/>
      <c r="K30" s="407"/>
      <c r="L30" s="407"/>
      <c r="M30" s="407"/>
      <c r="N30" s="424"/>
      <c r="O30" s="425"/>
      <c r="P30" s="424"/>
      <c r="Q30" s="424"/>
      <c r="R30" s="424"/>
      <c r="S30" s="424"/>
      <c r="T30" s="424"/>
      <c r="U30" s="424"/>
      <c r="V30" s="424"/>
      <c r="W30" s="378"/>
      <c r="X30" s="405"/>
      <c r="Y30" s="405"/>
      <c r="Z30" s="407"/>
      <c r="AA30" s="407"/>
      <c r="AB30" s="378"/>
      <c r="AC30" s="378"/>
      <c r="AD30" s="431"/>
      <c r="AE30" s="422"/>
      <c r="AF30" s="380"/>
    </row>
    <row r="31" spans="2:32" s="376" customFormat="1" ht="21" customHeight="1" x14ac:dyDescent="0.15">
      <c r="B31" s="397"/>
      <c r="C31" s="396"/>
      <c r="D31" s="396"/>
      <c r="E31" s="395"/>
      <c r="G31" s="393" t="s">
        <v>1072</v>
      </c>
      <c r="H31" s="392"/>
      <c r="I31" s="421"/>
      <c r="J31" s="421"/>
      <c r="K31" s="421"/>
      <c r="L31" s="421"/>
      <c r="M31" s="421"/>
      <c r="N31" s="421"/>
      <c r="O31" s="421"/>
      <c r="P31" s="421"/>
      <c r="Q31" s="421"/>
      <c r="R31" s="421"/>
      <c r="S31" s="421"/>
      <c r="T31" s="421"/>
      <c r="U31" s="421"/>
      <c r="V31" s="421"/>
      <c r="W31" s="392"/>
      <c r="X31" s="427"/>
      <c r="Y31" s="427"/>
      <c r="AD31" s="426"/>
      <c r="AE31" s="419"/>
      <c r="AF31" s="380"/>
    </row>
    <row r="32" spans="2:32" s="376" customFormat="1" ht="31.5" customHeight="1" x14ac:dyDescent="0.15">
      <c r="B32" s="381"/>
      <c r="E32" s="380"/>
      <c r="G32" s="381"/>
      <c r="H32" s="1127" t="s">
        <v>279</v>
      </c>
      <c r="I32" s="1108" t="s">
        <v>1071</v>
      </c>
      <c r="J32" s="1109"/>
      <c r="K32" s="1109"/>
      <c r="L32" s="1109"/>
      <c r="M32" s="1110"/>
      <c r="N32" s="1101"/>
      <c r="O32" s="1103" t="s">
        <v>175</v>
      </c>
      <c r="P32" s="1105" t="s">
        <v>275</v>
      </c>
      <c r="Q32" s="1107" t="s">
        <v>513</v>
      </c>
      <c r="R32" s="1107" t="s">
        <v>1070</v>
      </c>
      <c r="S32" s="1107"/>
      <c r="T32" s="1107"/>
      <c r="U32" s="1107"/>
      <c r="V32" s="1107"/>
      <c r="W32" s="1092"/>
      <c r="X32" s="1095" t="s">
        <v>339</v>
      </c>
      <c r="Y32" s="398" t="s">
        <v>275</v>
      </c>
      <c r="Z32" s="1098" t="s">
        <v>1069</v>
      </c>
      <c r="AA32" s="1098"/>
      <c r="AB32" s="1098"/>
      <c r="AC32" s="1098"/>
      <c r="AD32" s="414" t="s">
        <v>0</v>
      </c>
      <c r="AE32" s="413">
        <v>10</v>
      </c>
      <c r="AF32" s="380"/>
    </row>
    <row r="33" spans="2:37" s="376" customFormat="1" ht="31.5" customHeight="1" x14ac:dyDescent="0.15">
      <c r="B33" s="381"/>
      <c r="E33" s="380"/>
      <c r="G33" s="381"/>
      <c r="H33" s="1122"/>
      <c r="I33" s="1111"/>
      <c r="J33" s="1112"/>
      <c r="K33" s="1112"/>
      <c r="L33" s="1112"/>
      <c r="M33" s="1113"/>
      <c r="N33" s="1102"/>
      <c r="O33" s="1104"/>
      <c r="P33" s="1105"/>
      <c r="Q33" s="1107"/>
      <c r="R33" s="1107"/>
      <c r="S33" s="1107"/>
      <c r="T33" s="1107"/>
      <c r="U33" s="1107"/>
      <c r="V33" s="1107"/>
      <c r="W33" s="1093"/>
      <c r="X33" s="1096"/>
      <c r="Y33" s="398" t="s">
        <v>275</v>
      </c>
      <c r="Z33" s="1098" t="s">
        <v>1068</v>
      </c>
      <c r="AA33" s="1098"/>
      <c r="AB33" s="1098"/>
      <c r="AC33" s="1098"/>
      <c r="AD33" s="414" t="s">
        <v>0</v>
      </c>
      <c r="AE33" s="413">
        <v>5</v>
      </c>
      <c r="AF33" s="439"/>
    </row>
    <row r="34" spans="2:37" s="376" customFormat="1" ht="30.75" customHeight="1" x14ac:dyDescent="0.15">
      <c r="B34" s="381"/>
      <c r="E34" s="380"/>
      <c r="G34" s="381"/>
      <c r="H34" s="386" t="s">
        <v>277</v>
      </c>
      <c r="I34" s="1116" t="s">
        <v>1067</v>
      </c>
      <c r="J34" s="1117"/>
      <c r="K34" s="1117"/>
      <c r="L34" s="1117"/>
      <c r="M34" s="1118"/>
      <c r="N34" s="435"/>
      <c r="O34" s="434" t="s">
        <v>175</v>
      </c>
      <c r="P34" s="1105"/>
      <c r="Q34" s="1107"/>
      <c r="R34" s="1107"/>
      <c r="S34" s="1107"/>
      <c r="T34" s="1107"/>
      <c r="U34" s="1107"/>
      <c r="V34" s="1107"/>
      <c r="W34" s="1094"/>
      <c r="X34" s="1097"/>
      <c r="Y34" s="398" t="s">
        <v>275</v>
      </c>
      <c r="Z34" s="1098" t="s">
        <v>1066</v>
      </c>
      <c r="AA34" s="1098"/>
      <c r="AB34" s="1098"/>
      <c r="AC34" s="1098"/>
      <c r="AD34" s="414" t="s">
        <v>0</v>
      </c>
      <c r="AE34" s="413">
        <v>0</v>
      </c>
      <c r="AF34" s="439"/>
    </row>
    <row r="35" spans="2:37" s="376" customFormat="1" ht="7.5" customHeight="1" x14ac:dyDescent="0.15">
      <c r="B35" s="381"/>
      <c r="E35" s="380"/>
      <c r="G35" s="379"/>
      <c r="H35" s="378"/>
      <c r="I35" s="424"/>
      <c r="J35" s="424"/>
      <c r="K35" s="424"/>
      <c r="L35" s="424"/>
      <c r="M35" s="424"/>
      <c r="N35" s="424"/>
      <c r="O35" s="424"/>
      <c r="P35" s="424"/>
      <c r="Q35" s="424"/>
      <c r="R35" s="424"/>
      <c r="S35" s="424"/>
      <c r="T35" s="424"/>
      <c r="U35" s="424"/>
      <c r="V35" s="424"/>
      <c r="W35" s="378"/>
      <c r="X35" s="405"/>
      <c r="Y35" s="405"/>
      <c r="Z35" s="405"/>
      <c r="AA35" s="405"/>
      <c r="AB35" s="378"/>
      <c r="AC35" s="378"/>
      <c r="AD35" s="432"/>
      <c r="AE35" s="422"/>
      <c r="AF35" s="439"/>
    </row>
    <row r="36" spans="2:37" s="376" customFormat="1" ht="21" customHeight="1" x14ac:dyDescent="0.15">
      <c r="B36" s="381"/>
      <c r="E36" s="380"/>
      <c r="G36" s="393" t="s">
        <v>1065</v>
      </c>
      <c r="H36" s="392"/>
      <c r="I36" s="421"/>
      <c r="J36" s="421"/>
      <c r="K36" s="421"/>
      <c r="L36" s="421"/>
      <c r="M36" s="421"/>
      <c r="N36" s="421"/>
      <c r="O36" s="421"/>
      <c r="P36" s="421"/>
      <c r="Q36" s="421"/>
      <c r="R36" s="421"/>
      <c r="S36" s="421"/>
      <c r="T36" s="421"/>
      <c r="U36" s="421"/>
      <c r="V36" s="421"/>
      <c r="W36" s="392"/>
      <c r="X36" s="427"/>
      <c r="Y36" s="427"/>
      <c r="Z36" s="398"/>
      <c r="AA36" s="398"/>
      <c r="AD36" s="426"/>
      <c r="AE36" s="419"/>
      <c r="AF36" s="380"/>
    </row>
    <row r="37" spans="2:37" s="376" customFormat="1" ht="19.5" customHeight="1" x14ac:dyDescent="0.15">
      <c r="B37" s="381"/>
      <c r="E37" s="380"/>
      <c r="G37" s="381"/>
      <c r="H37" s="1099" t="s">
        <v>279</v>
      </c>
      <c r="I37" s="1108" t="s">
        <v>1064</v>
      </c>
      <c r="J37" s="1109"/>
      <c r="K37" s="1109"/>
      <c r="L37" s="1109"/>
      <c r="M37" s="1109"/>
      <c r="N37" s="1109"/>
      <c r="O37" s="1109"/>
      <c r="P37" s="1109"/>
      <c r="Q37" s="1109"/>
      <c r="R37" s="1109"/>
      <c r="S37" s="1109"/>
      <c r="T37" s="1109"/>
      <c r="U37" s="1110"/>
      <c r="V37" s="1114" t="s">
        <v>275</v>
      </c>
      <c r="W37" s="1107"/>
      <c r="X37" s="1107"/>
      <c r="Y37" s="398" t="s">
        <v>275</v>
      </c>
      <c r="Z37" s="1119" t="s">
        <v>1063</v>
      </c>
      <c r="AA37" s="1119"/>
      <c r="AD37" s="414" t="s">
        <v>0</v>
      </c>
      <c r="AE37" s="413">
        <v>5</v>
      </c>
      <c r="AF37" s="380"/>
    </row>
    <row r="38" spans="2:37" s="376" customFormat="1" ht="30.75" customHeight="1" x14ac:dyDescent="0.15">
      <c r="B38" s="403"/>
      <c r="C38" s="387"/>
      <c r="D38" s="387"/>
      <c r="E38" s="402"/>
      <c r="G38" s="381"/>
      <c r="H38" s="1099"/>
      <c r="I38" s="1111"/>
      <c r="J38" s="1112"/>
      <c r="K38" s="1112"/>
      <c r="L38" s="1112"/>
      <c r="M38" s="1112"/>
      <c r="N38" s="1112"/>
      <c r="O38" s="1112"/>
      <c r="P38" s="1112"/>
      <c r="Q38" s="1112"/>
      <c r="R38" s="1112"/>
      <c r="S38" s="1112"/>
      <c r="T38" s="1112"/>
      <c r="U38" s="1113"/>
      <c r="V38" s="1102"/>
      <c r="W38" s="1107"/>
      <c r="X38" s="1107"/>
      <c r="Y38" s="398" t="s">
        <v>275</v>
      </c>
      <c r="Z38" s="1098" t="s">
        <v>1062</v>
      </c>
      <c r="AA38" s="1098"/>
      <c r="AB38" s="1098"/>
      <c r="AC38" s="1125"/>
      <c r="AD38" s="414" t="s">
        <v>0</v>
      </c>
      <c r="AE38" s="413">
        <v>3</v>
      </c>
      <c r="AF38" s="380"/>
    </row>
    <row r="39" spans="2:37" s="376" customFormat="1" ht="38.25" customHeight="1" x14ac:dyDescent="0.15">
      <c r="B39" s="403"/>
      <c r="C39" s="387"/>
      <c r="D39" s="387"/>
      <c r="E39" s="402"/>
      <c r="G39" s="438"/>
      <c r="H39" s="1122"/>
      <c r="I39" s="1120"/>
      <c r="J39" s="1098"/>
      <c r="K39" s="1098"/>
      <c r="L39" s="1098"/>
      <c r="M39" s="1098"/>
      <c r="N39" s="1098"/>
      <c r="O39" s="1098"/>
      <c r="P39" s="1098"/>
      <c r="Q39" s="1098"/>
      <c r="R39" s="1098"/>
      <c r="S39" s="1098"/>
      <c r="T39" s="1098"/>
      <c r="U39" s="1121"/>
      <c r="V39" s="1114"/>
      <c r="W39" s="1123"/>
      <c r="X39" s="1124"/>
      <c r="Y39" s="415" t="s">
        <v>275</v>
      </c>
      <c r="Z39" s="1098" t="s">
        <v>1061</v>
      </c>
      <c r="AA39" s="1098"/>
      <c r="AB39" s="1098"/>
      <c r="AC39" s="1125"/>
      <c r="AD39" s="414" t="s">
        <v>0</v>
      </c>
      <c r="AE39" s="413" t="s">
        <v>1060</v>
      </c>
      <c r="AF39" s="380"/>
    </row>
    <row r="40" spans="2:37" s="376" customFormat="1" ht="19.5" customHeight="1" x14ac:dyDescent="0.15">
      <c r="B40" s="403"/>
      <c r="C40" s="387"/>
      <c r="D40" s="387"/>
      <c r="E40" s="402"/>
      <c r="G40" s="381"/>
      <c r="H40" s="1099"/>
      <c r="I40" s="1111"/>
      <c r="J40" s="1112"/>
      <c r="K40" s="1112"/>
      <c r="L40" s="1112"/>
      <c r="M40" s="1112"/>
      <c r="N40" s="1112"/>
      <c r="O40" s="1112"/>
      <c r="P40" s="1112"/>
      <c r="Q40" s="1112"/>
      <c r="R40" s="1112"/>
      <c r="S40" s="1112"/>
      <c r="T40" s="1112"/>
      <c r="U40" s="1113"/>
      <c r="V40" s="1114"/>
      <c r="W40" s="1107"/>
      <c r="X40" s="1107"/>
      <c r="Y40" s="398" t="s">
        <v>275</v>
      </c>
      <c r="Z40" s="1098" t="s">
        <v>1059</v>
      </c>
      <c r="AA40" s="1098"/>
      <c r="AB40" s="1098"/>
      <c r="AD40" s="414" t="s">
        <v>0</v>
      </c>
      <c r="AE40" s="413">
        <v>0</v>
      </c>
      <c r="AF40" s="380"/>
    </row>
    <row r="41" spans="2:37" s="376" customFormat="1" ht="7.5" customHeight="1" x14ac:dyDescent="0.15">
      <c r="B41" s="403"/>
      <c r="C41" s="387"/>
      <c r="D41" s="387"/>
      <c r="E41" s="402"/>
      <c r="G41" s="379"/>
      <c r="H41" s="378"/>
      <c r="I41" s="424"/>
      <c r="J41" s="424"/>
      <c r="K41" s="424"/>
      <c r="L41" s="424"/>
      <c r="M41" s="424"/>
      <c r="N41" s="424"/>
      <c r="O41" s="424"/>
      <c r="P41" s="424"/>
      <c r="Q41" s="424"/>
      <c r="R41" s="424"/>
      <c r="S41" s="424"/>
      <c r="T41" s="424"/>
      <c r="U41" s="424"/>
      <c r="V41" s="424"/>
      <c r="W41" s="378"/>
      <c r="X41" s="378"/>
      <c r="Y41" s="405"/>
      <c r="Z41" s="412"/>
      <c r="AA41" s="412"/>
      <c r="AB41" s="378"/>
      <c r="AC41" s="378"/>
      <c r="AD41" s="431"/>
      <c r="AE41" s="422"/>
      <c r="AF41" s="380"/>
    </row>
    <row r="42" spans="2:37" s="376" customFormat="1" ht="21" customHeight="1" x14ac:dyDescent="0.15">
      <c r="B42" s="397"/>
      <c r="C42" s="396"/>
      <c r="D42" s="396"/>
      <c r="E42" s="395"/>
      <c r="G42" s="393" t="s">
        <v>1058</v>
      </c>
      <c r="H42" s="392"/>
      <c r="I42" s="421"/>
      <c r="J42" s="421"/>
      <c r="K42" s="421"/>
      <c r="L42" s="421"/>
      <c r="M42" s="421"/>
      <c r="N42" s="421"/>
      <c r="O42" s="421"/>
      <c r="P42" s="421"/>
      <c r="Q42" s="421"/>
      <c r="R42" s="421"/>
      <c r="S42" s="421"/>
      <c r="T42" s="421"/>
      <c r="U42" s="421"/>
      <c r="V42" s="421"/>
      <c r="W42" s="392"/>
      <c r="X42" s="392"/>
      <c r="Y42" s="427"/>
      <c r="Z42" s="427"/>
      <c r="AA42" s="427"/>
      <c r="AB42" s="392"/>
      <c r="AC42" s="392"/>
      <c r="AD42" s="426"/>
      <c r="AE42" s="419"/>
      <c r="AF42" s="380"/>
    </row>
    <row r="43" spans="2:37" s="376" customFormat="1" ht="42" customHeight="1" x14ac:dyDescent="0.15">
      <c r="B43" s="397"/>
      <c r="C43" s="396"/>
      <c r="D43" s="396"/>
      <c r="E43" s="395"/>
      <c r="G43" s="381"/>
      <c r="H43" s="386" t="s">
        <v>279</v>
      </c>
      <c r="I43" s="1091" t="s">
        <v>1057</v>
      </c>
      <c r="J43" s="1091"/>
      <c r="K43" s="1091"/>
      <c r="L43" s="1091"/>
      <c r="M43" s="1091"/>
      <c r="N43" s="436"/>
      <c r="O43" s="417" t="s">
        <v>174</v>
      </c>
      <c r="P43" s="1105" t="s">
        <v>275</v>
      </c>
      <c r="Q43" s="1107" t="s">
        <v>511</v>
      </c>
      <c r="R43" s="1091" t="s">
        <v>1048</v>
      </c>
      <c r="S43" s="1091"/>
      <c r="T43" s="1091"/>
      <c r="U43" s="1091"/>
      <c r="V43" s="1091"/>
      <c r="W43" s="1085"/>
      <c r="X43" s="1085"/>
      <c r="Y43" s="398" t="s">
        <v>275</v>
      </c>
      <c r="Z43" s="1098" t="s">
        <v>1056</v>
      </c>
      <c r="AA43" s="1098"/>
      <c r="AB43" s="1098"/>
      <c r="AC43" s="1125"/>
      <c r="AD43" s="414" t="s">
        <v>0</v>
      </c>
      <c r="AE43" s="413">
        <v>5</v>
      </c>
      <c r="AF43" s="380"/>
    </row>
    <row r="44" spans="2:37" s="376" customFormat="1" ht="40.5" customHeight="1" x14ac:dyDescent="0.15">
      <c r="B44" s="381"/>
      <c r="E44" s="380"/>
      <c r="G44" s="381"/>
      <c r="H44" s="386" t="s">
        <v>277</v>
      </c>
      <c r="I44" s="1091" t="s">
        <v>1055</v>
      </c>
      <c r="J44" s="1091"/>
      <c r="K44" s="1091"/>
      <c r="L44" s="1091"/>
      <c r="M44" s="1091"/>
      <c r="N44" s="424"/>
      <c r="O44" s="434" t="s">
        <v>174</v>
      </c>
      <c r="P44" s="1105"/>
      <c r="Q44" s="1107"/>
      <c r="R44" s="1091"/>
      <c r="S44" s="1091"/>
      <c r="T44" s="1091"/>
      <c r="U44" s="1091"/>
      <c r="V44" s="1091"/>
      <c r="W44" s="1085"/>
      <c r="X44" s="1085"/>
      <c r="Y44" s="398" t="s">
        <v>275</v>
      </c>
      <c r="Z44" s="1098" t="s">
        <v>450</v>
      </c>
      <c r="AA44" s="1098"/>
      <c r="AB44" s="1098"/>
      <c r="AC44" s="1125"/>
      <c r="AD44" s="414" t="s">
        <v>0</v>
      </c>
      <c r="AE44" s="413">
        <v>3</v>
      </c>
      <c r="AF44" s="380"/>
    </row>
    <row r="45" spans="2:37" s="376" customFormat="1" ht="30" customHeight="1" x14ac:dyDescent="0.15">
      <c r="B45" s="381"/>
      <c r="E45" s="380"/>
      <c r="G45" s="381"/>
      <c r="H45" s="386" t="s">
        <v>293</v>
      </c>
      <c r="I45" s="1116" t="s">
        <v>1054</v>
      </c>
      <c r="J45" s="1117"/>
      <c r="K45" s="1117"/>
      <c r="L45" s="1117"/>
      <c r="M45" s="1118"/>
      <c r="N45" s="436"/>
      <c r="O45" s="417" t="s">
        <v>175</v>
      </c>
      <c r="P45" s="1105"/>
      <c r="Q45" s="1107"/>
      <c r="R45" s="1091"/>
      <c r="S45" s="1091"/>
      <c r="T45" s="1091"/>
      <c r="U45" s="1091"/>
      <c r="V45" s="1091"/>
      <c r="W45" s="1085"/>
      <c r="X45" s="1085"/>
      <c r="Y45" s="398" t="s">
        <v>275</v>
      </c>
      <c r="Z45" s="1126" t="s">
        <v>1053</v>
      </c>
      <c r="AA45" s="1126"/>
      <c r="AD45" s="414" t="s">
        <v>0</v>
      </c>
      <c r="AE45" s="413">
        <v>2</v>
      </c>
      <c r="AF45" s="380"/>
    </row>
    <row r="46" spans="2:37" s="376" customFormat="1" ht="21" customHeight="1" x14ac:dyDescent="0.15">
      <c r="B46" s="381"/>
      <c r="E46" s="380"/>
      <c r="G46" s="381"/>
      <c r="H46" s="386" t="s">
        <v>513</v>
      </c>
      <c r="I46" s="1116" t="s">
        <v>1052</v>
      </c>
      <c r="J46" s="1117"/>
      <c r="K46" s="1117"/>
      <c r="L46" s="1117"/>
      <c r="M46" s="1118"/>
      <c r="N46" s="435"/>
      <c r="O46" s="434" t="s">
        <v>20</v>
      </c>
      <c r="P46" s="1105"/>
      <c r="Q46" s="1107"/>
      <c r="R46" s="1091"/>
      <c r="S46" s="1091"/>
      <c r="T46" s="1091"/>
      <c r="U46" s="1091"/>
      <c r="V46" s="1091"/>
      <c r="W46" s="1085"/>
      <c r="X46" s="1085"/>
      <c r="Y46" s="398" t="s">
        <v>275</v>
      </c>
      <c r="Z46" s="1098" t="s">
        <v>1051</v>
      </c>
      <c r="AA46" s="1098"/>
      <c r="AB46" s="1098"/>
      <c r="AD46" s="414" t="s">
        <v>0</v>
      </c>
      <c r="AE46" s="413">
        <v>0</v>
      </c>
      <c r="AF46" s="380"/>
    </row>
    <row r="47" spans="2:37" s="376" customFormat="1" ht="7.5" customHeight="1" x14ac:dyDescent="0.15">
      <c r="B47" s="381"/>
      <c r="E47" s="380"/>
      <c r="G47" s="379"/>
      <c r="H47" s="378"/>
      <c r="I47" s="424"/>
      <c r="J47" s="424"/>
      <c r="K47" s="424"/>
      <c r="L47" s="424"/>
      <c r="M47" s="424"/>
      <c r="N47" s="424"/>
      <c r="O47" s="424"/>
      <c r="P47" s="424"/>
      <c r="Q47" s="424"/>
      <c r="R47" s="424"/>
      <c r="S47" s="424"/>
      <c r="T47" s="424"/>
      <c r="U47" s="424"/>
      <c r="V47" s="424"/>
      <c r="W47" s="378"/>
      <c r="X47" s="378"/>
      <c r="Y47" s="405"/>
      <c r="Z47" s="405"/>
      <c r="AA47" s="405"/>
      <c r="AB47" s="378"/>
      <c r="AC47" s="378"/>
      <c r="AD47" s="432"/>
      <c r="AE47" s="422"/>
      <c r="AF47" s="437"/>
      <c r="AH47" s="400"/>
      <c r="AI47" s="400"/>
      <c r="AJ47" s="398"/>
      <c r="AK47" s="398"/>
    </row>
    <row r="48" spans="2:37" s="376" customFormat="1" ht="21" customHeight="1" x14ac:dyDescent="0.15">
      <c r="B48" s="403"/>
      <c r="C48" s="387"/>
      <c r="D48" s="387"/>
      <c r="E48" s="402"/>
      <c r="G48" s="393" t="s">
        <v>1050</v>
      </c>
      <c r="H48" s="392"/>
      <c r="I48" s="421"/>
      <c r="J48" s="421"/>
      <c r="K48" s="421"/>
      <c r="L48" s="421"/>
      <c r="M48" s="421"/>
      <c r="N48" s="421"/>
      <c r="O48" s="421"/>
      <c r="P48" s="421"/>
      <c r="Q48" s="421"/>
      <c r="R48" s="421"/>
      <c r="S48" s="421"/>
      <c r="T48" s="421"/>
      <c r="U48" s="421"/>
      <c r="V48" s="421"/>
      <c r="W48" s="392"/>
      <c r="X48" s="392"/>
      <c r="Y48" s="427"/>
      <c r="Z48" s="427"/>
      <c r="AA48" s="427"/>
      <c r="AB48" s="392"/>
      <c r="AC48" s="392"/>
      <c r="AD48" s="426"/>
      <c r="AE48" s="419"/>
      <c r="AF48" s="380"/>
    </row>
    <row r="49" spans="2:32" s="376" customFormat="1" ht="43.5" customHeight="1" x14ac:dyDescent="0.15">
      <c r="B49" s="403"/>
      <c r="C49" s="387"/>
      <c r="D49" s="387"/>
      <c r="E49" s="402"/>
      <c r="G49" s="381"/>
      <c r="H49" s="386" t="s">
        <v>279</v>
      </c>
      <c r="I49" s="1091" t="s">
        <v>1049</v>
      </c>
      <c r="J49" s="1091"/>
      <c r="K49" s="1091"/>
      <c r="L49" s="1091"/>
      <c r="M49" s="1091"/>
      <c r="N49" s="436"/>
      <c r="O49" s="417" t="s">
        <v>174</v>
      </c>
      <c r="P49" s="1105" t="s">
        <v>275</v>
      </c>
      <c r="Q49" s="1107" t="s">
        <v>511</v>
      </c>
      <c r="R49" s="1091" t="s">
        <v>1048</v>
      </c>
      <c r="S49" s="1091"/>
      <c r="T49" s="1091"/>
      <c r="U49" s="1091"/>
      <c r="V49" s="1091"/>
      <c r="W49" s="1085"/>
      <c r="X49" s="1085"/>
      <c r="Y49" s="398" t="s">
        <v>275</v>
      </c>
      <c r="Z49" s="1098" t="s">
        <v>454</v>
      </c>
      <c r="AA49" s="1098"/>
      <c r="AB49" s="1098"/>
      <c r="AC49" s="1098"/>
      <c r="AD49" s="414" t="s">
        <v>0</v>
      </c>
      <c r="AE49" s="413">
        <v>5</v>
      </c>
      <c r="AF49" s="380"/>
    </row>
    <row r="50" spans="2:32" s="376" customFormat="1" ht="42" customHeight="1" x14ac:dyDescent="0.15">
      <c r="B50" s="397"/>
      <c r="C50" s="396"/>
      <c r="D50" s="396"/>
      <c r="E50" s="395"/>
      <c r="G50" s="381"/>
      <c r="H50" s="386" t="s">
        <v>277</v>
      </c>
      <c r="I50" s="1091" t="s">
        <v>1047</v>
      </c>
      <c r="J50" s="1091"/>
      <c r="K50" s="1091"/>
      <c r="L50" s="1091"/>
      <c r="M50" s="1091"/>
      <c r="N50" s="435"/>
      <c r="O50" s="434" t="s">
        <v>174</v>
      </c>
      <c r="P50" s="1105"/>
      <c r="Q50" s="1107"/>
      <c r="R50" s="1091"/>
      <c r="S50" s="1091"/>
      <c r="T50" s="1091"/>
      <c r="U50" s="1091"/>
      <c r="V50" s="1091"/>
      <c r="W50" s="1085"/>
      <c r="X50" s="1085"/>
      <c r="Y50" s="398" t="s">
        <v>275</v>
      </c>
      <c r="Z50" s="1098" t="s">
        <v>1046</v>
      </c>
      <c r="AA50" s="1098"/>
      <c r="AB50" s="1098"/>
      <c r="AC50" s="1098"/>
      <c r="AD50" s="414" t="s">
        <v>0</v>
      </c>
      <c r="AE50" s="413">
        <v>3</v>
      </c>
      <c r="AF50" s="380"/>
    </row>
    <row r="51" spans="2:32" s="376" customFormat="1" ht="30" customHeight="1" x14ac:dyDescent="0.15">
      <c r="B51" s="397"/>
      <c r="C51" s="396"/>
      <c r="D51" s="396"/>
      <c r="E51" s="395"/>
      <c r="G51" s="381"/>
      <c r="H51" s="386" t="s">
        <v>293</v>
      </c>
      <c r="I51" s="1116" t="s">
        <v>1045</v>
      </c>
      <c r="J51" s="1117"/>
      <c r="K51" s="1117"/>
      <c r="L51" s="1117"/>
      <c r="M51" s="1118"/>
      <c r="N51" s="436"/>
      <c r="O51" s="417" t="s">
        <v>175</v>
      </c>
      <c r="P51" s="1105"/>
      <c r="Q51" s="1107"/>
      <c r="R51" s="1091"/>
      <c r="S51" s="1091"/>
      <c r="T51" s="1091"/>
      <c r="U51" s="1091"/>
      <c r="V51" s="1091"/>
      <c r="W51" s="1085"/>
      <c r="X51" s="1085"/>
      <c r="Y51" s="398" t="s">
        <v>275</v>
      </c>
      <c r="Z51" s="1098" t="s">
        <v>1044</v>
      </c>
      <c r="AA51" s="1098"/>
      <c r="AB51" s="1098"/>
      <c r="AC51" s="1098"/>
      <c r="AD51" s="414" t="s">
        <v>0</v>
      </c>
      <c r="AE51" s="413">
        <v>0</v>
      </c>
      <c r="AF51" s="380"/>
    </row>
    <row r="52" spans="2:32" s="376" customFormat="1" ht="25.5" customHeight="1" x14ac:dyDescent="0.15">
      <c r="B52" s="397"/>
      <c r="C52" s="396"/>
      <c r="D52" s="396"/>
      <c r="E52" s="395"/>
      <c r="G52" s="381"/>
      <c r="H52" s="386" t="s">
        <v>513</v>
      </c>
      <c r="I52" s="1116" t="s">
        <v>1043</v>
      </c>
      <c r="J52" s="1117"/>
      <c r="K52" s="1117"/>
      <c r="L52" s="1117"/>
      <c r="M52" s="1118"/>
      <c r="N52" s="435"/>
      <c r="O52" s="434" t="s">
        <v>20</v>
      </c>
      <c r="P52" s="1105"/>
      <c r="Q52" s="1107"/>
      <c r="R52" s="1091"/>
      <c r="S52" s="1091"/>
      <c r="T52" s="1091"/>
      <c r="U52" s="1091"/>
      <c r="V52" s="1091"/>
      <c r="W52" s="1085"/>
      <c r="X52" s="1085"/>
      <c r="Y52" s="398"/>
      <c r="Z52" s="1119"/>
      <c r="AA52" s="1119"/>
      <c r="AD52" s="433"/>
      <c r="AE52" s="413"/>
      <c r="AF52" s="380"/>
    </row>
    <row r="53" spans="2:32" s="376" customFormat="1" ht="6.75" customHeight="1" x14ac:dyDescent="0.15">
      <c r="B53" s="397"/>
      <c r="C53" s="396"/>
      <c r="D53" s="396"/>
      <c r="E53" s="395"/>
      <c r="G53" s="379"/>
      <c r="H53" s="378"/>
      <c r="I53" s="424"/>
      <c r="J53" s="424"/>
      <c r="K53" s="424"/>
      <c r="L53" s="424"/>
      <c r="M53" s="424"/>
      <c r="N53" s="424"/>
      <c r="O53" s="424"/>
      <c r="P53" s="424"/>
      <c r="Q53" s="424"/>
      <c r="R53" s="424"/>
      <c r="S53" s="424"/>
      <c r="T53" s="424"/>
      <c r="U53" s="424"/>
      <c r="V53" s="424"/>
      <c r="W53" s="378"/>
      <c r="X53" s="378"/>
      <c r="Y53" s="405"/>
      <c r="Z53" s="405"/>
      <c r="AA53" s="405"/>
      <c r="AB53" s="378"/>
      <c r="AC53" s="378"/>
      <c r="AD53" s="432"/>
      <c r="AE53" s="422"/>
      <c r="AF53" s="380"/>
    </row>
    <row r="54" spans="2:32" s="376" customFormat="1" ht="21" customHeight="1" x14ac:dyDescent="0.15">
      <c r="B54" s="397"/>
      <c r="C54" s="396"/>
      <c r="D54" s="396"/>
      <c r="E54" s="395"/>
      <c r="G54" s="393" t="s">
        <v>1042</v>
      </c>
      <c r="H54" s="392"/>
      <c r="I54" s="421"/>
      <c r="J54" s="421"/>
      <c r="K54" s="421"/>
      <c r="L54" s="421"/>
      <c r="M54" s="421"/>
      <c r="N54" s="421"/>
      <c r="O54" s="421"/>
      <c r="P54" s="421"/>
      <c r="Q54" s="421"/>
      <c r="R54" s="421"/>
      <c r="S54" s="421"/>
      <c r="T54" s="421"/>
      <c r="U54" s="421"/>
      <c r="V54" s="421"/>
      <c r="W54" s="392"/>
      <c r="X54" s="392"/>
      <c r="Y54" s="427"/>
      <c r="Z54" s="427"/>
      <c r="AA54" s="427"/>
      <c r="AB54" s="392"/>
      <c r="AC54" s="392"/>
      <c r="AD54" s="426"/>
      <c r="AE54" s="419"/>
      <c r="AF54" s="380"/>
    </row>
    <row r="55" spans="2:32" s="376" customFormat="1" ht="30" customHeight="1" x14ac:dyDescent="0.15">
      <c r="B55" s="381"/>
      <c r="E55" s="380"/>
      <c r="G55" s="381"/>
      <c r="H55" s="386" t="s">
        <v>279</v>
      </c>
      <c r="I55" s="1091" t="s">
        <v>1041</v>
      </c>
      <c r="J55" s="1091"/>
      <c r="K55" s="1091"/>
      <c r="L55" s="1091"/>
      <c r="M55" s="1091"/>
      <c r="N55" s="418"/>
      <c r="O55" s="417" t="s">
        <v>20</v>
      </c>
      <c r="P55" s="1114" t="s">
        <v>275</v>
      </c>
      <c r="Q55" s="1107" t="s">
        <v>293</v>
      </c>
      <c r="R55" s="1108" t="s">
        <v>1032</v>
      </c>
      <c r="S55" s="1109"/>
      <c r="T55" s="1109"/>
      <c r="U55" s="1109"/>
      <c r="V55" s="1110"/>
      <c r="W55" s="1092"/>
      <c r="X55" s="1095" t="s">
        <v>339</v>
      </c>
      <c r="Y55" s="398" t="s">
        <v>275</v>
      </c>
      <c r="Z55" s="1098" t="s">
        <v>1040</v>
      </c>
      <c r="AA55" s="1098"/>
      <c r="AB55" s="1098"/>
      <c r="AC55" s="1098"/>
      <c r="AD55" s="414" t="s">
        <v>0</v>
      </c>
      <c r="AE55" s="413">
        <v>5</v>
      </c>
      <c r="AF55" s="380"/>
    </row>
    <row r="56" spans="2:32" s="376" customFormat="1" ht="19.5" customHeight="1" x14ac:dyDescent="0.15">
      <c r="B56" s="381"/>
      <c r="E56" s="380"/>
      <c r="G56" s="381"/>
      <c r="H56" s="1099" t="s">
        <v>277</v>
      </c>
      <c r="I56" s="1108" t="s">
        <v>1039</v>
      </c>
      <c r="J56" s="1109"/>
      <c r="K56" s="1109"/>
      <c r="L56" s="1109"/>
      <c r="M56" s="1110"/>
      <c r="N56" s="1101"/>
      <c r="O56" s="1103" t="s">
        <v>20</v>
      </c>
      <c r="P56" s="1115"/>
      <c r="Q56" s="1107"/>
      <c r="R56" s="1120"/>
      <c r="S56" s="1098"/>
      <c r="T56" s="1098"/>
      <c r="U56" s="1098"/>
      <c r="V56" s="1121"/>
      <c r="W56" s="1093"/>
      <c r="X56" s="1096"/>
      <c r="Y56" s="398" t="s">
        <v>275</v>
      </c>
      <c r="Z56" s="1098" t="s">
        <v>1038</v>
      </c>
      <c r="AA56" s="1098"/>
      <c r="AB56" s="1098"/>
      <c r="AC56" s="1098"/>
      <c r="AD56" s="414" t="s">
        <v>0</v>
      </c>
      <c r="AE56" s="413">
        <v>3</v>
      </c>
      <c r="AF56" s="380"/>
    </row>
    <row r="57" spans="2:32" s="376" customFormat="1" ht="19.5" customHeight="1" x14ac:dyDescent="0.15">
      <c r="B57" s="381"/>
      <c r="E57" s="380"/>
      <c r="G57" s="381"/>
      <c r="H57" s="1099"/>
      <c r="I57" s="1111"/>
      <c r="J57" s="1112"/>
      <c r="K57" s="1112"/>
      <c r="L57" s="1112"/>
      <c r="M57" s="1113"/>
      <c r="N57" s="1102"/>
      <c r="O57" s="1104"/>
      <c r="P57" s="416"/>
      <c r="Q57" s="1107"/>
      <c r="R57" s="1111"/>
      <c r="S57" s="1112"/>
      <c r="T57" s="1112"/>
      <c r="U57" s="1112"/>
      <c r="V57" s="1113"/>
      <c r="W57" s="1094"/>
      <c r="X57" s="1097"/>
      <c r="Y57" s="398" t="s">
        <v>275</v>
      </c>
      <c r="Z57" s="1098" t="s">
        <v>1037</v>
      </c>
      <c r="AA57" s="1098"/>
      <c r="AB57" s="1098"/>
      <c r="AC57" s="1098"/>
      <c r="AD57" s="414" t="s">
        <v>0</v>
      </c>
      <c r="AE57" s="413">
        <v>0</v>
      </c>
      <c r="AF57" s="380"/>
    </row>
    <row r="58" spans="2:32" s="376" customFormat="1" ht="7.5" customHeight="1" x14ac:dyDescent="0.15">
      <c r="B58" s="381"/>
      <c r="E58" s="380"/>
      <c r="G58" s="379"/>
      <c r="H58" s="408"/>
      <c r="I58" s="407"/>
      <c r="J58" s="407"/>
      <c r="K58" s="407"/>
      <c r="L58" s="407"/>
      <c r="M58" s="407"/>
      <c r="N58" s="424"/>
      <c r="O58" s="425"/>
      <c r="P58" s="424"/>
      <c r="Q58" s="424"/>
      <c r="R58" s="424"/>
      <c r="S58" s="424"/>
      <c r="T58" s="424"/>
      <c r="U58" s="424"/>
      <c r="V58" s="424"/>
      <c r="W58" s="378"/>
      <c r="X58" s="378"/>
      <c r="Y58" s="405"/>
      <c r="Z58" s="412"/>
      <c r="AA58" s="412"/>
      <c r="AB58" s="378"/>
      <c r="AC58" s="378"/>
      <c r="AD58" s="431"/>
      <c r="AE58" s="422"/>
      <c r="AF58" s="380"/>
    </row>
    <row r="59" spans="2:32" s="376" customFormat="1" ht="21" customHeight="1" x14ac:dyDescent="0.15">
      <c r="B59" s="403"/>
      <c r="C59" s="387"/>
      <c r="D59" s="387"/>
      <c r="E59" s="402"/>
      <c r="G59" s="393" t="s">
        <v>1036</v>
      </c>
      <c r="H59" s="430"/>
      <c r="I59" s="429"/>
      <c r="J59" s="429"/>
      <c r="K59" s="429"/>
      <c r="L59" s="429"/>
      <c r="M59" s="429"/>
      <c r="N59" s="428"/>
      <c r="O59" s="421"/>
      <c r="P59" s="421"/>
      <c r="Q59" s="421"/>
      <c r="R59" s="421"/>
      <c r="S59" s="421"/>
      <c r="T59" s="421"/>
      <c r="U59" s="421"/>
      <c r="V59" s="421"/>
      <c r="W59" s="392"/>
      <c r="X59" s="392"/>
      <c r="Y59" s="427"/>
      <c r="Z59" s="427"/>
      <c r="AA59" s="427"/>
      <c r="AB59" s="392"/>
      <c r="AC59" s="392"/>
      <c r="AD59" s="426"/>
      <c r="AE59" s="419"/>
      <c r="AF59" s="380"/>
    </row>
    <row r="60" spans="2:32" s="376" customFormat="1" ht="48.75" customHeight="1" x14ac:dyDescent="0.15">
      <c r="B60" s="403"/>
      <c r="C60" s="387"/>
      <c r="D60" s="387"/>
      <c r="E60" s="402"/>
      <c r="G60" s="381"/>
      <c r="H60" s="386" t="s">
        <v>279</v>
      </c>
      <c r="I60" s="1100" t="s">
        <v>1035</v>
      </c>
      <c r="J60" s="1100"/>
      <c r="K60" s="1100"/>
      <c r="L60" s="1100"/>
      <c r="M60" s="1100"/>
      <c r="N60" s="418"/>
      <c r="O60" s="417" t="s">
        <v>175</v>
      </c>
      <c r="P60" s="1114" t="s">
        <v>275</v>
      </c>
      <c r="Q60" s="1107" t="s">
        <v>293</v>
      </c>
      <c r="R60" s="1091" t="s">
        <v>1032</v>
      </c>
      <c r="S60" s="1091"/>
      <c r="T60" s="1091"/>
      <c r="U60" s="1091"/>
      <c r="V60" s="1091"/>
      <c r="W60" s="1092"/>
      <c r="X60" s="1095" t="s">
        <v>339</v>
      </c>
      <c r="Y60" s="398" t="s">
        <v>275</v>
      </c>
      <c r="Z60" s="1098" t="s">
        <v>947</v>
      </c>
      <c r="AA60" s="1098"/>
      <c r="AB60" s="1098"/>
      <c r="AC60" s="1098"/>
      <c r="AD60" s="414" t="s">
        <v>0</v>
      </c>
      <c r="AE60" s="413">
        <v>5</v>
      </c>
      <c r="AF60" s="380"/>
    </row>
    <row r="61" spans="2:32" s="376" customFormat="1" ht="19.5" customHeight="1" x14ac:dyDescent="0.15">
      <c r="B61" s="403"/>
      <c r="C61" s="387"/>
      <c r="D61" s="387"/>
      <c r="E61" s="402"/>
      <c r="G61" s="381"/>
      <c r="H61" s="1099" t="s">
        <v>277</v>
      </c>
      <c r="I61" s="1100" t="s">
        <v>1031</v>
      </c>
      <c r="J61" s="1100"/>
      <c r="K61" s="1100"/>
      <c r="L61" s="1100"/>
      <c r="M61" s="1100"/>
      <c r="N61" s="1101"/>
      <c r="O61" s="1103" t="s">
        <v>175</v>
      </c>
      <c r="P61" s="1115"/>
      <c r="Q61" s="1107"/>
      <c r="R61" s="1091"/>
      <c r="S61" s="1091"/>
      <c r="T61" s="1091"/>
      <c r="U61" s="1091"/>
      <c r="V61" s="1091"/>
      <c r="W61" s="1093"/>
      <c r="X61" s="1096"/>
      <c r="Y61" s="398" t="s">
        <v>275</v>
      </c>
      <c r="Z61" s="1098" t="s">
        <v>1030</v>
      </c>
      <c r="AA61" s="1098"/>
      <c r="AB61" s="1098"/>
      <c r="AC61" s="1098"/>
      <c r="AD61" s="414" t="s">
        <v>0</v>
      </c>
      <c r="AE61" s="413">
        <v>3</v>
      </c>
      <c r="AF61" s="380"/>
    </row>
    <row r="62" spans="2:32" s="376" customFormat="1" ht="19.5" customHeight="1" x14ac:dyDescent="0.15">
      <c r="B62" s="403"/>
      <c r="C62" s="387"/>
      <c r="D62" s="387"/>
      <c r="E62" s="402"/>
      <c r="G62" s="381"/>
      <c r="H62" s="1099"/>
      <c r="I62" s="1100"/>
      <c r="J62" s="1100"/>
      <c r="K62" s="1100"/>
      <c r="L62" s="1100"/>
      <c r="M62" s="1100"/>
      <c r="N62" s="1102"/>
      <c r="O62" s="1104"/>
      <c r="P62" s="416"/>
      <c r="Q62" s="1107"/>
      <c r="R62" s="1091"/>
      <c r="S62" s="1091"/>
      <c r="T62" s="1091"/>
      <c r="U62" s="1091"/>
      <c r="V62" s="1091"/>
      <c r="W62" s="1094"/>
      <c r="X62" s="1097"/>
      <c r="Y62" s="398" t="s">
        <v>275</v>
      </c>
      <c r="Z62" s="1098" t="s">
        <v>1029</v>
      </c>
      <c r="AA62" s="1098"/>
      <c r="AB62" s="1098"/>
      <c r="AC62" s="1098"/>
      <c r="AD62" s="414" t="s">
        <v>0</v>
      </c>
      <c r="AE62" s="413">
        <v>0</v>
      </c>
      <c r="AF62" s="380"/>
    </row>
    <row r="63" spans="2:32" s="376" customFormat="1" ht="7.5" customHeight="1" x14ac:dyDescent="0.15">
      <c r="B63" s="403"/>
      <c r="C63" s="387"/>
      <c r="D63" s="387"/>
      <c r="E63" s="402"/>
      <c r="G63" s="379"/>
      <c r="H63" s="408"/>
      <c r="I63" s="407"/>
      <c r="J63" s="407"/>
      <c r="K63" s="407"/>
      <c r="L63" s="407"/>
      <c r="M63" s="407"/>
      <c r="N63" s="424"/>
      <c r="O63" s="425"/>
      <c r="P63" s="424"/>
      <c r="Q63" s="412"/>
      <c r="R63" s="407"/>
      <c r="S63" s="407"/>
      <c r="T63" s="407"/>
      <c r="U63" s="407"/>
      <c r="V63" s="407"/>
      <c r="W63" s="378"/>
      <c r="X63" s="405"/>
      <c r="Y63" s="378"/>
      <c r="Z63" s="378"/>
      <c r="AA63" s="378"/>
      <c r="AB63" s="378"/>
      <c r="AC63" s="378"/>
      <c r="AD63" s="423"/>
      <c r="AE63" s="422"/>
      <c r="AF63" s="380"/>
    </row>
    <row r="64" spans="2:32" s="376" customFormat="1" ht="21" customHeight="1" x14ac:dyDescent="0.15">
      <c r="B64" s="397"/>
      <c r="C64" s="396"/>
      <c r="D64" s="396"/>
      <c r="E64" s="395"/>
      <c r="G64" s="393" t="s">
        <v>1034</v>
      </c>
      <c r="H64" s="392"/>
      <c r="I64" s="421"/>
      <c r="J64" s="421"/>
      <c r="K64" s="421"/>
      <c r="L64" s="421"/>
      <c r="M64" s="421"/>
      <c r="N64" s="421"/>
      <c r="O64" s="421"/>
      <c r="P64" s="421"/>
      <c r="Q64" s="421"/>
      <c r="R64" s="421"/>
      <c r="S64" s="421"/>
      <c r="T64" s="421"/>
      <c r="U64" s="421"/>
      <c r="V64" s="421"/>
      <c r="W64" s="392"/>
      <c r="X64" s="392"/>
      <c r="Y64" s="392"/>
      <c r="Z64" s="392"/>
      <c r="AA64" s="392"/>
      <c r="AB64" s="392"/>
      <c r="AC64" s="392"/>
      <c r="AD64" s="420"/>
      <c r="AE64" s="419"/>
      <c r="AF64" s="380"/>
    </row>
    <row r="65" spans="2:32" s="376" customFormat="1" ht="48.75" customHeight="1" x14ac:dyDescent="0.15">
      <c r="B65" s="397"/>
      <c r="C65" s="396"/>
      <c r="D65" s="396"/>
      <c r="E65" s="395"/>
      <c r="G65" s="381"/>
      <c r="H65" s="386" t="s">
        <v>279</v>
      </c>
      <c r="I65" s="1100" t="s">
        <v>1033</v>
      </c>
      <c r="J65" s="1100"/>
      <c r="K65" s="1100"/>
      <c r="L65" s="1100"/>
      <c r="M65" s="1100"/>
      <c r="N65" s="418"/>
      <c r="O65" s="417" t="s">
        <v>175</v>
      </c>
      <c r="P65" s="1105" t="s">
        <v>275</v>
      </c>
      <c r="Q65" s="1107" t="s">
        <v>293</v>
      </c>
      <c r="R65" s="1091" t="s">
        <v>1032</v>
      </c>
      <c r="S65" s="1091"/>
      <c r="T65" s="1091"/>
      <c r="U65" s="1091"/>
      <c r="V65" s="1091"/>
      <c r="W65" s="1092"/>
      <c r="X65" s="1095" t="s">
        <v>339</v>
      </c>
      <c r="Y65" s="398" t="s">
        <v>275</v>
      </c>
      <c r="Z65" s="1098" t="s">
        <v>947</v>
      </c>
      <c r="AA65" s="1098"/>
      <c r="AB65" s="1098"/>
      <c r="AC65" s="1098"/>
      <c r="AD65" s="414" t="s">
        <v>0</v>
      </c>
      <c r="AE65" s="413">
        <v>5</v>
      </c>
      <c r="AF65" s="380"/>
    </row>
    <row r="66" spans="2:32" s="376" customFormat="1" ht="19.5" customHeight="1" x14ac:dyDescent="0.15">
      <c r="B66" s="397"/>
      <c r="C66" s="396"/>
      <c r="D66" s="396"/>
      <c r="E66" s="395"/>
      <c r="G66" s="381"/>
      <c r="H66" s="1099" t="s">
        <v>277</v>
      </c>
      <c r="I66" s="1100" t="s">
        <v>1031</v>
      </c>
      <c r="J66" s="1100"/>
      <c r="K66" s="1100"/>
      <c r="L66" s="1100"/>
      <c r="M66" s="1100"/>
      <c r="N66" s="1101"/>
      <c r="O66" s="1103" t="s">
        <v>175</v>
      </c>
      <c r="P66" s="1106"/>
      <c r="Q66" s="1107"/>
      <c r="R66" s="1091"/>
      <c r="S66" s="1091"/>
      <c r="T66" s="1091"/>
      <c r="U66" s="1091"/>
      <c r="V66" s="1091"/>
      <c r="W66" s="1093"/>
      <c r="X66" s="1096"/>
      <c r="Y66" s="415" t="s">
        <v>275</v>
      </c>
      <c r="Z66" s="1098" t="s">
        <v>1030</v>
      </c>
      <c r="AA66" s="1098"/>
      <c r="AB66" s="1098"/>
      <c r="AC66" s="1098"/>
      <c r="AD66" s="414" t="s">
        <v>0</v>
      </c>
      <c r="AE66" s="413">
        <v>3</v>
      </c>
      <c r="AF66" s="380"/>
    </row>
    <row r="67" spans="2:32" s="376" customFormat="1" ht="19.5" customHeight="1" x14ac:dyDescent="0.15">
      <c r="B67" s="397"/>
      <c r="C67" s="396"/>
      <c r="D67" s="396"/>
      <c r="E67" s="395"/>
      <c r="G67" s="381"/>
      <c r="H67" s="1099"/>
      <c r="I67" s="1100"/>
      <c r="J67" s="1100"/>
      <c r="K67" s="1100"/>
      <c r="L67" s="1100"/>
      <c r="M67" s="1100"/>
      <c r="N67" s="1102"/>
      <c r="O67" s="1104"/>
      <c r="P67" s="416"/>
      <c r="Q67" s="1107"/>
      <c r="R67" s="1091"/>
      <c r="S67" s="1091"/>
      <c r="T67" s="1091"/>
      <c r="U67" s="1091"/>
      <c r="V67" s="1091"/>
      <c r="W67" s="1094"/>
      <c r="X67" s="1097"/>
      <c r="Y67" s="415" t="s">
        <v>275</v>
      </c>
      <c r="Z67" s="1098" t="s">
        <v>1029</v>
      </c>
      <c r="AA67" s="1098"/>
      <c r="AB67" s="1098"/>
      <c r="AC67" s="1098"/>
      <c r="AD67" s="414" t="s">
        <v>0</v>
      </c>
      <c r="AE67" s="413">
        <v>0</v>
      </c>
      <c r="AF67" s="380"/>
    </row>
    <row r="68" spans="2:32" s="376" customFormat="1" ht="7.5" customHeight="1" thickBot="1" x14ac:dyDescent="0.2">
      <c r="B68" s="397"/>
      <c r="C68" s="396"/>
      <c r="D68" s="396"/>
      <c r="E68" s="395"/>
      <c r="G68" s="379"/>
      <c r="H68" s="408"/>
      <c r="I68" s="407"/>
      <c r="J68" s="407"/>
      <c r="K68" s="407"/>
      <c r="L68" s="407"/>
      <c r="M68" s="407"/>
      <c r="N68" s="378"/>
      <c r="O68" s="405"/>
      <c r="P68" s="378"/>
      <c r="Q68" s="408"/>
      <c r="R68" s="407"/>
      <c r="S68" s="407"/>
      <c r="T68" s="407"/>
      <c r="U68" s="407"/>
      <c r="V68" s="407"/>
      <c r="W68" s="405"/>
      <c r="X68" s="405"/>
      <c r="Y68" s="405"/>
      <c r="Z68" s="412"/>
      <c r="AA68" s="412"/>
      <c r="AB68" s="378"/>
      <c r="AC68" s="378"/>
      <c r="AD68" s="411"/>
      <c r="AE68" s="410"/>
      <c r="AF68" s="380"/>
    </row>
    <row r="69" spans="2:32" s="376" customFormat="1" ht="24.75" customHeight="1" thickBot="1" x14ac:dyDescent="0.2">
      <c r="B69" s="397"/>
      <c r="C69" s="396"/>
      <c r="D69" s="396"/>
      <c r="E69" s="395"/>
      <c r="H69" s="401"/>
      <c r="I69" s="400"/>
      <c r="J69" s="400"/>
      <c r="K69" s="400"/>
      <c r="L69" s="400"/>
      <c r="M69" s="400"/>
      <c r="O69" s="398"/>
      <c r="Q69" s="401"/>
      <c r="R69" s="400"/>
      <c r="S69" s="400"/>
      <c r="T69" s="400"/>
      <c r="U69" s="400"/>
      <c r="V69" s="400"/>
      <c r="W69" s="398"/>
      <c r="X69" s="398"/>
      <c r="Y69" s="398"/>
      <c r="Z69" s="409"/>
      <c r="AA69" s="409"/>
      <c r="AB69" s="405"/>
      <c r="AC69" s="405"/>
      <c r="AD69" s="1084" t="s">
        <v>284</v>
      </c>
      <c r="AE69" s="1084"/>
      <c r="AF69" s="380"/>
    </row>
    <row r="70" spans="2:32" s="376" customFormat="1" ht="15" customHeight="1" x14ac:dyDescent="0.15">
      <c r="B70" s="381"/>
      <c r="E70" s="380"/>
      <c r="I70" s="1085" t="s">
        <v>1028</v>
      </c>
      <c r="J70" s="1085"/>
      <c r="K70" s="1085"/>
      <c r="L70" s="1085"/>
      <c r="M70" s="1085"/>
      <c r="N70" s="1085"/>
      <c r="O70" s="1085"/>
      <c r="P70" s="1085"/>
      <c r="Q70" s="1085"/>
      <c r="R70" s="1085"/>
      <c r="S70" s="1085"/>
      <c r="T70" s="1085"/>
      <c r="U70" s="1085"/>
      <c r="V70" s="1085"/>
      <c r="W70" s="1085"/>
      <c r="X70" s="1085"/>
      <c r="Y70" s="1085"/>
      <c r="Z70" s="1085"/>
      <c r="AA70" s="1085"/>
      <c r="AB70" s="1085" t="s">
        <v>173</v>
      </c>
      <c r="AC70" s="1086"/>
      <c r="AD70" s="1087"/>
      <c r="AE70" s="1088"/>
      <c r="AF70" s="380"/>
    </row>
    <row r="71" spans="2:32" s="376" customFormat="1" ht="15" customHeight="1" thickBot="1" x14ac:dyDescent="0.2">
      <c r="B71" s="381"/>
      <c r="E71" s="380"/>
      <c r="H71" s="401"/>
      <c r="I71" s="1085"/>
      <c r="J71" s="1085"/>
      <c r="K71" s="1085"/>
      <c r="L71" s="1085"/>
      <c r="M71" s="1085"/>
      <c r="N71" s="1085"/>
      <c r="O71" s="1085"/>
      <c r="P71" s="1085"/>
      <c r="Q71" s="1085"/>
      <c r="R71" s="1085"/>
      <c r="S71" s="1085"/>
      <c r="T71" s="1085"/>
      <c r="U71" s="1085"/>
      <c r="V71" s="1085"/>
      <c r="W71" s="1085"/>
      <c r="X71" s="1085"/>
      <c r="Y71" s="1085"/>
      <c r="Z71" s="1085"/>
      <c r="AA71" s="1085"/>
      <c r="AB71" s="1085"/>
      <c r="AC71" s="1086"/>
      <c r="AD71" s="1089"/>
      <c r="AE71" s="1090"/>
      <c r="AF71" s="380"/>
    </row>
    <row r="72" spans="2:32" s="376" customFormat="1" ht="7.5" customHeight="1" x14ac:dyDescent="0.15">
      <c r="B72" s="379"/>
      <c r="C72" s="378"/>
      <c r="D72" s="378"/>
      <c r="E72" s="377"/>
      <c r="F72" s="378"/>
      <c r="G72" s="378"/>
      <c r="H72" s="408"/>
      <c r="I72" s="408"/>
      <c r="J72" s="408"/>
      <c r="K72" s="378"/>
      <c r="L72" s="407"/>
      <c r="M72" s="407"/>
      <c r="N72" s="405"/>
      <c r="O72" s="405"/>
      <c r="P72" s="405"/>
      <c r="Q72" s="405"/>
      <c r="R72" s="405"/>
      <c r="S72" s="405"/>
      <c r="T72" s="405"/>
      <c r="U72" s="405"/>
      <c r="V72" s="405"/>
      <c r="W72" s="405"/>
      <c r="X72" s="405"/>
      <c r="Y72" s="405"/>
      <c r="Z72" s="405"/>
      <c r="AA72" s="405"/>
      <c r="AB72" s="405"/>
      <c r="AC72" s="405"/>
      <c r="AD72" s="406"/>
      <c r="AE72" s="405"/>
      <c r="AF72" s="377"/>
    </row>
    <row r="73" spans="2:32" s="376" customFormat="1" ht="5.25" customHeight="1" x14ac:dyDescent="0.15"/>
    <row r="74" spans="2:32" s="376" customFormat="1" ht="22.5" customHeight="1" x14ac:dyDescent="0.15">
      <c r="B74" s="393" t="s">
        <v>1027</v>
      </c>
      <c r="C74" s="392"/>
      <c r="D74" s="392"/>
      <c r="E74" s="392"/>
      <c r="F74" s="392"/>
      <c r="G74" s="392"/>
      <c r="H74" s="392"/>
      <c r="I74" s="392"/>
      <c r="J74" s="392"/>
      <c r="K74" s="392"/>
      <c r="L74" s="392"/>
      <c r="M74" s="392"/>
      <c r="N74" s="392"/>
      <c r="O74" s="392"/>
      <c r="P74" s="392"/>
      <c r="Q74" s="392"/>
      <c r="R74" s="392"/>
      <c r="S74" s="392"/>
      <c r="T74" s="392"/>
      <c r="U74" s="392"/>
      <c r="V74" s="392"/>
      <c r="W74" s="392"/>
      <c r="X74" s="392"/>
      <c r="Y74" s="392"/>
      <c r="Z74" s="392"/>
      <c r="AA74" s="392"/>
      <c r="AB74" s="392"/>
      <c r="AC74" s="392"/>
      <c r="AD74" s="392"/>
      <c r="AE74" s="392"/>
      <c r="AF74" s="391"/>
    </row>
    <row r="75" spans="2:32" s="376" customFormat="1" ht="7.5" customHeight="1" x14ac:dyDescent="0.15">
      <c r="B75" s="381"/>
      <c r="C75" s="393"/>
      <c r="D75" s="392"/>
      <c r="E75" s="392"/>
      <c r="F75" s="391"/>
      <c r="G75" s="392"/>
      <c r="H75" s="392"/>
      <c r="I75" s="392"/>
      <c r="J75" s="392"/>
      <c r="K75" s="392"/>
      <c r="L75" s="392"/>
      <c r="M75" s="392"/>
      <c r="N75" s="392"/>
      <c r="O75" s="392"/>
      <c r="P75" s="392"/>
      <c r="Q75" s="392"/>
      <c r="R75" s="392"/>
      <c r="S75" s="392"/>
      <c r="T75" s="392"/>
      <c r="U75" s="392"/>
      <c r="V75" s="392"/>
      <c r="W75" s="392"/>
      <c r="X75" s="392"/>
      <c r="Y75" s="392"/>
      <c r="Z75" s="392"/>
      <c r="AA75" s="392"/>
      <c r="AB75" s="392"/>
      <c r="AC75" s="393"/>
      <c r="AD75" s="392"/>
      <c r="AE75" s="391"/>
      <c r="AF75" s="380"/>
    </row>
    <row r="76" spans="2:32" s="376" customFormat="1" ht="17.25" customHeight="1" x14ac:dyDescent="0.15">
      <c r="B76" s="381"/>
      <c r="C76" s="381"/>
      <c r="F76" s="380"/>
      <c r="J76" s="378"/>
      <c r="K76" s="378"/>
      <c r="L76" s="378"/>
      <c r="M76" s="378"/>
      <c r="N76" s="378"/>
      <c r="O76" s="378"/>
      <c r="P76" s="378"/>
      <c r="Q76" s="378"/>
      <c r="R76" s="378"/>
      <c r="S76" s="378"/>
      <c r="T76" s="378"/>
      <c r="U76" s="378"/>
      <c r="V76" s="378"/>
      <c r="W76" s="378"/>
      <c r="X76" s="378"/>
      <c r="Y76" s="378"/>
      <c r="Z76" s="378"/>
      <c r="AA76" s="378"/>
      <c r="AC76" s="390" t="s">
        <v>227</v>
      </c>
      <c r="AD76" s="389" t="s">
        <v>217</v>
      </c>
      <c r="AE76" s="388" t="s">
        <v>226</v>
      </c>
      <c r="AF76" s="380"/>
    </row>
    <row r="77" spans="2:32" s="376" customFormat="1" ht="27" customHeight="1" x14ac:dyDescent="0.15">
      <c r="B77" s="381"/>
      <c r="C77" s="1080" t="s">
        <v>1026</v>
      </c>
      <c r="D77" s="1078"/>
      <c r="E77" s="1078"/>
      <c r="F77" s="1081"/>
      <c r="G77" s="387"/>
      <c r="H77" s="387"/>
      <c r="J77" s="386" t="s">
        <v>279</v>
      </c>
      <c r="K77" s="1079" t="s">
        <v>1025</v>
      </c>
      <c r="L77" s="1079"/>
      <c r="M77" s="1079"/>
      <c r="N77" s="1079"/>
      <c r="O77" s="1079"/>
      <c r="P77" s="1079"/>
      <c r="Q77" s="1079"/>
      <c r="R77" s="1079"/>
      <c r="S77" s="1079"/>
      <c r="T77" s="1079"/>
      <c r="U77" s="1079"/>
      <c r="V77" s="1079"/>
      <c r="W77" s="1079"/>
      <c r="X77" s="1079"/>
      <c r="Y77" s="1079"/>
      <c r="Z77" s="1079"/>
      <c r="AA77" s="1079"/>
      <c r="AB77" s="385"/>
      <c r="AC77" s="384" t="s">
        <v>0</v>
      </c>
      <c r="AD77" s="383" t="s">
        <v>217</v>
      </c>
      <c r="AE77" s="382" t="s">
        <v>0</v>
      </c>
      <c r="AF77" s="380"/>
    </row>
    <row r="78" spans="2:32" s="376" customFormat="1" ht="27" customHeight="1" x14ac:dyDescent="0.15">
      <c r="B78" s="381"/>
      <c r="C78" s="397"/>
      <c r="D78" s="396"/>
      <c r="E78" s="396"/>
      <c r="F78" s="395"/>
      <c r="G78" s="387"/>
      <c r="H78" s="387"/>
      <c r="J78" s="386" t="s">
        <v>277</v>
      </c>
      <c r="K78" s="1079" t="s">
        <v>1022</v>
      </c>
      <c r="L78" s="1079"/>
      <c r="M78" s="1079"/>
      <c r="N78" s="1079"/>
      <c r="O78" s="1079"/>
      <c r="P78" s="1079"/>
      <c r="Q78" s="1079"/>
      <c r="R78" s="1079"/>
      <c r="S78" s="1079"/>
      <c r="T78" s="1079"/>
      <c r="U78" s="1079"/>
      <c r="V78" s="1079"/>
      <c r="W78" s="1079"/>
      <c r="X78" s="1079"/>
      <c r="Y78" s="1079"/>
      <c r="Z78" s="1079"/>
      <c r="AA78" s="1079"/>
      <c r="AB78" s="385"/>
      <c r="AC78" s="384" t="s">
        <v>0</v>
      </c>
      <c r="AD78" s="383" t="s">
        <v>217</v>
      </c>
      <c r="AE78" s="382" t="s">
        <v>0</v>
      </c>
      <c r="AF78" s="394"/>
    </row>
    <row r="79" spans="2:32" s="376" customFormat="1" ht="27" customHeight="1" x14ac:dyDescent="0.15">
      <c r="B79" s="381"/>
      <c r="C79" s="397"/>
      <c r="D79" s="396"/>
      <c r="E79" s="396"/>
      <c r="F79" s="395"/>
      <c r="G79" s="387"/>
      <c r="H79" s="387"/>
      <c r="J79" s="386" t="s">
        <v>293</v>
      </c>
      <c r="K79" s="1079" t="s">
        <v>1021</v>
      </c>
      <c r="L79" s="1079"/>
      <c r="M79" s="1079"/>
      <c r="N79" s="1079"/>
      <c r="O79" s="1079"/>
      <c r="P79" s="1079"/>
      <c r="Q79" s="1079"/>
      <c r="R79" s="1079"/>
      <c r="S79" s="1079"/>
      <c r="T79" s="1079"/>
      <c r="U79" s="1079"/>
      <c r="V79" s="1079"/>
      <c r="W79" s="1079"/>
      <c r="X79" s="1079"/>
      <c r="Y79" s="1079"/>
      <c r="Z79" s="1079"/>
      <c r="AA79" s="1079"/>
      <c r="AB79" s="385"/>
      <c r="AC79" s="384" t="s">
        <v>0</v>
      </c>
      <c r="AD79" s="383" t="s">
        <v>217</v>
      </c>
      <c r="AE79" s="382" t="s">
        <v>0</v>
      </c>
      <c r="AF79" s="394"/>
    </row>
    <row r="80" spans="2:32" s="376" customFormat="1" ht="26.25" customHeight="1" x14ac:dyDescent="0.15">
      <c r="B80" s="381"/>
      <c r="C80" s="397"/>
      <c r="D80" s="396"/>
      <c r="E80" s="396"/>
      <c r="F80" s="395"/>
      <c r="G80" s="387"/>
      <c r="H80" s="387"/>
      <c r="J80" s="386" t="s">
        <v>513</v>
      </c>
      <c r="K80" s="1079" t="s">
        <v>1020</v>
      </c>
      <c r="L80" s="1079"/>
      <c r="M80" s="1079"/>
      <c r="N80" s="1079"/>
      <c r="O80" s="1079"/>
      <c r="P80" s="1079"/>
      <c r="Q80" s="1079"/>
      <c r="R80" s="1079"/>
      <c r="S80" s="1079"/>
      <c r="T80" s="1079"/>
      <c r="U80" s="1079"/>
      <c r="V80" s="1079"/>
      <c r="W80" s="1079"/>
      <c r="X80" s="1079"/>
      <c r="Y80" s="1079"/>
      <c r="Z80" s="1079"/>
      <c r="AA80" s="1079"/>
      <c r="AB80" s="385"/>
      <c r="AC80" s="384" t="s">
        <v>0</v>
      </c>
      <c r="AD80" s="383" t="s">
        <v>217</v>
      </c>
      <c r="AE80" s="382" t="s">
        <v>0</v>
      </c>
      <c r="AF80" s="394"/>
    </row>
    <row r="81" spans="2:32" s="376" customFormat="1" ht="8.25" customHeight="1" x14ac:dyDescent="0.15">
      <c r="B81" s="381"/>
      <c r="C81" s="379"/>
      <c r="D81" s="378"/>
      <c r="E81" s="378"/>
      <c r="F81" s="377"/>
      <c r="G81" s="378"/>
      <c r="H81" s="378"/>
      <c r="I81" s="378"/>
      <c r="J81" s="378"/>
      <c r="K81" s="378"/>
      <c r="L81" s="378"/>
      <c r="M81" s="378"/>
      <c r="N81" s="378"/>
      <c r="O81" s="378"/>
      <c r="P81" s="378"/>
      <c r="Q81" s="378"/>
      <c r="R81" s="378"/>
      <c r="S81" s="378"/>
      <c r="T81" s="378"/>
      <c r="U81" s="378"/>
      <c r="V81" s="378"/>
      <c r="W81" s="378"/>
      <c r="X81" s="378"/>
      <c r="Y81" s="378"/>
      <c r="Z81" s="378"/>
      <c r="AA81" s="378"/>
      <c r="AB81" s="378"/>
      <c r="AC81" s="379"/>
      <c r="AD81" s="378"/>
      <c r="AE81" s="377"/>
      <c r="AF81" s="380"/>
    </row>
    <row r="82" spans="2:32" s="376" customFormat="1" ht="8.25" customHeight="1" x14ac:dyDescent="0.15">
      <c r="B82" s="381"/>
      <c r="C82" s="393"/>
      <c r="D82" s="392"/>
      <c r="E82" s="392"/>
      <c r="F82" s="391"/>
      <c r="G82" s="392"/>
      <c r="H82" s="392"/>
      <c r="I82" s="392"/>
      <c r="J82" s="392"/>
      <c r="K82" s="392"/>
      <c r="L82" s="392"/>
      <c r="M82" s="392"/>
      <c r="N82" s="392"/>
      <c r="O82" s="392"/>
      <c r="P82" s="392"/>
      <c r="Q82" s="392"/>
      <c r="R82" s="392"/>
      <c r="S82" s="392"/>
      <c r="T82" s="392"/>
      <c r="U82" s="392"/>
      <c r="V82" s="392"/>
      <c r="W82" s="392"/>
      <c r="X82" s="392"/>
      <c r="Y82" s="392"/>
      <c r="Z82" s="392"/>
      <c r="AA82" s="392"/>
      <c r="AB82" s="392"/>
      <c r="AC82" s="393"/>
      <c r="AD82" s="392"/>
      <c r="AE82" s="391"/>
      <c r="AF82" s="380"/>
    </row>
    <row r="83" spans="2:32" s="376" customFormat="1" ht="28.5" customHeight="1" x14ac:dyDescent="0.15">
      <c r="B83" s="381"/>
      <c r="C83" s="381"/>
      <c r="F83" s="380"/>
      <c r="J83" s="378"/>
      <c r="K83" s="378"/>
      <c r="L83" s="404"/>
      <c r="M83" s="378"/>
      <c r="N83" s="378"/>
      <c r="O83" s="378"/>
      <c r="P83" s="378"/>
      <c r="Q83" s="378"/>
      <c r="R83" s="378"/>
      <c r="S83" s="378"/>
      <c r="T83" s="378"/>
      <c r="U83" s="378"/>
      <c r="V83" s="378"/>
      <c r="W83" s="378"/>
      <c r="X83" s="378"/>
      <c r="Y83" s="378"/>
      <c r="Z83" s="378"/>
      <c r="AA83" s="378"/>
      <c r="AC83" s="390" t="s">
        <v>227</v>
      </c>
      <c r="AD83" s="389" t="s">
        <v>217</v>
      </c>
      <c r="AE83" s="388" t="s">
        <v>226</v>
      </c>
      <c r="AF83" s="380"/>
    </row>
    <row r="84" spans="2:32" s="376" customFormat="1" ht="24.75" customHeight="1" x14ac:dyDescent="0.15">
      <c r="B84" s="381"/>
      <c r="C84" s="1080" t="s">
        <v>1024</v>
      </c>
      <c r="D84" s="1078"/>
      <c r="E84" s="1078"/>
      <c r="F84" s="1081"/>
      <c r="G84" s="387"/>
      <c r="H84" s="387"/>
      <c r="J84" s="386" t="s">
        <v>279</v>
      </c>
      <c r="K84" s="1079" t="s">
        <v>1023</v>
      </c>
      <c r="L84" s="1083"/>
      <c r="M84" s="1079"/>
      <c r="N84" s="1079"/>
      <c r="O84" s="1079"/>
      <c r="P84" s="1079"/>
      <c r="Q84" s="1079"/>
      <c r="R84" s="1079"/>
      <c r="S84" s="1079"/>
      <c r="T84" s="1079"/>
      <c r="U84" s="1079"/>
      <c r="V84" s="1079"/>
      <c r="W84" s="1079"/>
      <c r="X84" s="1079"/>
      <c r="Y84" s="1079"/>
      <c r="Z84" s="1079"/>
      <c r="AA84" s="1079"/>
      <c r="AB84" s="385"/>
      <c r="AC84" s="384" t="s">
        <v>0</v>
      </c>
      <c r="AD84" s="383" t="s">
        <v>217</v>
      </c>
      <c r="AE84" s="382" t="s">
        <v>0</v>
      </c>
      <c r="AF84" s="380"/>
    </row>
    <row r="85" spans="2:32" s="376" customFormat="1" ht="24.75" customHeight="1" x14ac:dyDescent="0.15">
      <c r="B85" s="381"/>
      <c r="C85" s="403"/>
      <c r="D85" s="387"/>
      <c r="E85" s="387"/>
      <c r="F85" s="402"/>
      <c r="G85" s="387"/>
      <c r="H85" s="387"/>
      <c r="J85" s="386" t="s">
        <v>277</v>
      </c>
      <c r="K85" s="1079" t="s">
        <v>1022</v>
      </c>
      <c r="L85" s="1079"/>
      <c r="M85" s="1079"/>
      <c r="N85" s="1079"/>
      <c r="O85" s="1079"/>
      <c r="P85" s="1079"/>
      <c r="Q85" s="1079"/>
      <c r="R85" s="1079"/>
      <c r="S85" s="1079"/>
      <c r="T85" s="1079"/>
      <c r="U85" s="1079"/>
      <c r="V85" s="1079"/>
      <c r="W85" s="1079"/>
      <c r="X85" s="1079"/>
      <c r="Y85" s="1079"/>
      <c r="Z85" s="1079"/>
      <c r="AA85" s="1079"/>
      <c r="AB85" s="385"/>
      <c r="AC85" s="384" t="s">
        <v>0</v>
      </c>
      <c r="AD85" s="383" t="s">
        <v>217</v>
      </c>
      <c r="AE85" s="382" t="s">
        <v>0</v>
      </c>
      <c r="AF85" s="380"/>
    </row>
    <row r="86" spans="2:32" s="376" customFormat="1" ht="24.75" customHeight="1" x14ac:dyDescent="0.15">
      <c r="B86" s="381"/>
      <c r="C86" s="403"/>
      <c r="D86" s="387"/>
      <c r="E86" s="387"/>
      <c r="F86" s="402"/>
      <c r="G86" s="387"/>
      <c r="H86" s="387"/>
      <c r="J86" s="386" t="s">
        <v>293</v>
      </c>
      <c r="K86" s="1079" t="s">
        <v>1021</v>
      </c>
      <c r="L86" s="1079"/>
      <c r="M86" s="1079"/>
      <c r="N86" s="1079"/>
      <c r="O86" s="1079"/>
      <c r="P86" s="1079"/>
      <c r="Q86" s="1079"/>
      <c r="R86" s="1079"/>
      <c r="S86" s="1079"/>
      <c r="T86" s="1079"/>
      <c r="U86" s="1079"/>
      <c r="V86" s="1079"/>
      <c r="W86" s="1079"/>
      <c r="X86" s="1079"/>
      <c r="Y86" s="1079"/>
      <c r="Z86" s="1079"/>
      <c r="AA86" s="1079"/>
      <c r="AB86" s="385"/>
      <c r="AC86" s="384" t="s">
        <v>0</v>
      </c>
      <c r="AD86" s="383" t="s">
        <v>217</v>
      </c>
      <c r="AE86" s="382" t="s">
        <v>0</v>
      </c>
      <c r="AF86" s="380"/>
    </row>
    <row r="87" spans="2:32" s="376" customFormat="1" ht="27" customHeight="1" x14ac:dyDescent="0.15">
      <c r="B87" s="381"/>
      <c r="C87" s="403"/>
      <c r="D87" s="387"/>
      <c r="E87" s="387"/>
      <c r="F87" s="402"/>
      <c r="G87" s="387"/>
      <c r="H87" s="387"/>
      <c r="J87" s="386" t="s">
        <v>513</v>
      </c>
      <c r="K87" s="1079" t="s">
        <v>1020</v>
      </c>
      <c r="L87" s="1079"/>
      <c r="M87" s="1079"/>
      <c r="N87" s="1079"/>
      <c r="O87" s="1079"/>
      <c r="P87" s="1079"/>
      <c r="Q87" s="1079"/>
      <c r="R87" s="1079"/>
      <c r="S87" s="1079"/>
      <c r="T87" s="1079"/>
      <c r="U87" s="1079"/>
      <c r="V87" s="1079"/>
      <c r="W87" s="1079"/>
      <c r="X87" s="1079"/>
      <c r="Y87" s="1079"/>
      <c r="Z87" s="1079"/>
      <c r="AA87" s="1079"/>
      <c r="AB87" s="385"/>
      <c r="AC87" s="384" t="s">
        <v>0</v>
      </c>
      <c r="AD87" s="383" t="s">
        <v>217</v>
      </c>
      <c r="AE87" s="382" t="s">
        <v>0</v>
      </c>
      <c r="AF87" s="380"/>
    </row>
    <row r="88" spans="2:32" s="376" customFormat="1" ht="24" customHeight="1" x14ac:dyDescent="0.15">
      <c r="B88" s="381"/>
      <c r="C88" s="403"/>
      <c r="D88" s="387"/>
      <c r="E88" s="387"/>
      <c r="F88" s="402"/>
      <c r="G88" s="387"/>
      <c r="H88" s="387"/>
      <c r="J88" s="386" t="s">
        <v>511</v>
      </c>
      <c r="K88" s="1079" t="s">
        <v>1014</v>
      </c>
      <c r="L88" s="1079"/>
      <c r="M88" s="1079"/>
      <c r="N88" s="1079"/>
      <c r="O88" s="1079"/>
      <c r="P88" s="1079"/>
      <c r="Q88" s="1079"/>
      <c r="R88" s="1079"/>
      <c r="S88" s="1079"/>
      <c r="T88" s="1079"/>
      <c r="U88" s="1079"/>
      <c r="V88" s="1079"/>
      <c r="W88" s="1079"/>
      <c r="X88" s="1079"/>
      <c r="Y88" s="1079"/>
      <c r="Z88" s="1079"/>
      <c r="AA88" s="1079"/>
      <c r="AB88" s="385"/>
      <c r="AC88" s="384" t="s">
        <v>0</v>
      </c>
      <c r="AD88" s="383" t="s">
        <v>217</v>
      </c>
      <c r="AE88" s="382" t="s">
        <v>0</v>
      </c>
      <c r="AF88" s="380"/>
    </row>
    <row r="89" spans="2:32" s="376" customFormat="1" ht="24.75" customHeight="1" x14ac:dyDescent="0.15">
      <c r="B89" s="381"/>
      <c r="C89" s="403"/>
      <c r="D89" s="387"/>
      <c r="E89" s="387"/>
      <c r="F89" s="402"/>
      <c r="G89" s="387"/>
      <c r="H89" s="387"/>
      <c r="J89" s="386" t="s">
        <v>509</v>
      </c>
      <c r="K89" s="1079" t="s">
        <v>1019</v>
      </c>
      <c r="L89" s="1079"/>
      <c r="M89" s="1079"/>
      <c r="N89" s="1079"/>
      <c r="O89" s="1079"/>
      <c r="P89" s="1079"/>
      <c r="Q89" s="1079"/>
      <c r="R89" s="1079"/>
      <c r="S89" s="1079"/>
      <c r="T89" s="1079"/>
      <c r="U89" s="1079"/>
      <c r="V89" s="1079"/>
      <c r="W89" s="1079"/>
      <c r="X89" s="1079"/>
      <c r="Y89" s="1079"/>
      <c r="Z89" s="1079"/>
      <c r="AA89" s="1079"/>
      <c r="AB89" s="385"/>
      <c r="AC89" s="384" t="s">
        <v>0</v>
      </c>
      <c r="AD89" s="383" t="s">
        <v>217</v>
      </c>
      <c r="AE89" s="382" t="s">
        <v>0</v>
      </c>
      <c r="AF89" s="380"/>
    </row>
    <row r="90" spans="2:32" s="376" customFormat="1" ht="8.25" customHeight="1" x14ac:dyDescent="0.15">
      <c r="B90" s="381"/>
      <c r="C90" s="379"/>
      <c r="D90" s="378"/>
      <c r="E90" s="378"/>
      <c r="F90" s="377"/>
      <c r="G90" s="378"/>
      <c r="H90" s="378"/>
      <c r="I90" s="378"/>
      <c r="J90" s="378"/>
      <c r="K90" s="378"/>
      <c r="L90" s="378"/>
      <c r="M90" s="378"/>
      <c r="N90" s="378"/>
      <c r="O90" s="378"/>
      <c r="P90" s="378"/>
      <c r="Q90" s="378"/>
      <c r="R90" s="378"/>
      <c r="S90" s="378"/>
      <c r="T90" s="378"/>
      <c r="U90" s="378"/>
      <c r="V90" s="378"/>
      <c r="W90" s="378"/>
      <c r="X90" s="378"/>
      <c r="Y90" s="378"/>
      <c r="Z90" s="378"/>
      <c r="AA90" s="378"/>
      <c r="AB90" s="378"/>
      <c r="AC90" s="379"/>
      <c r="AD90" s="378"/>
      <c r="AE90" s="377"/>
      <c r="AF90" s="380"/>
    </row>
    <row r="91" spans="2:32" s="376" customFormat="1" ht="8.25" customHeight="1" x14ac:dyDescent="0.15">
      <c r="B91" s="381"/>
      <c r="H91" s="401"/>
      <c r="I91" s="401"/>
      <c r="J91" s="401"/>
      <c r="L91" s="400"/>
      <c r="M91" s="400"/>
      <c r="N91" s="398"/>
      <c r="O91" s="398"/>
      <c r="P91" s="398"/>
      <c r="Q91" s="398"/>
      <c r="R91" s="398"/>
      <c r="S91" s="398"/>
      <c r="T91" s="398"/>
      <c r="U91" s="398"/>
      <c r="V91" s="398"/>
      <c r="W91" s="398"/>
      <c r="X91" s="398"/>
      <c r="Y91" s="398"/>
      <c r="Z91" s="398"/>
      <c r="AA91" s="398"/>
      <c r="AB91" s="398"/>
      <c r="AC91" s="398"/>
      <c r="AD91" s="399"/>
      <c r="AE91" s="398"/>
      <c r="AF91" s="380"/>
    </row>
    <row r="92" spans="2:32" s="376" customFormat="1" ht="27" customHeight="1" x14ac:dyDescent="0.15">
      <c r="B92" s="381" t="s">
        <v>1018</v>
      </c>
      <c r="AF92" s="380"/>
    </row>
    <row r="93" spans="2:32" s="376" customFormat="1" ht="22.5" customHeight="1" x14ac:dyDescent="0.15">
      <c r="B93" s="381"/>
      <c r="C93" s="393"/>
      <c r="D93" s="392"/>
      <c r="E93" s="392"/>
      <c r="F93" s="391"/>
      <c r="G93" s="392"/>
      <c r="H93" s="392"/>
      <c r="I93" s="392"/>
      <c r="J93" s="392"/>
      <c r="K93" s="392"/>
      <c r="L93" s="392"/>
      <c r="M93" s="392"/>
      <c r="N93" s="392"/>
      <c r="O93" s="392"/>
      <c r="P93" s="392"/>
      <c r="Q93" s="392"/>
      <c r="R93" s="392"/>
      <c r="S93" s="392"/>
      <c r="T93" s="392"/>
      <c r="U93" s="392"/>
      <c r="V93" s="392"/>
      <c r="W93" s="392"/>
      <c r="X93" s="392"/>
      <c r="Y93" s="392"/>
      <c r="Z93" s="392"/>
      <c r="AA93" s="392"/>
      <c r="AB93" s="392"/>
      <c r="AC93" s="393"/>
      <c r="AD93" s="392"/>
      <c r="AE93" s="391"/>
      <c r="AF93" s="380"/>
    </row>
    <row r="94" spans="2:32" s="376" customFormat="1" ht="25.5" customHeight="1" x14ac:dyDescent="0.15">
      <c r="B94" s="381"/>
      <c r="C94" s="381"/>
      <c r="F94" s="380"/>
      <c r="J94" s="378"/>
      <c r="K94" s="378"/>
      <c r="L94" s="378"/>
      <c r="M94" s="378"/>
      <c r="N94" s="378"/>
      <c r="O94" s="378"/>
      <c r="P94" s="378"/>
      <c r="Q94" s="378"/>
      <c r="R94" s="378"/>
      <c r="S94" s="378"/>
      <c r="T94" s="378"/>
      <c r="U94" s="378"/>
      <c r="V94" s="378"/>
      <c r="W94" s="378"/>
      <c r="X94" s="378"/>
      <c r="Y94" s="378"/>
      <c r="Z94" s="378"/>
      <c r="AA94" s="378"/>
      <c r="AC94" s="390" t="s">
        <v>227</v>
      </c>
      <c r="AD94" s="389" t="s">
        <v>217</v>
      </c>
      <c r="AE94" s="388" t="s">
        <v>226</v>
      </c>
      <c r="AF94" s="380"/>
    </row>
    <row r="95" spans="2:32" s="376" customFormat="1" ht="24.75" customHeight="1" x14ac:dyDescent="0.15">
      <c r="B95" s="381"/>
      <c r="C95" s="1080" t="s">
        <v>1017</v>
      </c>
      <c r="D95" s="1078"/>
      <c r="E95" s="1078"/>
      <c r="F95" s="1081"/>
      <c r="J95" s="386" t="s">
        <v>279</v>
      </c>
      <c r="K95" s="1079" t="s">
        <v>1016</v>
      </c>
      <c r="L95" s="1079"/>
      <c r="M95" s="1079"/>
      <c r="N95" s="1079"/>
      <c r="O95" s="1079"/>
      <c r="P95" s="1079"/>
      <c r="Q95" s="1079"/>
      <c r="R95" s="1079"/>
      <c r="S95" s="1079"/>
      <c r="T95" s="1079"/>
      <c r="U95" s="1079"/>
      <c r="V95" s="1079"/>
      <c r="W95" s="1079"/>
      <c r="X95" s="1079"/>
      <c r="Y95" s="1079"/>
      <c r="Z95" s="1079"/>
      <c r="AA95" s="1079"/>
      <c r="AC95" s="384" t="s">
        <v>0</v>
      </c>
      <c r="AD95" s="383" t="s">
        <v>217</v>
      </c>
      <c r="AE95" s="382" t="s">
        <v>0</v>
      </c>
      <c r="AF95" s="380"/>
    </row>
    <row r="96" spans="2:32" s="376" customFormat="1" ht="24" customHeight="1" x14ac:dyDescent="0.15">
      <c r="B96" s="381"/>
      <c r="C96" s="1080"/>
      <c r="D96" s="1078"/>
      <c r="E96" s="1078"/>
      <c r="F96" s="1081"/>
      <c r="G96" s="387"/>
      <c r="H96" s="387"/>
      <c r="J96" s="386" t="s">
        <v>277</v>
      </c>
      <c r="K96" s="1079" t="s">
        <v>1015</v>
      </c>
      <c r="L96" s="1079"/>
      <c r="M96" s="1079"/>
      <c r="N96" s="1079"/>
      <c r="O96" s="1079"/>
      <c r="P96" s="1079"/>
      <c r="Q96" s="1079"/>
      <c r="R96" s="1079"/>
      <c r="S96" s="1079"/>
      <c r="T96" s="1079"/>
      <c r="U96" s="1079"/>
      <c r="V96" s="1079"/>
      <c r="W96" s="1079"/>
      <c r="X96" s="1079"/>
      <c r="Y96" s="1079"/>
      <c r="Z96" s="1079"/>
      <c r="AA96" s="1079"/>
      <c r="AB96" s="385"/>
      <c r="AC96" s="384" t="s">
        <v>0</v>
      </c>
      <c r="AD96" s="383" t="s">
        <v>217</v>
      </c>
      <c r="AE96" s="382" t="s">
        <v>0</v>
      </c>
      <c r="AF96" s="380"/>
    </row>
    <row r="97" spans="1:32" s="376" customFormat="1" ht="24" customHeight="1" x14ac:dyDescent="0.15">
      <c r="B97" s="381"/>
      <c r="C97" s="397"/>
      <c r="D97" s="396"/>
      <c r="E97" s="396"/>
      <c r="F97" s="395"/>
      <c r="G97" s="387"/>
      <c r="H97" s="387"/>
      <c r="J97" s="386" t="s">
        <v>293</v>
      </c>
      <c r="K97" s="1079" t="s">
        <v>1014</v>
      </c>
      <c r="L97" s="1079"/>
      <c r="M97" s="1079"/>
      <c r="N97" s="1079"/>
      <c r="O97" s="1079"/>
      <c r="P97" s="1079"/>
      <c r="Q97" s="1079"/>
      <c r="R97" s="1079"/>
      <c r="S97" s="1079"/>
      <c r="T97" s="1079"/>
      <c r="U97" s="1079"/>
      <c r="V97" s="1079"/>
      <c r="W97" s="1079"/>
      <c r="X97" s="1079"/>
      <c r="Y97" s="1079"/>
      <c r="Z97" s="1079"/>
      <c r="AA97" s="1079"/>
      <c r="AB97" s="385"/>
      <c r="AC97" s="384" t="s">
        <v>0</v>
      </c>
      <c r="AD97" s="383" t="s">
        <v>217</v>
      </c>
      <c r="AE97" s="382" t="s">
        <v>0</v>
      </c>
      <c r="AF97" s="394"/>
    </row>
    <row r="98" spans="1:32" s="376" customFormat="1" ht="9" customHeight="1" x14ac:dyDescent="0.15">
      <c r="B98" s="381"/>
      <c r="C98" s="379"/>
      <c r="D98" s="378"/>
      <c r="E98" s="378"/>
      <c r="F98" s="377"/>
      <c r="G98" s="378"/>
      <c r="H98" s="378"/>
      <c r="I98" s="378"/>
      <c r="J98" s="378"/>
      <c r="K98" s="378"/>
      <c r="L98" s="378"/>
      <c r="M98" s="378"/>
      <c r="N98" s="378"/>
      <c r="O98" s="378"/>
      <c r="P98" s="378"/>
      <c r="Q98" s="378"/>
      <c r="R98" s="378"/>
      <c r="S98" s="378"/>
      <c r="T98" s="378"/>
      <c r="U98" s="378"/>
      <c r="V98" s="378"/>
      <c r="W98" s="378"/>
      <c r="X98" s="378"/>
      <c r="Y98" s="378"/>
      <c r="Z98" s="378"/>
      <c r="AA98" s="378"/>
      <c r="AB98" s="378"/>
      <c r="AC98" s="379"/>
      <c r="AD98" s="378"/>
      <c r="AE98" s="377"/>
      <c r="AF98" s="380"/>
    </row>
    <row r="99" spans="1:32" s="376" customFormat="1" ht="9" customHeight="1" x14ac:dyDescent="0.15">
      <c r="B99" s="381"/>
      <c r="C99" s="393"/>
      <c r="D99" s="392"/>
      <c r="E99" s="392"/>
      <c r="F99" s="391"/>
      <c r="G99" s="392"/>
      <c r="H99" s="392"/>
      <c r="I99" s="392"/>
      <c r="J99" s="392"/>
      <c r="K99" s="392"/>
      <c r="L99" s="392"/>
      <c r="M99" s="392"/>
      <c r="N99" s="392"/>
      <c r="O99" s="392"/>
      <c r="P99" s="392"/>
      <c r="Q99" s="392"/>
      <c r="R99" s="392"/>
      <c r="S99" s="392"/>
      <c r="T99" s="392"/>
      <c r="U99" s="392"/>
      <c r="V99" s="392"/>
      <c r="W99" s="392"/>
      <c r="X99" s="392"/>
      <c r="Y99" s="392"/>
      <c r="Z99" s="392"/>
      <c r="AA99" s="392"/>
      <c r="AB99" s="392"/>
      <c r="AC99" s="393"/>
      <c r="AD99" s="392"/>
      <c r="AE99" s="391"/>
      <c r="AF99" s="380"/>
    </row>
    <row r="100" spans="1:32" s="376" customFormat="1" ht="24.75" customHeight="1" x14ac:dyDescent="0.15">
      <c r="B100" s="381"/>
      <c r="C100" s="381"/>
      <c r="F100" s="380"/>
      <c r="J100" s="378"/>
      <c r="K100" s="378"/>
      <c r="L100" s="378"/>
      <c r="M100" s="378"/>
      <c r="N100" s="378"/>
      <c r="O100" s="378"/>
      <c r="P100" s="378"/>
      <c r="Q100" s="378"/>
      <c r="R100" s="378"/>
      <c r="S100" s="378"/>
      <c r="T100" s="378"/>
      <c r="U100" s="378"/>
      <c r="V100" s="378"/>
      <c r="W100" s="378"/>
      <c r="X100" s="378"/>
      <c r="Y100" s="378"/>
      <c r="Z100" s="378"/>
      <c r="AA100" s="378"/>
      <c r="AC100" s="390" t="s">
        <v>227</v>
      </c>
      <c r="AD100" s="389" t="s">
        <v>217</v>
      </c>
      <c r="AE100" s="388" t="s">
        <v>226</v>
      </c>
      <c r="AF100" s="380"/>
    </row>
    <row r="101" spans="1:32" s="376" customFormat="1" ht="36.75" customHeight="1" x14ac:dyDescent="0.15">
      <c r="B101" s="381"/>
      <c r="C101" s="1080" t="s">
        <v>1013</v>
      </c>
      <c r="D101" s="1078"/>
      <c r="E101" s="1078"/>
      <c r="F101" s="1081"/>
      <c r="J101" s="386" t="s">
        <v>279</v>
      </c>
      <c r="K101" s="1079" t="s">
        <v>1012</v>
      </c>
      <c r="L101" s="1079"/>
      <c r="M101" s="1079"/>
      <c r="N101" s="1079"/>
      <c r="O101" s="1079"/>
      <c r="P101" s="1079"/>
      <c r="Q101" s="1079"/>
      <c r="R101" s="1079"/>
      <c r="S101" s="1079"/>
      <c r="T101" s="1079"/>
      <c r="U101" s="1079"/>
      <c r="V101" s="1079"/>
      <c r="W101" s="1079"/>
      <c r="X101" s="1079"/>
      <c r="Y101" s="1079"/>
      <c r="Z101" s="1079"/>
      <c r="AA101" s="1079"/>
      <c r="AC101" s="384" t="s">
        <v>0</v>
      </c>
      <c r="AD101" s="383" t="s">
        <v>217</v>
      </c>
      <c r="AE101" s="382" t="s">
        <v>0</v>
      </c>
      <c r="AF101" s="380"/>
    </row>
    <row r="102" spans="1:32" s="376" customFormat="1" ht="36.75" customHeight="1" x14ac:dyDescent="0.15">
      <c r="B102" s="381"/>
      <c r="C102" s="1080"/>
      <c r="D102" s="1078"/>
      <c r="E102" s="1078"/>
      <c r="F102" s="1081"/>
      <c r="G102" s="387"/>
      <c r="H102" s="387"/>
      <c r="J102" s="386" t="s">
        <v>277</v>
      </c>
      <c r="K102" s="1079" t="s">
        <v>1011</v>
      </c>
      <c r="L102" s="1079"/>
      <c r="M102" s="1079"/>
      <c r="N102" s="1079"/>
      <c r="O102" s="1079"/>
      <c r="P102" s="1079"/>
      <c r="Q102" s="1079"/>
      <c r="R102" s="1079"/>
      <c r="S102" s="1079"/>
      <c r="T102" s="1079"/>
      <c r="U102" s="1079"/>
      <c r="V102" s="1079"/>
      <c r="W102" s="1079"/>
      <c r="X102" s="1079"/>
      <c r="Y102" s="1079"/>
      <c r="Z102" s="1079"/>
      <c r="AA102" s="1079"/>
      <c r="AB102" s="385"/>
      <c r="AC102" s="384" t="s">
        <v>0</v>
      </c>
      <c r="AD102" s="383" t="s">
        <v>217</v>
      </c>
      <c r="AE102" s="382" t="s">
        <v>0</v>
      </c>
      <c r="AF102" s="380"/>
    </row>
    <row r="103" spans="1:32" s="376" customFormat="1" ht="7.5" customHeight="1" x14ac:dyDescent="0.15">
      <c r="B103" s="381"/>
      <c r="C103" s="379"/>
      <c r="D103" s="378"/>
      <c r="E103" s="378"/>
      <c r="F103" s="377"/>
      <c r="G103" s="378"/>
      <c r="H103" s="378"/>
      <c r="I103" s="378"/>
      <c r="J103" s="378"/>
      <c r="K103" s="378"/>
      <c r="L103" s="378"/>
      <c r="M103" s="378"/>
      <c r="N103" s="378"/>
      <c r="O103" s="378"/>
      <c r="P103" s="378"/>
      <c r="Q103" s="378"/>
      <c r="R103" s="378"/>
      <c r="S103" s="378"/>
      <c r="T103" s="378"/>
      <c r="U103" s="378"/>
      <c r="V103" s="378"/>
      <c r="W103" s="378"/>
      <c r="X103" s="378"/>
      <c r="Y103" s="378"/>
      <c r="Z103" s="378"/>
      <c r="AA103" s="378"/>
      <c r="AB103" s="378"/>
      <c r="AC103" s="379"/>
      <c r="AD103" s="378"/>
      <c r="AE103" s="377"/>
      <c r="AF103" s="380"/>
    </row>
    <row r="104" spans="1:32" s="375" customFormat="1" ht="24.75" customHeight="1" x14ac:dyDescent="0.15">
      <c r="A104" s="376"/>
      <c r="B104" s="379"/>
      <c r="C104" s="378"/>
      <c r="D104" s="378"/>
      <c r="E104" s="378"/>
      <c r="F104" s="378"/>
      <c r="G104" s="378"/>
      <c r="H104" s="378"/>
      <c r="I104" s="378"/>
      <c r="J104" s="378"/>
      <c r="K104" s="378"/>
      <c r="L104" s="378"/>
      <c r="M104" s="378"/>
      <c r="N104" s="378"/>
      <c r="O104" s="378"/>
      <c r="P104" s="378"/>
      <c r="Q104" s="378"/>
      <c r="R104" s="378"/>
      <c r="S104" s="378"/>
      <c r="T104" s="378"/>
      <c r="U104" s="378"/>
      <c r="V104" s="378"/>
      <c r="W104" s="378"/>
      <c r="X104" s="378"/>
      <c r="Y104" s="378"/>
      <c r="Z104" s="378"/>
      <c r="AA104" s="378"/>
      <c r="AB104" s="378"/>
      <c r="AC104" s="378"/>
      <c r="AD104" s="378"/>
      <c r="AE104" s="378"/>
      <c r="AF104" s="377"/>
    </row>
    <row r="105" spans="1:32" s="375" customFormat="1" ht="8.25" customHeight="1" x14ac:dyDescent="0.15">
      <c r="A105" s="376"/>
      <c r="B105" s="376"/>
      <c r="C105" s="376"/>
      <c r="D105" s="376"/>
      <c r="E105" s="376"/>
      <c r="F105" s="376"/>
      <c r="G105" s="376"/>
      <c r="H105" s="376"/>
      <c r="I105" s="376"/>
      <c r="J105" s="376"/>
      <c r="K105" s="376"/>
      <c r="L105" s="376"/>
      <c r="M105" s="376"/>
      <c r="N105" s="376"/>
      <c r="O105" s="376"/>
      <c r="P105" s="376"/>
      <c r="Q105" s="376"/>
      <c r="R105" s="376"/>
      <c r="S105" s="376"/>
      <c r="T105" s="376"/>
      <c r="U105" s="376"/>
      <c r="V105" s="376"/>
      <c r="W105" s="376"/>
      <c r="X105" s="376"/>
      <c r="Y105" s="376"/>
      <c r="Z105" s="376"/>
      <c r="AA105" s="376"/>
      <c r="AB105" s="376"/>
      <c r="AC105" s="376"/>
      <c r="AD105" s="376"/>
      <c r="AE105" s="376"/>
      <c r="AF105" s="376"/>
    </row>
    <row r="106" spans="1:32" s="374" customFormat="1" ht="409.5" customHeight="1" x14ac:dyDescent="0.15">
      <c r="A106" s="375"/>
      <c r="B106" s="1082" t="s">
        <v>1010</v>
      </c>
      <c r="C106" s="1082"/>
      <c r="D106" s="1082"/>
      <c r="E106" s="1082"/>
      <c r="F106" s="1082"/>
      <c r="G106" s="1082"/>
      <c r="H106" s="1082"/>
      <c r="I106" s="1082"/>
      <c r="J106" s="1082"/>
      <c r="K106" s="1082"/>
      <c r="L106" s="1082"/>
      <c r="M106" s="1082"/>
      <c r="N106" s="1082"/>
      <c r="O106" s="1082"/>
      <c r="P106" s="1082"/>
      <c r="Q106" s="1082"/>
      <c r="R106" s="1082"/>
      <c r="S106" s="1082"/>
      <c r="T106" s="1082"/>
      <c r="U106" s="1082"/>
      <c r="V106" s="1082"/>
      <c r="W106" s="1082"/>
      <c r="X106" s="1082"/>
      <c r="Y106" s="1082"/>
      <c r="Z106" s="1082"/>
      <c r="AA106" s="1082"/>
      <c r="AB106" s="1082"/>
      <c r="AC106" s="1082"/>
      <c r="AD106" s="1082"/>
      <c r="AE106" s="1082"/>
      <c r="AF106" s="375"/>
    </row>
    <row r="107" spans="1:32" ht="163.5" customHeight="1" x14ac:dyDescent="0.15">
      <c r="A107" s="375"/>
      <c r="B107" s="1082" t="s">
        <v>1009</v>
      </c>
      <c r="C107" s="1082"/>
      <c r="D107" s="1082"/>
      <c r="E107" s="1082"/>
      <c r="F107" s="1082"/>
      <c r="G107" s="1082"/>
      <c r="H107" s="1082"/>
      <c r="I107" s="1082"/>
      <c r="J107" s="1082"/>
      <c r="K107" s="1082"/>
      <c r="L107" s="1082"/>
      <c r="M107" s="1082"/>
      <c r="N107" s="1082"/>
      <c r="O107" s="1082"/>
      <c r="P107" s="1082"/>
      <c r="Q107" s="1082"/>
      <c r="R107" s="1082"/>
      <c r="S107" s="1082"/>
      <c r="T107" s="1082"/>
      <c r="U107" s="1082"/>
      <c r="V107" s="1082"/>
      <c r="W107" s="1082"/>
      <c r="X107" s="1082"/>
      <c r="Y107" s="1082"/>
      <c r="Z107" s="1082"/>
      <c r="AA107" s="1082"/>
      <c r="AB107" s="1082"/>
      <c r="AC107" s="1082"/>
      <c r="AD107" s="1082"/>
      <c r="AE107" s="1082"/>
      <c r="AF107" s="375"/>
    </row>
    <row r="108" spans="1:32" ht="33.75" customHeight="1" x14ac:dyDescent="0.15">
      <c r="A108" s="374"/>
      <c r="B108" s="1078" t="s">
        <v>1008</v>
      </c>
      <c r="C108" s="1078"/>
      <c r="D108" s="1078"/>
      <c r="E108" s="1078"/>
      <c r="F108" s="1078"/>
      <c r="G108" s="1078"/>
      <c r="H108" s="1078"/>
      <c r="I108" s="1078"/>
      <c r="J108" s="1078"/>
      <c r="K108" s="1078"/>
      <c r="L108" s="1078"/>
      <c r="M108" s="1078"/>
      <c r="N108" s="1078"/>
      <c r="O108" s="1078"/>
      <c r="P108" s="1078"/>
      <c r="Q108" s="1078"/>
      <c r="R108" s="1078"/>
      <c r="S108" s="1078"/>
      <c r="T108" s="1078"/>
      <c r="U108" s="1078"/>
      <c r="V108" s="1078"/>
      <c r="W108" s="1078"/>
      <c r="X108" s="1078"/>
      <c r="Y108" s="1078"/>
      <c r="Z108" s="1078"/>
      <c r="AA108" s="1078"/>
      <c r="AB108" s="1078"/>
      <c r="AC108" s="1078"/>
      <c r="AD108" s="1078"/>
      <c r="AE108" s="1078"/>
      <c r="AF108" s="374"/>
    </row>
  </sheetData>
  <mergeCells count="155">
    <mergeCell ref="B9:E9"/>
    <mergeCell ref="B10:E11"/>
    <mergeCell ref="B14:E16"/>
    <mergeCell ref="AD14:AE15"/>
    <mergeCell ref="X3:Y3"/>
    <mergeCell ref="AA3:AB3"/>
    <mergeCell ref="B5:AD5"/>
    <mergeCell ref="B7:E7"/>
    <mergeCell ref="F7:AF7"/>
    <mergeCell ref="B8:E8"/>
    <mergeCell ref="Z17:AC17"/>
    <mergeCell ref="I18:M18"/>
    <mergeCell ref="Z18:AC18"/>
    <mergeCell ref="I19:M19"/>
    <mergeCell ref="Z19:AC19"/>
    <mergeCell ref="I22:M22"/>
    <mergeCell ref="P22:P24"/>
    <mergeCell ref="Q22:Q24"/>
    <mergeCell ref="R22:V24"/>
    <mergeCell ref="W22:W24"/>
    <mergeCell ref="X22:X24"/>
    <mergeCell ref="Z22:AC22"/>
    <mergeCell ref="I23:M23"/>
    <mergeCell ref="Z23:AC23"/>
    <mergeCell ref="I24:M24"/>
    <mergeCell ref="Z24:AC24"/>
    <mergeCell ref="I17:M17"/>
    <mergeCell ref="P17:P19"/>
    <mergeCell ref="Q17:Q19"/>
    <mergeCell ref="R17:V19"/>
    <mergeCell ref="W17:W19"/>
    <mergeCell ref="X17:X19"/>
    <mergeCell ref="Z27:AC27"/>
    <mergeCell ref="Z28:AC28"/>
    <mergeCell ref="I29:M29"/>
    <mergeCell ref="Z29:AC29"/>
    <mergeCell ref="I34:M34"/>
    <mergeCell ref="Z34:AC34"/>
    <mergeCell ref="H32:H33"/>
    <mergeCell ref="I32:M33"/>
    <mergeCell ref="N32:N33"/>
    <mergeCell ref="O32:O33"/>
    <mergeCell ref="P32:P34"/>
    <mergeCell ref="Q32:Q34"/>
    <mergeCell ref="H27:H28"/>
    <mergeCell ref="I27:M28"/>
    <mergeCell ref="N27:N28"/>
    <mergeCell ref="O27:O28"/>
    <mergeCell ref="P27:P28"/>
    <mergeCell ref="Q27:Q29"/>
    <mergeCell ref="R27:V29"/>
    <mergeCell ref="W27:W29"/>
    <mergeCell ref="X27:X29"/>
    <mergeCell ref="Z40:AB40"/>
    <mergeCell ref="R32:V34"/>
    <mergeCell ref="W32:W34"/>
    <mergeCell ref="X32:X34"/>
    <mergeCell ref="Z32:AC32"/>
    <mergeCell ref="Z33:AC33"/>
    <mergeCell ref="Z45:AA45"/>
    <mergeCell ref="I46:M46"/>
    <mergeCell ref="Z46:AB46"/>
    <mergeCell ref="H37:H40"/>
    <mergeCell ref="I37:U40"/>
    <mergeCell ref="V37:V40"/>
    <mergeCell ref="W37:X40"/>
    <mergeCell ref="Z37:AA37"/>
    <mergeCell ref="Z38:AC38"/>
    <mergeCell ref="Z39:AC39"/>
    <mergeCell ref="Z55:AC55"/>
    <mergeCell ref="I43:M43"/>
    <mergeCell ref="P43:P46"/>
    <mergeCell ref="Q43:Q46"/>
    <mergeCell ref="R43:V46"/>
    <mergeCell ref="W43:X46"/>
    <mergeCell ref="Z43:AC43"/>
    <mergeCell ref="I44:M44"/>
    <mergeCell ref="Z44:AC44"/>
    <mergeCell ref="I45:M45"/>
    <mergeCell ref="I49:M49"/>
    <mergeCell ref="P49:P52"/>
    <mergeCell ref="Q49:Q52"/>
    <mergeCell ref="R49:V52"/>
    <mergeCell ref="W49:X52"/>
    <mergeCell ref="Z49:AC49"/>
    <mergeCell ref="I50:M50"/>
    <mergeCell ref="Z50:AC50"/>
    <mergeCell ref="I51:M51"/>
    <mergeCell ref="Z51:AC51"/>
    <mergeCell ref="I52:M52"/>
    <mergeCell ref="Z52:AA52"/>
    <mergeCell ref="I55:M55"/>
    <mergeCell ref="P55:P56"/>
    <mergeCell ref="Q55:Q57"/>
    <mergeCell ref="R55:V57"/>
    <mergeCell ref="W55:W57"/>
    <mergeCell ref="X55:X57"/>
    <mergeCell ref="H56:H57"/>
    <mergeCell ref="I56:M57"/>
    <mergeCell ref="N56:N57"/>
    <mergeCell ref="O56:O57"/>
    <mergeCell ref="Z56:AC56"/>
    <mergeCell ref="Z57:AC57"/>
    <mergeCell ref="I60:M60"/>
    <mergeCell ref="P60:P61"/>
    <mergeCell ref="Q60:Q62"/>
    <mergeCell ref="R60:V62"/>
    <mergeCell ref="W60:W62"/>
    <mergeCell ref="X60:X62"/>
    <mergeCell ref="R65:V67"/>
    <mergeCell ref="W65:W67"/>
    <mergeCell ref="X65:X67"/>
    <mergeCell ref="Z60:AC60"/>
    <mergeCell ref="H61:H62"/>
    <mergeCell ref="I61:M62"/>
    <mergeCell ref="N61:N62"/>
    <mergeCell ref="O61:O62"/>
    <mergeCell ref="Z61:AC61"/>
    <mergeCell ref="Z62:AC62"/>
    <mergeCell ref="Z65:AC65"/>
    <mergeCell ref="H66:H67"/>
    <mergeCell ref="I66:M67"/>
    <mergeCell ref="N66:N67"/>
    <mergeCell ref="O66:O67"/>
    <mergeCell ref="Z66:AC66"/>
    <mergeCell ref="Z67:AC67"/>
    <mergeCell ref="I65:M65"/>
    <mergeCell ref="P65:P66"/>
    <mergeCell ref="Q65:Q67"/>
    <mergeCell ref="AD69:AE69"/>
    <mergeCell ref="I70:AA71"/>
    <mergeCell ref="AB70:AC71"/>
    <mergeCell ref="AD70:AE71"/>
    <mergeCell ref="C77:F77"/>
    <mergeCell ref="K77:AA77"/>
    <mergeCell ref="K78:AA78"/>
    <mergeCell ref="K79:AA79"/>
    <mergeCell ref="K80:AA80"/>
    <mergeCell ref="B108:AE108"/>
    <mergeCell ref="K97:AA97"/>
    <mergeCell ref="C101:F102"/>
    <mergeCell ref="K101:AA101"/>
    <mergeCell ref="K102:AA102"/>
    <mergeCell ref="B106:AE106"/>
    <mergeCell ref="B107:AE107"/>
    <mergeCell ref="C84:F84"/>
    <mergeCell ref="K84:AA84"/>
    <mergeCell ref="K85:AA85"/>
    <mergeCell ref="K86:AA86"/>
    <mergeCell ref="K87:AA87"/>
    <mergeCell ref="K88:AA88"/>
    <mergeCell ref="K89:AA89"/>
    <mergeCell ref="C95:F96"/>
    <mergeCell ref="K95:AA95"/>
    <mergeCell ref="K96:AA96"/>
  </mergeCells>
  <phoneticPr fontId="2"/>
  <printOptions horizontalCentered="1"/>
  <pageMargins left="0.70866141732283472" right="0.39370078740157483" top="0.51181102362204722" bottom="0.35433070866141736" header="0.31496062992125984" footer="0.31496062992125984"/>
  <pageSetup paperSize="9" scale="52" fitToHeight="0" orientation="portrait" r:id="rId1"/>
  <rowBreaks count="1" manualBreakCount="1">
    <brk id="73" max="32" man="1"/>
  </rowBreaks>
  <extLst>
    <ext xmlns:x14="http://schemas.microsoft.com/office/spreadsheetml/2009/9/main" uri="{CCE6A557-97BC-4b89-ADB6-D9C93CAAB3DF}">
      <x14:dataValidations xmlns:xm="http://schemas.microsoft.com/office/excel/2006/main" count="1">
        <x14:dataValidation type="list" allowBlank="1" showInputMessage="1" showErrorMessage="1">
          <x14:formula1>
            <xm:f>"□,■"</xm:f>
          </x14:formula1>
          <xm:sqref>H8:H11 JD8:JD11 SZ8:SZ11 ACV8:ACV11 AMR8:AMR11 AWN8:AWN11 BGJ8:BGJ11 BQF8:BQF11 CAB8:CAB11 CJX8:CJX11 CTT8:CTT11 DDP8:DDP11 DNL8:DNL11 DXH8:DXH11 EHD8:EHD11 EQZ8:EQZ11 FAV8:FAV11 FKR8:FKR11 FUN8:FUN11 GEJ8:GEJ11 GOF8:GOF11 GYB8:GYB11 HHX8:HHX11 HRT8:HRT11 IBP8:IBP11 ILL8:ILL11 IVH8:IVH11 JFD8:JFD11 JOZ8:JOZ11 JYV8:JYV11 KIR8:KIR11 KSN8:KSN11 LCJ8:LCJ11 LMF8:LMF11 LWB8:LWB11 MFX8:MFX11 MPT8:MPT11 MZP8:MZP11 NJL8:NJL11 NTH8:NTH11 ODD8:ODD11 OMZ8:OMZ11 OWV8:OWV11 PGR8:PGR11 PQN8:PQN11 QAJ8:QAJ11 QKF8:QKF11 QUB8:QUB11 RDX8:RDX11 RNT8:RNT11 RXP8:RXP11 SHL8:SHL11 SRH8:SRH11 TBD8:TBD11 TKZ8:TKZ11 TUV8:TUV11 UER8:UER11 UON8:UON11 UYJ8:UYJ11 VIF8:VIF11 VSB8:VSB11 WBX8:WBX11 WLT8:WLT11 WVP8:WVP11 H65544:H65547 JD65544:JD65547 SZ65544:SZ65547 ACV65544:ACV65547 AMR65544:AMR65547 AWN65544:AWN65547 BGJ65544:BGJ65547 BQF65544:BQF65547 CAB65544:CAB65547 CJX65544:CJX65547 CTT65544:CTT65547 DDP65544:DDP65547 DNL65544:DNL65547 DXH65544:DXH65547 EHD65544:EHD65547 EQZ65544:EQZ65547 FAV65544:FAV65547 FKR65544:FKR65547 FUN65544:FUN65547 GEJ65544:GEJ65547 GOF65544:GOF65547 GYB65544:GYB65547 HHX65544:HHX65547 HRT65544:HRT65547 IBP65544:IBP65547 ILL65544:ILL65547 IVH65544:IVH65547 JFD65544:JFD65547 JOZ65544:JOZ65547 JYV65544:JYV65547 KIR65544:KIR65547 KSN65544:KSN65547 LCJ65544:LCJ65547 LMF65544:LMF65547 LWB65544:LWB65547 MFX65544:MFX65547 MPT65544:MPT65547 MZP65544:MZP65547 NJL65544:NJL65547 NTH65544:NTH65547 ODD65544:ODD65547 OMZ65544:OMZ65547 OWV65544:OWV65547 PGR65544:PGR65547 PQN65544:PQN65547 QAJ65544:QAJ65547 QKF65544:QKF65547 QUB65544:QUB65547 RDX65544:RDX65547 RNT65544:RNT65547 RXP65544:RXP65547 SHL65544:SHL65547 SRH65544:SRH65547 TBD65544:TBD65547 TKZ65544:TKZ65547 TUV65544:TUV65547 UER65544:UER65547 UON65544:UON65547 UYJ65544:UYJ65547 VIF65544:VIF65547 VSB65544:VSB65547 WBX65544:WBX65547 WLT65544:WLT65547 WVP65544:WVP65547 H131080:H131083 JD131080:JD131083 SZ131080:SZ131083 ACV131080:ACV131083 AMR131080:AMR131083 AWN131080:AWN131083 BGJ131080:BGJ131083 BQF131080:BQF131083 CAB131080:CAB131083 CJX131080:CJX131083 CTT131080:CTT131083 DDP131080:DDP131083 DNL131080:DNL131083 DXH131080:DXH131083 EHD131080:EHD131083 EQZ131080:EQZ131083 FAV131080:FAV131083 FKR131080:FKR131083 FUN131080:FUN131083 GEJ131080:GEJ131083 GOF131080:GOF131083 GYB131080:GYB131083 HHX131080:HHX131083 HRT131080:HRT131083 IBP131080:IBP131083 ILL131080:ILL131083 IVH131080:IVH131083 JFD131080:JFD131083 JOZ131080:JOZ131083 JYV131080:JYV131083 KIR131080:KIR131083 KSN131080:KSN131083 LCJ131080:LCJ131083 LMF131080:LMF131083 LWB131080:LWB131083 MFX131080:MFX131083 MPT131080:MPT131083 MZP131080:MZP131083 NJL131080:NJL131083 NTH131080:NTH131083 ODD131080:ODD131083 OMZ131080:OMZ131083 OWV131080:OWV131083 PGR131080:PGR131083 PQN131080:PQN131083 QAJ131080:QAJ131083 QKF131080:QKF131083 QUB131080:QUB131083 RDX131080:RDX131083 RNT131080:RNT131083 RXP131080:RXP131083 SHL131080:SHL131083 SRH131080:SRH131083 TBD131080:TBD131083 TKZ131080:TKZ131083 TUV131080:TUV131083 UER131080:UER131083 UON131080:UON131083 UYJ131080:UYJ131083 VIF131080:VIF131083 VSB131080:VSB131083 WBX131080:WBX131083 WLT131080:WLT131083 WVP131080:WVP131083 H196616:H196619 JD196616:JD196619 SZ196616:SZ196619 ACV196616:ACV196619 AMR196616:AMR196619 AWN196616:AWN196619 BGJ196616:BGJ196619 BQF196616:BQF196619 CAB196616:CAB196619 CJX196616:CJX196619 CTT196616:CTT196619 DDP196616:DDP196619 DNL196616:DNL196619 DXH196616:DXH196619 EHD196616:EHD196619 EQZ196616:EQZ196619 FAV196616:FAV196619 FKR196616:FKR196619 FUN196616:FUN196619 GEJ196616:GEJ196619 GOF196616:GOF196619 GYB196616:GYB196619 HHX196616:HHX196619 HRT196616:HRT196619 IBP196616:IBP196619 ILL196616:ILL196619 IVH196616:IVH196619 JFD196616:JFD196619 JOZ196616:JOZ196619 JYV196616:JYV196619 KIR196616:KIR196619 KSN196616:KSN196619 LCJ196616:LCJ196619 LMF196616:LMF196619 LWB196616:LWB196619 MFX196616:MFX196619 MPT196616:MPT196619 MZP196616:MZP196619 NJL196616:NJL196619 NTH196616:NTH196619 ODD196616:ODD196619 OMZ196616:OMZ196619 OWV196616:OWV196619 PGR196616:PGR196619 PQN196616:PQN196619 QAJ196616:QAJ196619 QKF196616:QKF196619 QUB196616:QUB196619 RDX196616:RDX196619 RNT196616:RNT196619 RXP196616:RXP196619 SHL196616:SHL196619 SRH196616:SRH196619 TBD196616:TBD196619 TKZ196616:TKZ196619 TUV196616:TUV196619 UER196616:UER196619 UON196616:UON196619 UYJ196616:UYJ196619 VIF196616:VIF196619 VSB196616:VSB196619 WBX196616:WBX196619 WLT196616:WLT196619 WVP196616:WVP196619 H262152:H262155 JD262152:JD262155 SZ262152:SZ262155 ACV262152:ACV262155 AMR262152:AMR262155 AWN262152:AWN262155 BGJ262152:BGJ262155 BQF262152:BQF262155 CAB262152:CAB262155 CJX262152:CJX262155 CTT262152:CTT262155 DDP262152:DDP262155 DNL262152:DNL262155 DXH262152:DXH262155 EHD262152:EHD262155 EQZ262152:EQZ262155 FAV262152:FAV262155 FKR262152:FKR262155 FUN262152:FUN262155 GEJ262152:GEJ262155 GOF262152:GOF262155 GYB262152:GYB262155 HHX262152:HHX262155 HRT262152:HRT262155 IBP262152:IBP262155 ILL262152:ILL262155 IVH262152:IVH262155 JFD262152:JFD262155 JOZ262152:JOZ262155 JYV262152:JYV262155 KIR262152:KIR262155 KSN262152:KSN262155 LCJ262152:LCJ262155 LMF262152:LMF262155 LWB262152:LWB262155 MFX262152:MFX262155 MPT262152:MPT262155 MZP262152:MZP262155 NJL262152:NJL262155 NTH262152:NTH262155 ODD262152:ODD262155 OMZ262152:OMZ262155 OWV262152:OWV262155 PGR262152:PGR262155 PQN262152:PQN262155 QAJ262152:QAJ262155 QKF262152:QKF262155 QUB262152:QUB262155 RDX262152:RDX262155 RNT262152:RNT262155 RXP262152:RXP262155 SHL262152:SHL262155 SRH262152:SRH262155 TBD262152:TBD262155 TKZ262152:TKZ262155 TUV262152:TUV262155 UER262152:UER262155 UON262152:UON262155 UYJ262152:UYJ262155 VIF262152:VIF262155 VSB262152:VSB262155 WBX262152:WBX262155 WLT262152:WLT262155 WVP262152:WVP262155 H327688:H327691 JD327688:JD327691 SZ327688:SZ327691 ACV327688:ACV327691 AMR327688:AMR327691 AWN327688:AWN327691 BGJ327688:BGJ327691 BQF327688:BQF327691 CAB327688:CAB327691 CJX327688:CJX327691 CTT327688:CTT327691 DDP327688:DDP327691 DNL327688:DNL327691 DXH327688:DXH327691 EHD327688:EHD327691 EQZ327688:EQZ327691 FAV327688:FAV327691 FKR327688:FKR327691 FUN327688:FUN327691 GEJ327688:GEJ327691 GOF327688:GOF327691 GYB327688:GYB327691 HHX327688:HHX327691 HRT327688:HRT327691 IBP327688:IBP327691 ILL327688:ILL327691 IVH327688:IVH327691 JFD327688:JFD327691 JOZ327688:JOZ327691 JYV327688:JYV327691 KIR327688:KIR327691 KSN327688:KSN327691 LCJ327688:LCJ327691 LMF327688:LMF327691 LWB327688:LWB327691 MFX327688:MFX327691 MPT327688:MPT327691 MZP327688:MZP327691 NJL327688:NJL327691 NTH327688:NTH327691 ODD327688:ODD327691 OMZ327688:OMZ327691 OWV327688:OWV327691 PGR327688:PGR327691 PQN327688:PQN327691 QAJ327688:QAJ327691 QKF327688:QKF327691 QUB327688:QUB327691 RDX327688:RDX327691 RNT327688:RNT327691 RXP327688:RXP327691 SHL327688:SHL327691 SRH327688:SRH327691 TBD327688:TBD327691 TKZ327688:TKZ327691 TUV327688:TUV327691 UER327688:UER327691 UON327688:UON327691 UYJ327688:UYJ327691 VIF327688:VIF327691 VSB327688:VSB327691 WBX327688:WBX327691 WLT327688:WLT327691 WVP327688:WVP327691 H393224:H393227 JD393224:JD393227 SZ393224:SZ393227 ACV393224:ACV393227 AMR393224:AMR393227 AWN393224:AWN393227 BGJ393224:BGJ393227 BQF393224:BQF393227 CAB393224:CAB393227 CJX393224:CJX393227 CTT393224:CTT393227 DDP393224:DDP393227 DNL393224:DNL393227 DXH393224:DXH393227 EHD393224:EHD393227 EQZ393224:EQZ393227 FAV393224:FAV393227 FKR393224:FKR393227 FUN393224:FUN393227 GEJ393224:GEJ393227 GOF393224:GOF393227 GYB393224:GYB393227 HHX393224:HHX393227 HRT393224:HRT393227 IBP393224:IBP393227 ILL393224:ILL393227 IVH393224:IVH393227 JFD393224:JFD393227 JOZ393224:JOZ393227 JYV393224:JYV393227 KIR393224:KIR393227 KSN393224:KSN393227 LCJ393224:LCJ393227 LMF393224:LMF393227 LWB393224:LWB393227 MFX393224:MFX393227 MPT393224:MPT393227 MZP393224:MZP393227 NJL393224:NJL393227 NTH393224:NTH393227 ODD393224:ODD393227 OMZ393224:OMZ393227 OWV393224:OWV393227 PGR393224:PGR393227 PQN393224:PQN393227 QAJ393224:QAJ393227 QKF393224:QKF393227 QUB393224:QUB393227 RDX393224:RDX393227 RNT393224:RNT393227 RXP393224:RXP393227 SHL393224:SHL393227 SRH393224:SRH393227 TBD393224:TBD393227 TKZ393224:TKZ393227 TUV393224:TUV393227 UER393224:UER393227 UON393224:UON393227 UYJ393224:UYJ393227 VIF393224:VIF393227 VSB393224:VSB393227 WBX393224:WBX393227 WLT393224:WLT393227 WVP393224:WVP393227 H458760:H458763 JD458760:JD458763 SZ458760:SZ458763 ACV458760:ACV458763 AMR458760:AMR458763 AWN458760:AWN458763 BGJ458760:BGJ458763 BQF458760:BQF458763 CAB458760:CAB458763 CJX458760:CJX458763 CTT458760:CTT458763 DDP458760:DDP458763 DNL458760:DNL458763 DXH458760:DXH458763 EHD458760:EHD458763 EQZ458760:EQZ458763 FAV458760:FAV458763 FKR458760:FKR458763 FUN458760:FUN458763 GEJ458760:GEJ458763 GOF458760:GOF458763 GYB458760:GYB458763 HHX458760:HHX458763 HRT458760:HRT458763 IBP458760:IBP458763 ILL458760:ILL458763 IVH458760:IVH458763 JFD458760:JFD458763 JOZ458760:JOZ458763 JYV458760:JYV458763 KIR458760:KIR458763 KSN458760:KSN458763 LCJ458760:LCJ458763 LMF458760:LMF458763 LWB458760:LWB458763 MFX458760:MFX458763 MPT458760:MPT458763 MZP458760:MZP458763 NJL458760:NJL458763 NTH458760:NTH458763 ODD458760:ODD458763 OMZ458760:OMZ458763 OWV458760:OWV458763 PGR458760:PGR458763 PQN458760:PQN458763 QAJ458760:QAJ458763 QKF458760:QKF458763 QUB458760:QUB458763 RDX458760:RDX458763 RNT458760:RNT458763 RXP458760:RXP458763 SHL458760:SHL458763 SRH458760:SRH458763 TBD458760:TBD458763 TKZ458760:TKZ458763 TUV458760:TUV458763 UER458760:UER458763 UON458760:UON458763 UYJ458760:UYJ458763 VIF458760:VIF458763 VSB458760:VSB458763 WBX458760:WBX458763 WLT458760:WLT458763 WVP458760:WVP458763 H524296:H524299 JD524296:JD524299 SZ524296:SZ524299 ACV524296:ACV524299 AMR524296:AMR524299 AWN524296:AWN524299 BGJ524296:BGJ524299 BQF524296:BQF524299 CAB524296:CAB524299 CJX524296:CJX524299 CTT524296:CTT524299 DDP524296:DDP524299 DNL524296:DNL524299 DXH524296:DXH524299 EHD524296:EHD524299 EQZ524296:EQZ524299 FAV524296:FAV524299 FKR524296:FKR524299 FUN524296:FUN524299 GEJ524296:GEJ524299 GOF524296:GOF524299 GYB524296:GYB524299 HHX524296:HHX524299 HRT524296:HRT524299 IBP524296:IBP524299 ILL524296:ILL524299 IVH524296:IVH524299 JFD524296:JFD524299 JOZ524296:JOZ524299 JYV524296:JYV524299 KIR524296:KIR524299 KSN524296:KSN524299 LCJ524296:LCJ524299 LMF524296:LMF524299 LWB524296:LWB524299 MFX524296:MFX524299 MPT524296:MPT524299 MZP524296:MZP524299 NJL524296:NJL524299 NTH524296:NTH524299 ODD524296:ODD524299 OMZ524296:OMZ524299 OWV524296:OWV524299 PGR524296:PGR524299 PQN524296:PQN524299 QAJ524296:QAJ524299 QKF524296:QKF524299 QUB524296:QUB524299 RDX524296:RDX524299 RNT524296:RNT524299 RXP524296:RXP524299 SHL524296:SHL524299 SRH524296:SRH524299 TBD524296:TBD524299 TKZ524296:TKZ524299 TUV524296:TUV524299 UER524296:UER524299 UON524296:UON524299 UYJ524296:UYJ524299 VIF524296:VIF524299 VSB524296:VSB524299 WBX524296:WBX524299 WLT524296:WLT524299 WVP524296:WVP524299 H589832:H589835 JD589832:JD589835 SZ589832:SZ589835 ACV589832:ACV589835 AMR589832:AMR589835 AWN589832:AWN589835 BGJ589832:BGJ589835 BQF589832:BQF589835 CAB589832:CAB589835 CJX589832:CJX589835 CTT589832:CTT589835 DDP589832:DDP589835 DNL589832:DNL589835 DXH589832:DXH589835 EHD589832:EHD589835 EQZ589832:EQZ589835 FAV589832:FAV589835 FKR589832:FKR589835 FUN589832:FUN589835 GEJ589832:GEJ589835 GOF589832:GOF589835 GYB589832:GYB589835 HHX589832:HHX589835 HRT589832:HRT589835 IBP589832:IBP589835 ILL589832:ILL589835 IVH589832:IVH589835 JFD589832:JFD589835 JOZ589832:JOZ589835 JYV589832:JYV589835 KIR589832:KIR589835 KSN589832:KSN589835 LCJ589832:LCJ589835 LMF589832:LMF589835 LWB589832:LWB589835 MFX589832:MFX589835 MPT589832:MPT589835 MZP589832:MZP589835 NJL589832:NJL589835 NTH589832:NTH589835 ODD589832:ODD589835 OMZ589832:OMZ589835 OWV589832:OWV589835 PGR589832:PGR589835 PQN589832:PQN589835 QAJ589832:QAJ589835 QKF589832:QKF589835 QUB589832:QUB589835 RDX589832:RDX589835 RNT589832:RNT589835 RXP589832:RXP589835 SHL589832:SHL589835 SRH589832:SRH589835 TBD589832:TBD589835 TKZ589832:TKZ589835 TUV589832:TUV589835 UER589832:UER589835 UON589832:UON589835 UYJ589832:UYJ589835 VIF589832:VIF589835 VSB589832:VSB589835 WBX589832:WBX589835 WLT589832:WLT589835 WVP589832:WVP589835 H655368:H655371 JD655368:JD655371 SZ655368:SZ655371 ACV655368:ACV655371 AMR655368:AMR655371 AWN655368:AWN655371 BGJ655368:BGJ655371 BQF655368:BQF655371 CAB655368:CAB655371 CJX655368:CJX655371 CTT655368:CTT655371 DDP655368:DDP655371 DNL655368:DNL655371 DXH655368:DXH655371 EHD655368:EHD655371 EQZ655368:EQZ655371 FAV655368:FAV655371 FKR655368:FKR655371 FUN655368:FUN655371 GEJ655368:GEJ655371 GOF655368:GOF655371 GYB655368:GYB655371 HHX655368:HHX655371 HRT655368:HRT655371 IBP655368:IBP655371 ILL655368:ILL655371 IVH655368:IVH655371 JFD655368:JFD655371 JOZ655368:JOZ655371 JYV655368:JYV655371 KIR655368:KIR655371 KSN655368:KSN655371 LCJ655368:LCJ655371 LMF655368:LMF655371 LWB655368:LWB655371 MFX655368:MFX655371 MPT655368:MPT655371 MZP655368:MZP655371 NJL655368:NJL655371 NTH655368:NTH655371 ODD655368:ODD655371 OMZ655368:OMZ655371 OWV655368:OWV655371 PGR655368:PGR655371 PQN655368:PQN655371 QAJ655368:QAJ655371 QKF655368:QKF655371 QUB655368:QUB655371 RDX655368:RDX655371 RNT655368:RNT655371 RXP655368:RXP655371 SHL655368:SHL655371 SRH655368:SRH655371 TBD655368:TBD655371 TKZ655368:TKZ655371 TUV655368:TUV655371 UER655368:UER655371 UON655368:UON655371 UYJ655368:UYJ655371 VIF655368:VIF655371 VSB655368:VSB655371 WBX655368:WBX655371 WLT655368:WLT655371 WVP655368:WVP655371 H720904:H720907 JD720904:JD720907 SZ720904:SZ720907 ACV720904:ACV720907 AMR720904:AMR720907 AWN720904:AWN720907 BGJ720904:BGJ720907 BQF720904:BQF720907 CAB720904:CAB720907 CJX720904:CJX720907 CTT720904:CTT720907 DDP720904:DDP720907 DNL720904:DNL720907 DXH720904:DXH720907 EHD720904:EHD720907 EQZ720904:EQZ720907 FAV720904:FAV720907 FKR720904:FKR720907 FUN720904:FUN720907 GEJ720904:GEJ720907 GOF720904:GOF720907 GYB720904:GYB720907 HHX720904:HHX720907 HRT720904:HRT720907 IBP720904:IBP720907 ILL720904:ILL720907 IVH720904:IVH720907 JFD720904:JFD720907 JOZ720904:JOZ720907 JYV720904:JYV720907 KIR720904:KIR720907 KSN720904:KSN720907 LCJ720904:LCJ720907 LMF720904:LMF720907 LWB720904:LWB720907 MFX720904:MFX720907 MPT720904:MPT720907 MZP720904:MZP720907 NJL720904:NJL720907 NTH720904:NTH720907 ODD720904:ODD720907 OMZ720904:OMZ720907 OWV720904:OWV720907 PGR720904:PGR720907 PQN720904:PQN720907 QAJ720904:QAJ720907 QKF720904:QKF720907 QUB720904:QUB720907 RDX720904:RDX720907 RNT720904:RNT720907 RXP720904:RXP720907 SHL720904:SHL720907 SRH720904:SRH720907 TBD720904:TBD720907 TKZ720904:TKZ720907 TUV720904:TUV720907 UER720904:UER720907 UON720904:UON720907 UYJ720904:UYJ720907 VIF720904:VIF720907 VSB720904:VSB720907 WBX720904:WBX720907 WLT720904:WLT720907 WVP720904:WVP720907 H786440:H786443 JD786440:JD786443 SZ786440:SZ786443 ACV786440:ACV786443 AMR786440:AMR786443 AWN786440:AWN786443 BGJ786440:BGJ786443 BQF786440:BQF786443 CAB786440:CAB786443 CJX786440:CJX786443 CTT786440:CTT786443 DDP786440:DDP786443 DNL786440:DNL786443 DXH786440:DXH786443 EHD786440:EHD786443 EQZ786440:EQZ786443 FAV786440:FAV786443 FKR786440:FKR786443 FUN786440:FUN786443 GEJ786440:GEJ786443 GOF786440:GOF786443 GYB786440:GYB786443 HHX786440:HHX786443 HRT786440:HRT786443 IBP786440:IBP786443 ILL786440:ILL786443 IVH786440:IVH786443 JFD786440:JFD786443 JOZ786440:JOZ786443 JYV786440:JYV786443 KIR786440:KIR786443 KSN786440:KSN786443 LCJ786440:LCJ786443 LMF786440:LMF786443 LWB786440:LWB786443 MFX786440:MFX786443 MPT786440:MPT786443 MZP786440:MZP786443 NJL786440:NJL786443 NTH786440:NTH786443 ODD786440:ODD786443 OMZ786440:OMZ786443 OWV786440:OWV786443 PGR786440:PGR786443 PQN786440:PQN786443 QAJ786440:QAJ786443 QKF786440:QKF786443 QUB786440:QUB786443 RDX786440:RDX786443 RNT786440:RNT786443 RXP786440:RXP786443 SHL786440:SHL786443 SRH786440:SRH786443 TBD786440:TBD786443 TKZ786440:TKZ786443 TUV786440:TUV786443 UER786440:UER786443 UON786440:UON786443 UYJ786440:UYJ786443 VIF786440:VIF786443 VSB786440:VSB786443 WBX786440:WBX786443 WLT786440:WLT786443 WVP786440:WVP786443 H851976:H851979 JD851976:JD851979 SZ851976:SZ851979 ACV851976:ACV851979 AMR851976:AMR851979 AWN851976:AWN851979 BGJ851976:BGJ851979 BQF851976:BQF851979 CAB851976:CAB851979 CJX851976:CJX851979 CTT851976:CTT851979 DDP851976:DDP851979 DNL851976:DNL851979 DXH851976:DXH851979 EHD851976:EHD851979 EQZ851976:EQZ851979 FAV851976:FAV851979 FKR851976:FKR851979 FUN851976:FUN851979 GEJ851976:GEJ851979 GOF851976:GOF851979 GYB851976:GYB851979 HHX851976:HHX851979 HRT851976:HRT851979 IBP851976:IBP851979 ILL851976:ILL851979 IVH851976:IVH851979 JFD851976:JFD851979 JOZ851976:JOZ851979 JYV851976:JYV851979 KIR851976:KIR851979 KSN851976:KSN851979 LCJ851976:LCJ851979 LMF851976:LMF851979 LWB851976:LWB851979 MFX851976:MFX851979 MPT851976:MPT851979 MZP851976:MZP851979 NJL851976:NJL851979 NTH851976:NTH851979 ODD851976:ODD851979 OMZ851976:OMZ851979 OWV851976:OWV851979 PGR851976:PGR851979 PQN851976:PQN851979 QAJ851976:QAJ851979 QKF851976:QKF851979 QUB851976:QUB851979 RDX851976:RDX851979 RNT851976:RNT851979 RXP851976:RXP851979 SHL851976:SHL851979 SRH851976:SRH851979 TBD851976:TBD851979 TKZ851976:TKZ851979 TUV851976:TUV851979 UER851976:UER851979 UON851976:UON851979 UYJ851976:UYJ851979 VIF851976:VIF851979 VSB851976:VSB851979 WBX851976:WBX851979 WLT851976:WLT851979 WVP851976:WVP851979 H917512:H917515 JD917512:JD917515 SZ917512:SZ917515 ACV917512:ACV917515 AMR917512:AMR917515 AWN917512:AWN917515 BGJ917512:BGJ917515 BQF917512:BQF917515 CAB917512:CAB917515 CJX917512:CJX917515 CTT917512:CTT917515 DDP917512:DDP917515 DNL917512:DNL917515 DXH917512:DXH917515 EHD917512:EHD917515 EQZ917512:EQZ917515 FAV917512:FAV917515 FKR917512:FKR917515 FUN917512:FUN917515 GEJ917512:GEJ917515 GOF917512:GOF917515 GYB917512:GYB917515 HHX917512:HHX917515 HRT917512:HRT917515 IBP917512:IBP917515 ILL917512:ILL917515 IVH917512:IVH917515 JFD917512:JFD917515 JOZ917512:JOZ917515 JYV917512:JYV917515 KIR917512:KIR917515 KSN917512:KSN917515 LCJ917512:LCJ917515 LMF917512:LMF917515 LWB917512:LWB917515 MFX917512:MFX917515 MPT917512:MPT917515 MZP917512:MZP917515 NJL917512:NJL917515 NTH917512:NTH917515 ODD917512:ODD917515 OMZ917512:OMZ917515 OWV917512:OWV917515 PGR917512:PGR917515 PQN917512:PQN917515 QAJ917512:QAJ917515 QKF917512:QKF917515 QUB917512:QUB917515 RDX917512:RDX917515 RNT917512:RNT917515 RXP917512:RXP917515 SHL917512:SHL917515 SRH917512:SRH917515 TBD917512:TBD917515 TKZ917512:TKZ917515 TUV917512:TUV917515 UER917512:UER917515 UON917512:UON917515 UYJ917512:UYJ917515 VIF917512:VIF917515 VSB917512:VSB917515 WBX917512:WBX917515 WLT917512:WLT917515 WVP917512:WVP917515 H983048:H983051 JD983048:JD983051 SZ983048:SZ983051 ACV983048:ACV983051 AMR983048:AMR983051 AWN983048:AWN983051 BGJ983048:BGJ983051 BQF983048:BQF983051 CAB983048:CAB983051 CJX983048:CJX983051 CTT983048:CTT983051 DDP983048:DDP983051 DNL983048:DNL983051 DXH983048:DXH983051 EHD983048:EHD983051 EQZ983048:EQZ983051 FAV983048:FAV983051 FKR983048:FKR983051 FUN983048:FUN983051 GEJ983048:GEJ983051 GOF983048:GOF983051 GYB983048:GYB983051 HHX983048:HHX983051 HRT983048:HRT983051 IBP983048:IBP983051 ILL983048:ILL983051 IVH983048:IVH983051 JFD983048:JFD983051 JOZ983048:JOZ983051 JYV983048:JYV983051 KIR983048:KIR983051 KSN983048:KSN983051 LCJ983048:LCJ983051 LMF983048:LMF983051 LWB983048:LWB983051 MFX983048:MFX983051 MPT983048:MPT983051 MZP983048:MZP983051 NJL983048:NJL983051 NTH983048:NTH983051 ODD983048:ODD983051 OMZ983048:OMZ983051 OWV983048:OWV983051 PGR983048:PGR983051 PQN983048:PQN983051 QAJ983048:QAJ983051 QKF983048:QKF983051 QUB983048:QUB983051 RDX983048:RDX983051 RNT983048:RNT983051 RXP983048:RXP983051 SHL983048:SHL983051 SRH983048:SRH983051 TBD983048:TBD983051 TKZ983048:TKZ983051 TUV983048:TUV983051 UER983048:UER983051 UON983048:UON983051 UYJ983048:UYJ983051 VIF983048:VIF983051 VSB983048:VSB983051 WBX983048:WBX983051 WLT983048:WLT983051 WVP983048:WVP983051 M8 JI8 TE8 ADA8 AMW8 AWS8 BGO8 BQK8 CAG8 CKC8 CTY8 DDU8 DNQ8 DXM8 EHI8 ERE8 FBA8 FKW8 FUS8 GEO8 GOK8 GYG8 HIC8 HRY8 IBU8 ILQ8 IVM8 JFI8 JPE8 JZA8 KIW8 KSS8 LCO8 LMK8 LWG8 MGC8 MPY8 MZU8 NJQ8 NTM8 ODI8 ONE8 OXA8 PGW8 PQS8 QAO8 QKK8 QUG8 REC8 RNY8 RXU8 SHQ8 SRM8 TBI8 TLE8 TVA8 UEW8 UOS8 UYO8 VIK8 VSG8 WCC8 WLY8 WVU8 M65544 JI65544 TE65544 ADA65544 AMW65544 AWS65544 BGO65544 BQK65544 CAG65544 CKC65544 CTY65544 DDU65544 DNQ65544 DXM65544 EHI65544 ERE65544 FBA65544 FKW65544 FUS65544 GEO65544 GOK65544 GYG65544 HIC65544 HRY65544 IBU65544 ILQ65544 IVM65544 JFI65544 JPE65544 JZA65544 KIW65544 KSS65544 LCO65544 LMK65544 LWG65544 MGC65544 MPY65544 MZU65544 NJQ65544 NTM65544 ODI65544 ONE65544 OXA65544 PGW65544 PQS65544 QAO65544 QKK65544 QUG65544 REC65544 RNY65544 RXU65544 SHQ65544 SRM65544 TBI65544 TLE65544 TVA65544 UEW65544 UOS65544 UYO65544 VIK65544 VSG65544 WCC65544 WLY65544 WVU65544 M131080 JI131080 TE131080 ADA131080 AMW131080 AWS131080 BGO131080 BQK131080 CAG131080 CKC131080 CTY131080 DDU131080 DNQ131080 DXM131080 EHI131080 ERE131080 FBA131080 FKW131080 FUS131080 GEO131080 GOK131080 GYG131080 HIC131080 HRY131080 IBU131080 ILQ131080 IVM131080 JFI131080 JPE131080 JZA131080 KIW131080 KSS131080 LCO131080 LMK131080 LWG131080 MGC131080 MPY131080 MZU131080 NJQ131080 NTM131080 ODI131080 ONE131080 OXA131080 PGW131080 PQS131080 QAO131080 QKK131080 QUG131080 REC131080 RNY131080 RXU131080 SHQ131080 SRM131080 TBI131080 TLE131080 TVA131080 UEW131080 UOS131080 UYO131080 VIK131080 VSG131080 WCC131080 WLY131080 WVU131080 M196616 JI196616 TE196616 ADA196616 AMW196616 AWS196616 BGO196616 BQK196616 CAG196616 CKC196616 CTY196616 DDU196616 DNQ196616 DXM196616 EHI196616 ERE196616 FBA196616 FKW196616 FUS196616 GEO196616 GOK196616 GYG196616 HIC196616 HRY196616 IBU196616 ILQ196616 IVM196616 JFI196616 JPE196616 JZA196616 KIW196616 KSS196616 LCO196616 LMK196616 LWG196616 MGC196616 MPY196616 MZU196616 NJQ196616 NTM196616 ODI196616 ONE196616 OXA196616 PGW196616 PQS196616 QAO196616 QKK196616 QUG196616 REC196616 RNY196616 RXU196616 SHQ196616 SRM196616 TBI196616 TLE196616 TVA196616 UEW196616 UOS196616 UYO196616 VIK196616 VSG196616 WCC196616 WLY196616 WVU196616 M262152 JI262152 TE262152 ADA262152 AMW262152 AWS262152 BGO262152 BQK262152 CAG262152 CKC262152 CTY262152 DDU262152 DNQ262152 DXM262152 EHI262152 ERE262152 FBA262152 FKW262152 FUS262152 GEO262152 GOK262152 GYG262152 HIC262152 HRY262152 IBU262152 ILQ262152 IVM262152 JFI262152 JPE262152 JZA262152 KIW262152 KSS262152 LCO262152 LMK262152 LWG262152 MGC262152 MPY262152 MZU262152 NJQ262152 NTM262152 ODI262152 ONE262152 OXA262152 PGW262152 PQS262152 QAO262152 QKK262152 QUG262152 REC262152 RNY262152 RXU262152 SHQ262152 SRM262152 TBI262152 TLE262152 TVA262152 UEW262152 UOS262152 UYO262152 VIK262152 VSG262152 WCC262152 WLY262152 WVU262152 M327688 JI327688 TE327688 ADA327688 AMW327688 AWS327688 BGO327688 BQK327688 CAG327688 CKC327688 CTY327688 DDU327688 DNQ327688 DXM327688 EHI327688 ERE327688 FBA327688 FKW327688 FUS327688 GEO327688 GOK327688 GYG327688 HIC327688 HRY327688 IBU327688 ILQ327688 IVM327688 JFI327688 JPE327688 JZA327688 KIW327688 KSS327688 LCO327688 LMK327688 LWG327688 MGC327688 MPY327688 MZU327688 NJQ327688 NTM327688 ODI327688 ONE327688 OXA327688 PGW327688 PQS327688 QAO327688 QKK327688 QUG327688 REC327688 RNY327688 RXU327688 SHQ327688 SRM327688 TBI327688 TLE327688 TVA327688 UEW327688 UOS327688 UYO327688 VIK327688 VSG327688 WCC327688 WLY327688 WVU327688 M393224 JI393224 TE393224 ADA393224 AMW393224 AWS393224 BGO393224 BQK393224 CAG393224 CKC393224 CTY393224 DDU393224 DNQ393224 DXM393224 EHI393224 ERE393224 FBA393224 FKW393224 FUS393224 GEO393224 GOK393224 GYG393224 HIC393224 HRY393224 IBU393224 ILQ393224 IVM393224 JFI393224 JPE393224 JZA393224 KIW393224 KSS393224 LCO393224 LMK393224 LWG393224 MGC393224 MPY393224 MZU393224 NJQ393224 NTM393224 ODI393224 ONE393224 OXA393224 PGW393224 PQS393224 QAO393224 QKK393224 QUG393224 REC393224 RNY393224 RXU393224 SHQ393224 SRM393224 TBI393224 TLE393224 TVA393224 UEW393224 UOS393224 UYO393224 VIK393224 VSG393224 WCC393224 WLY393224 WVU393224 M458760 JI458760 TE458760 ADA458760 AMW458760 AWS458760 BGO458760 BQK458760 CAG458760 CKC458760 CTY458760 DDU458760 DNQ458760 DXM458760 EHI458760 ERE458760 FBA458760 FKW458760 FUS458760 GEO458760 GOK458760 GYG458760 HIC458760 HRY458760 IBU458760 ILQ458760 IVM458760 JFI458760 JPE458760 JZA458760 KIW458760 KSS458760 LCO458760 LMK458760 LWG458760 MGC458760 MPY458760 MZU458760 NJQ458760 NTM458760 ODI458760 ONE458760 OXA458760 PGW458760 PQS458760 QAO458760 QKK458760 QUG458760 REC458760 RNY458760 RXU458760 SHQ458760 SRM458760 TBI458760 TLE458760 TVA458760 UEW458760 UOS458760 UYO458760 VIK458760 VSG458760 WCC458760 WLY458760 WVU458760 M524296 JI524296 TE524296 ADA524296 AMW524296 AWS524296 BGO524296 BQK524296 CAG524296 CKC524296 CTY524296 DDU524296 DNQ524296 DXM524296 EHI524296 ERE524296 FBA524296 FKW524296 FUS524296 GEO524296 GOK524296 GYG524296 HIC524296 HRY524296 IBU524296 ILQ524296 IVM524296 JFI524296 JPE524296 JZA524296 KIW524296 KSS524296 LCO524296 LMK524296 LWG524296 MGC524296 MPY524296 MZU524296 NJQ524296 NTM524296 ODI524296 ONE524296 OXA524296 PGW524296 PQS524296 QAO524296 QKK524296 QUG524296 REC524296 RNY524296 RXU524296 SHQ524296 SRM524296 TBI524296 TLE524296 TVA524296 UEW524296 UOS524296 UYO524296 VIK524296 VSG524296 WCC524296 WLY524296 WVU524296 M589832 JI589832 TE589832 ADA589832 AMW589832 AWS589832 BGO589832 BQK589832 CAG589832 CKC589832 CTY589832 DDU589832 DNQ589832 DXM589832 EHI589832 ERE589832 FBA589832 FKW589832 FUS589832 GEO589832 GOK589832 GYG589832 HIC589832 HRY589832 IBU589832 ILQ589832 IVM589832 JFI589832 JPE589832 JZA589832 KIW589832 KSS589832 LCO589832 LMK589832 LWG589832 MGC589832 MPY589832 MZU589832 NJQ589832 NTM589832 ODI589832 ONE589832 OXA589832 PGW589832 PQS589832 QAO589832 QKK589832 QUG589832 REC589832 RNY589832 RXU589832 SHQ589832 SRM589832 TBI589832 TLE589832 TVA589832 UEW589832 UOS589832 UYO589832 VIK589832 VSG589832 WCC589832 WLY589832 WVU589832 M655368 JI655368 TE655368 ADA655368 AMW655368 AWS655368 BGO655368 BQK655368 CAG655368 CKC655368 CTY655368 DDU655368 DNQ655368 DXM655368 EHI655368 ERE655368 FBA655368 FKW655368 FUS655368 GEO655368 GOK655368 GYG655368 HIC655368 HRY655368 IBU655368 ILQ655368 IVM655368 JFI655368 JPE655368 JZA655368 KIW655368 KSS655368 LCO655368 LMK655368 LWG655368 MGC655368 MPY655368 MZU655368 NJQ655368 NTM655368 ODI655368 ONE655368 OXA655368 PGW655368 PQS655368 QAO655368 QKK655368 QUG655368 REC655368 RNY655368 RXU655368 SHQ655368 SRM655368 TBI655368 TLE655368 TVA655368 UEW655368 UOS655368 UYO655368 VIK655368 VSG655368 WCC655368 WLY655368 WVU655368 M720904 JI720904 TE720904 ADA720904 AMW720904 AWS720904 BGO720904 BQK720904 CAG720904 CKC720904 CTY720904 DDU720904 DNQ720904 DXM720904 EHI720904 ERE720904 FBA720904 FKW720904 FUS720904 GEO720904 GOK720904 GYG720904 HIC720904 HRY720904 IBU720904 ILQ720904 IVM720904 JFI720904 JPE720904 JZA720904 KIW720904 KSS720904 LCO720904 LMK720904 LWG720904 MGC720904 MPY720904 MZU720904 NJQ720904 NTM720904 ODI720904 ONE720904 OXA720904 PGW720904 PQS720904 QAO720904 QKK720904 QUG720904 REC720904 RNY720904 RXU720904 SHQ720904 SRM720904 TBI720904 TLE720904 TVA720904 UEW720904 UOS720904 UYO720904 VIK720904 VSG720904 WCC720904 WLY720904 WVU720904 M786440 JI786440 TE786440 ADA786440 AMW786440 AWS786440 BGO786440 BQK786440 CAG786440 CKC786440 CTY786440 DDU786440 DNQ786440 DXM786440 EHI786440 ERE786440 FBA786440 FKW786440 FUS786440 GEO786440 GOK786440 GYG786440 HIC786440 HRY786440 IBU786440 ILQ786440 IVM786440 JFI786440 JPE786440 JZA786440 KIW786440 KSS786440 LCO786440 LMK786440 LWG786440 MGC786440 MPY786440 MZU786440 NJQ786440 NTM786440 ODI786440 ONE786440 OXA786440 PGW786440 PQS786440 QAO786440 QKK786440 QUG786440 REC786440 RNY786440 RXU786440 SHQ786440 SRM786440 TBI786440 TLE786440 TVA786440 UEW786440 UOS786440 UYO786440 VIK786440 VSG786440 WCC786440 WLY786440 WVU786440 M851976 JI851976 TE851976 ADA851976 AMW851976 AWS851976 BGO851976 BQK851976 CAG851976 CKC851976 CTY851976 DDU851976 DNQ851976 DXM851976 EHI851976 ERE851976 FBA851976 FKW851976 FUS851976 GEO851976 GOK851976 GYG851976 HIC851976 HRY851976 IBU851976 ILQ851976 IVM851976 JFI851976 JPE851976 JZA851976 KIW851976 KSS851976 LCO851976 LMK851976 LWG851976 MGC851976 MPY851976 MZU851976 NJQ851976 NTM851976 ODI851976 ONE851976 OXA851976 PGW851976 PQS851976 QAO851976 QKK851976 QUG851976 REC851976 RNY851976 RXU851976 SHQ851976 SRM851976 TBI851976 TLE851976 TVA851976 UEW851976 UOS851976 UYO851976 VIK851976 VSG851976 WCC851976 WLY851976 WVU851976 M917512 JI917512 TE917512 ADA917512 AMW917512 AWS917512 BGO917512 BQK917512 CAG917512 CKC917512 CTY917512 DDU917512 DNQ917512 DXM917512 EHI917512 ERE917512 FBA917512 FKW917512 FUS917512 GEO917512 GOK917512 GYG917512 HIC917512 HRY917512 IBU917512 ILQ917512 IVM917512 JFI917512 JPE917512 JZA917512 KIW917512 KSS917512 LCO917512 LMK917512 LWG917512 MGC917512 MPY917512 MZU917512 NJQ917512 NTM917512 ODI917512 ONE917512 OXA917512 PGW917512 PQS917512 QAO917512 QKK917512 QUG917512 REC917512 RNY917512 RXU917512 SHQ917512 SRM917512 TBI917512 TLE917512 TVA917512 UEW917512 UOS917512 UYO917512 VIK917512 VSG917512 WCC917512 WLY917512 WVU917512 M983048 JI983048 TE983048 ADA983048 AMW983048 AWS983048 BGO983048 BQK983048 CAG983048 CKC983048 CTY983048 DDU983048 DNQ983048 DXM983048 EHI983048 ERE983048 FBA983048 FKW983048 FUS983048 GEO983048 GOK983048 GYG983048 HIC983048 HRY983048 IBU983048 ILQ983048 IVM983048 JFI983048 JPE983048 JZA983048 KIW983048 KSS983048 LCO983048 LMK983048 LWG983048 MGC983048 MPY983048 MZU983048 NJQ983048 NTM983048 ODI983048 ONE983048 OXA983048 PGW983048 PQS983048 QAO983048 QKK983048 QUG983048 REC983048 RNY983048 RXU983048 SHQ983048 SRM983048 TBI983048 TLE983048 TVA983048 UEW983048 UOS983048 UYO983048 VIK983048 VSG983048 WCC983048 WLY983048 WVU983048 S8:S9 JO8:JO9 TK8:TK9 ADG8:ADG9 ANC8:ANC9 AWY8:AWY9 BGU8:BGU9 BQQ8:BQQ9 CAM8:CAM9 CKI8:CKI9 CUE8:CUE9 DEA8:DEA9 DNW8:DNW9 DXS8:DXS9 EHO8:EHO9 ERK8:ERK9 FBG8:FBG9 FLC8:FLC9 FUY8:FUY9 GEU8:GEU9 GOQ8:GOQ9 GYM8:GYM9 HII8:HII9 HSE8:HSE9 ICA8:ICA9 ILW8:ILW9 IVS8:IVS9 JFO8:JFO9 JPK8:JPK9 JZG8:JZG9 KJC8:KJC9 KSY8:KSY9 LCU8:LCU9 LMQ8:LMQ9 LWM8:LWM9 MGI8:MGI9 MQE8:MQE9 NAA8:NAA9 NJW8:NJW9 NTS8:NTS9 ODO8:ODO9 ONK8:ONK9 OXG8:OXG9 PHC8:PHC9 PQY8:PQY9 QAU8:QAU9 QKQ8:QKQ9 QUM8:QUM9 REI8:REI9 ROE8:ROE9 RYA8:RYA9 SHW8:SHW9 SRS8:SRS9 TBO8:TBO9 TLK8:TLK9 TVG8:TVG9 UFC8:UFC9 UOY8:UOY9 UYU8:UYU9 VIQ8:VIQ9 VSM8:VSM9 WCI8:WCI9 WME8:WME9 WWA8:WWA9 S65544:S65545 JO65544:JO65545 TK65544:TK65545 ADG65544:ADG65545 ANC65544:ANC65545 AWY65544:AWY65545 BGU65544:BGU65545 BQQ65544:BQQ65545 CAM65544:CAM65545 CKI65544:CKI65545 CUE65544:CUE65545 DEA65544:DEA65545 DNW65544:DNW65545 DXS65544:DXS65545 EHO65544:EHO65545 ERK65544:ERK65545 FBG65544:FBG65545 FLC65544:FLC65545 FUY65544:FUY65545 GEU65544:GEU65545 GOQ65544:GOQ65545 GYM65544:GYM65545 HII65544:HII65545 HSE65544:HSE65545 ICA65544:ICA65545 ILW65544:ILW65545 IVS65544:IVS65545 JFO65544:JFO65545 JPK65544:JPK65545 JZG65544:JZG65545 KJC65544:KJC65545 KSY65544:KSY65545 LCU65544:LCU65545 LMQ65544:LMQ65545 LWM65544:LWM65545 MGI65544:MGI65545 MQE65544:MQE65545 NAA65544:NAA65545 NJW65544:NJW65545 NTS65544:NTS65545 ODO65544:ODO65545 ONK65544:ONK65545 OXG65544:OXG65545 PHC65544:PHC65545 PQY65544:PQY65545 QAU65544:QAU65545 QKQ65544:QKQ65545 QUM65544:QUM65545 REI65544:REI65545 ROE65544:ROE65545 RYA65544:RYA65545 SHW65544:SHW65545 SRS65544:SRS65545 TBO65544:TBO65545 TLK65544:TLK65545 TVG65544:TVG65545 UFC65544:UFC65545 UOY65544:UOY65545 UYU65544:UYU65545 VIQ65544:VIQ65545 VSM65544:VSM65545 WCI65544:WCI65545 WME65544:WME65545 WWA65544:WWA65545 S131080:S131081 JO131080:JO131081 TK131080:TK131081 ADG131080:ADG131081 ANC131080:ANC131081 AWY131080:AWY131081 BGU131080:BGU131081 BQQ131080:BQQ131081 CAM131080:CAM131081 CKI131080:CKI131081 CUE131080:CUE131081 DEA131080:DEA131081 DNW131080:DNW131081 DXS131080:DXS131081 EHO131080:EHO131081 ERK131080:ERK131081 FBG131080:FBG131081 FLC131080:FLC131081 FUY131080:FUY131081 GEU131080:GEU131081 GOQ131080:GOQ131081 GYM131080:GYM131081 HII131080:HII131081 HSE131080:HSE131081 ICA131080:ICA131081 ILW131080:ILW131081 IVS131080:IVS131081 JFO131080:JFO131081 JPK131080:JPK131081 JZG131080:JZG131081 KJC131080:KJC131081 KSY131080:KSY131081 LCU131080:LCU131081 LMQ131080:LMQ131081 LWM131080:LWM131081 MGI131080:MGI131081 MQE131080:MQE131081 NAA131080:NAA131081 NJW131080:NJW131081 NTS131080:NTS131081 ODO131080:ODO131081 ONK131080:ONK131081 OXG131080:OXG131081 PHC131080:PHC131081 PQY131080:PQY131081 QAU131080:QAU131081 QKQ131080:QKQ131081 QUM131080:QUM131081 REI131080:REI131081 ROE131080:ROE131081 RYA131080:RYA131081 SHW131080:SHW131081 SRS131080:SRS131081 TBO131080:TBO131081 TLK131080:TLK131081 TVG131080:TVG131081 UFC131080:UFC131081 UOY131080:UOY131081 UYU131080:UYU131081 VIQ131080:VIQ131081 VSM131080:VSM131081 WCI131080:WCI131081 WME131080:WME131081 WWA131080:WWA131081 S196616:S196617 JO196616:JO196617 TK196616:TK196617 ADG196616:ADG196617 ANC196616:ANC196617 AWY196616:AWY196617 BGU196616:BGU196617 BQQ196616:BQQ196617 CAM196616:CAM196617 CKI196616:CKI196617 CUE196616:CUE196617 DEA196616:DEA196617 DNW196616:DNW196617 DXS196616:DXS196617 EHO196616:EHO196617 ERK196616:ERK196617 FBG196616:FBG196617 FLC196616:FLC196617 FUY196616:FUY196617 GEU196616:GEU196617 GOQ196616:GOQ196617 GYM196616:GYM196617 HII196616:HII196617 HSE196616:HSE196617 ICA196616:ICA196617 ILW196616:ILW196617 IVS196616:IVS196617 JFO196616:JFO196617 JPK196616:JPK196617 JZG196616:JZG196617 KJC196616:KJC196617 KSY196616:KSY196617 LCU196616:LCU196617 LMQ196616:LMQ196617 LWM196616:LWM196617 MGI196616:MGI196617 MQE196616:MQE196617 NAA196616:NAA196617 NJW196616:NJW196617 NTS196616:NTS196617 ODO196616:ODO196617 ONK196616:ONK196617 OXG196616:OXG196617 PHC196616:PHC196617 PQY196616:PQY196617 QAU196616:QAU196617 QKQ196616:QKQ196617 QUM196616:QUM196617 REI196616:REI196617 ROE196616:ROE196617 RYA196616:RYA196617 SHW196616:SHW196617 SRS196616:SRS196617 TBO196616:TBO196617 TLK196616:TLK196617 TVG196616:TVG196617 UFC196616:UFC196617 UOY196616:UOY196617 UYU196616:UYU196617 VIQ196616:VIQ196617 VSM196616:VSM196617 WCI196616:WCI196617 WME196616:WME196617 WWA196616:WWA196617 S262152:S262153 JO262152:JO262153 TK262152:TK262153 ADG262152:ADG262153 ANC262152:ANC262153 AWY262152:AWY262153 BGU262152:BGU262153 BQQ262152:BQQ262153 CAM262152:CAM262153 CKI262152:CKI262153 CUE262152:CUE262153 DEA262152:DEA262153 DNW262152:DNW262153 DXS262152:DXS262153 EHO262152:EHO262153 ERK262152:ERK262153 FBG262152:FBG262153 FLC262152:FLC262153 FUY262152:FUY262153 GEU262152:GEU262153 GOQ262152:GOQ262153 GYM262152:GYM262153 HII262152:HII262153 HSE262152:HSE262153 ICA262152:ICA262153 ILW262152:ILW262153 IVS262152:IVS262153 JFO262152:JFO262153 JPK262152:JPK262153 JZG262152:JZG262153 KJC262152:KJC262153 KSY262152:KSY262153 LCU262152:LCU262153 LMQ262152:LMQ262153 LWM262152:LWM262153 MGI262152:MGI262153 MQE262152:MQE262153 NAA262152:NAA262153 NJW262152:NJW262153 NTS262152:NTS262153 ODO262152:ODO262153 ONK262152:ONK262153 OXG262152:OXG262153 PHC262152:PHC262153 PQY262152:PQY262153 QAU262152:QAU262153 QKQ262152:QKQ262153 QUM262152:QUM262153 REI262152:REI262153 ROE262152:ROE262153 RYA262152:RYA262153 SHW262152:SHW262153 SRS262152:SRS262153 TBO262152:TBO262153 TLK262152:TLK262153 TVG262152:TVG262153 UFC262152:UFC262153 UOY262152:UOY262153 UYU262152:UYU262153 VIQ262152:VIQ262153 VSM262152:VSM262153 WCI262152:WCI262153 WME262152:WME262153 WWA262152:WWA262153 S327688:S327689 JO327688:JO327689 TK327688:TK327689 ADG327688:ADG327689 ANC327688:ANC327689 AWY327688:AWY327689 BGU327688:BGU327689 BQQ327688:BQQ327689 CAM327688:CAM327689 CKI327688:CKI327689 CUE327688:CUE327689 DEA327688:DEA327689 DNW327688:DNW327689 DXS327688:DXS327689 EHO327688:EHO327689 ERK327688:ERK327689 FBG327688:FBG327689 FLC327688:FLC327689 FUY327688:FUY327689 GEU327688:GEU327689 GOQ327688:GOQ327689 GYM327688:GYM327689 HII327688:HII327689 HSE327688:HSE327689 ICA327688:ICA327689 ILW327688:ILW327689 IVS327688:IVS327689 JFO327688:JFO327689 JPK327688:JPK327689 JZG327688:JZG327689 KJC327688:KJC327689 KSY327688:KSY327689 LCU327688:LCU327689 LMQ327688:LMQ327689 LWM327688:LWM327689 MGI327688:MGI327689 MQE327688:MQE327689 NAA327688:NAA327689 NJW327688:NJW327689 NTS327688:NTS327689 ODO327688:ODO327689 ONK327688:ONK327689 OXG327688:OXG327689 PHC327688:PHC327689 PQY327688:PQY327689 QAU327688:QAU327689 QKQ327688:QKQ327689 QUM327688:QUM327689 REI327688:REI327689 ROE327688:ROE327689 RYA327688:RYA327689 SHW327688:SHW327689 SRS327688:SRS327689 TBO327688:TBO327689 TLK327688:TLK327689 TVG327688:TVG327689 UFC327688:UFC327689 UOY327688:UOY327689 UYU327688:UYU327689 VIQ327688:VIQ327689 VSM327688:VSM327689 WCI327688:WCI327689 WME327688:WME327689 WWA327688:WWA327689 S393224:S393225 JO393224:JO393225 TK393224:TK393225 ADG393224:ADG393225 ANC393224:ANC393225 AWY393224:AWY393225 BGU393224:BGU393225 BQQ393224:BQQ393225 CAM393224:CAM393225 CKI393224:CKI393225 CUE393224:CUE393225 DEA393224:DEA393225 DNW393224:DNW393225 DXS393224:DXS393225 EHO393224:EHO393225 ERK393224:ERK393225 FBG393224:FBG393225 FLC393224:FLC393225 FUY393224:FUY393225 GEU393224:GEU393225 GOQ393224:GOQ393225 GYM393224:GYM393225 HII393224:HII393225 HSE393224:HSE393225 ICA393224:ICA393225 ILW393224:ILW393225 IVS393224:IVS393225 JFO393224:JFO393225 JPK393224:JPK393225 JZG393224:JZG393225 KJC393224:KJC393225 KSY393224:KSY393225 LCU393224:LCU393225 LMQ393224:LMQ393225 LWM393224:LWM393225 MGI393224:MGI393225 MQE393224:MQE393225 NAA393224:NAA393225 NJW393224:NJW393225 NTS393224:NTS393225 ODO393224:ODO393225 ONK393224:ONK393225 OXG393224:OXG393225 PHC393224:PHC393225 PQY393224:PQY393225 QAU393224:QAU393225 QKQ393224:QKQ393225 QUM393224:QUM393225 REI393224:REI393225 ROE393224:ROE393225 RYA393224:RYA393225 SHW393224:SHW393225 SRS393224:SRS393225 TBO393224:TBO393225 TLK393224:TLK393225 TVG393224:TVG393225 UFC393224:UFC393225 UOY393224:UOY393225 UYU393224:UYU393225 VIQ393224:VIQ393225 VSM393224:VSM393225 WCI393224:WCI393225 WME393224:WME393225 WWA393224:WWA393225 S458760:S458761 JO458760:JO458761 TK458760:TK458761 ADG458760:ADG458761 ANC458760:ANC458761 AWY458760:AWY458761 BGU458760:BGU458761 BQQ458760:BQQ458761 CAM458760:CAM458761 CKI458760:CKI458761 CUE458760:CUE458761 DEA458760:DEA458761 DNW458760:DNW458761 DXS458760:DXS458761 EHO458760:EHO458761 ERK458760:ERK458761 FBG458760:FBG458761 FLC458760:FLC458761 FUY458760:FUY458761 GEU458760:GEU458761 GOQ458760:GOQ458761 GYM458760:GYM458761 HII458760:HII458761 HSE458760:HSE458761 ICA458760:ICA458761 ILW458760:ILW458761 IVS458760:IVS458761 JFO458760:JFO458761 JPK458760:JPK458761 JZG458760:JZG458761 KJC458760:KJC458761 KSY458760:KSY458761 LCU458760:LCU458761 LMQ458760:LMQ458761 LWM458760:LWM458761 MGI458760:MGI458761 MQE458760:MQE458761 NAA458760:NAA458761 NJW458760:NJW458761 NTS458760:NTS458761 ODO458760:ODO458761 ONK458760:ONK458761 OXG458760:OXG458761 PHC458760:PHC458761 PQY458760:PQY458761 QAU458760:QAU458761 QKQ458760:QKQ458761 QUM458760:QUM458761 REI458760:REI458761 ROE458760:ROE458761 RYA458760:RYA458761 SHW458760:SHW458761 SRS458760:SRS458761 TBO458760:TBO458761 TLK458760:TLK458761 TVG458760:TVG458761 UFC458760:UFC458761 UOY458760:UOY458761 UYU458760:UYU458761 VIQ458760:VIQ458761 VSM458760:VSM458761 WCI458760:WCI458761 WME458760:WME458761 WWA458760:WWA458761 S524296:S524297 JO524296:JO524297 TK524296:TK524297 ADG524296:ADG524297 ANC524296:ANC524297 AWY524296:AWY524297 BGU524296:BGU524297 BQQ524296:BQQ524297 CAM524296:CAM524297 CKI524296:CKI524297 CUE524296:CUE524297 DEA524296:DEA524297 DNW524296:DNW524297 DXS524296:DXS524297 EHO524296:EHO524297 ERK524296:ERK524297 FBG524296:FBG524297 FLC524296:FLC524297 FUY524296:FUY524297 GEU524296:GEU524297 GOQ524296:GOQ524297 GYM524296:GYM524297 HII524296:HII524297 HSE524296:HSE524297 ICA524296:ICA524297 ILW524296:ILW524297 IVS524296:IVS524297 JFO524296:JFO524297 JPK524296:JPK524297 JZG524296:JZG524297 KJC524296:KJC524297 KSY524296:KSY524297 LCU524296:LCU524297 LMQ524296:LMQ524297 LWM524296:LWM524297 MGI524296:MGI524297 MQE524296:MQE524297 NAA524296:NAA524297 NJW524296:NJW524297 NTS524296:NTS524297 ODO524296:ODO524297 ONK524296:ONK524297 OXG524296:OXG524297 PHC524296:PHC524297 PQY524296:PQY524297 QAU524296:QAU524297 QKQ524296:QKQ524297 QUM524296:QUM524297 REI524296:REI524297 ROE524296:ROE524297 RYA524296:RYA524297 SHW524296:SHW524297 SRS524296:SRS524297 TBO524296:TBO524297 TLK524296:TLK524297 TVG524296:TVG524297 UFC524296:UFC524297 UOY524296:UOY524297 UYU524296:UYU524297 VIQ524296:VIQ524297 VSM524296:VSM524297 WCI524296:WCI524297 WME524296:WME524297 WWA524296:WWA524297 S589832:S589833 JO589832:JO589833 TK589832:TK589833 ADG589832:ADG589833 ANC589832:ANC589833 AWY589832:AWY589833 BGU589832:BGU589833 BQQ589832:BQQ589833 CAM589832:CAM589833 CKI589832:CKI589833 CUE589832:CUE589833 DEA589832:DEA589833 DNW589832:DNW589833 DXS589832:DXS589833 EHO589832:EHO589833 ERK589832:ERK589833 FBG589832:FBG589833 FLC589832:FLC589833 FUY589832:FUY589833 GEU589832:GEU589833 GOQ589832:GOQ589833 GYM589832:GYM589833 HII589832:HII589833 HSE589832:HSE589833 ICA589832:ICA589833 ILW589832:ILW589833 IVS589832:IVS589833 JFO589832:JFO589833 JPK589832:JPK589833 JZG589832:JZG589833 KJC589832:KJC589833 KSY589832:KSY589833 LCU589832:LCU589833 LMQ589832:LMQ589833 LWM589832:LWM589833 MGI589832:MGI589833 MQE589832:MQE589833 NAA589832:NAA589833 NJW589832:NJW589833 NTS589832:NTS589833 ODO589832:ODO589833 ONK589832:ONK589833 OXG589832:OXG589833 PHC589832:PHC589833 PQY589832:PQY589833 QAU589832:QAU589833 QKQ589832:QKQ589833 QUM589832:QUM589833 REI589832:REI589833 ROE589832:ROE589833 RYA589832:RYA589833 SHW589832:SHW589833 SRS589832:SRS589833 TBO589832:TBO589833 TLK589832:TLK589833 TVG589832:TVG589833 UFC589832:UFC589833 UOY589832:UOY589833 UYU589832:UYU589833 VIQ589832:VIQ589833 VSM589832:VSM589833 WCI589832:WCI589833 WME589832:WME589833 WWA589832:WWA589833 S655368:S655369 JO655368:JO655369 TK655368:TK655369 ADG655368:ADG655369 ANC655368:ANC655369 AWY655368:AWY655369 BGU655368:BGU655369 BQQ655368:BQQ655369 CAM655368:CAM655369 CKI655368:CKI655369 CUE655368:CUE655369 DEA655368:DEA655369 DNW655368:DNW655369 DXS655368:DXS655369 EHO655368:EHO655369 ERK655368:ERK655369 FBG655368:FBG655369 FLC655368:FLC655369 FUY655368:FUY655369 GEU655368:GEU655369 GOQ655368:GOQ655369 GYM655368:GYM655369 HII655368:HII655369 HSE655368:HSE655369 ICA655368:ICA655369 ILW655368:ILW655369 IVS655368:IVS655369 JFO655368:JFO655369 JPK655368:JPK655369 JZG655368:JZG655369 KJC655368:KJC655369 KSY655368:KSY655369 LCU655368:LCU655369 LMQ655368:LMQ655369 LWM655368:LWM655369 MGI655368:MGI655369 MQE655368:MQE655369 NAA655368:NAA655369 NJW655368:NJW655369 NTS655368:NTS655369 ODO655368:ODO655369 ONK655368:ONK655369 OXG655368:OXG655369 PHC655368:PHC655369 PQY655368:PQY655369 QAU655368:QAU655369 QKQ655368:QKQ655369 QUM655368:QUM655369 REI655368:REI655369 ROE655368:ROE655369 RYA655368:RYA655369 SHW655368:SHW655369 SRS655368:SRS655369 TBO655368:TBO655369 TLK655368:TLK655369 TVG655368:TVG655369 UFC655368:UFC655369 UOY655368:UOY655369 UYU655368:UYU655369 VIQ655368:VIQ655369 VSM655368:VSM655369 WCI655368:WCI655369 WME655368:WME655369 WWA655368:WWA655369 S720904:S720905 JO720904:JO720905 TK720904:TK720905 ADG720904:ADG720905 ANC720904:ANC720905 AWY720904:AWY720905 BGU720904:BGU720905 BQQ720904:BQQ720905 CAM720904:CAM720905 CKI720904:CKI720905 CUE720904:CUE720905 DEA720904:DEA720905 DNW720904:DNW720905 DXS720904:DXS720905 EHO720904:EHO720905 ERK720904:ERK720905 FBG720904:FBG720905 FLC720904:FLC720905 FUY720904:FUY720905 GEU720904:GEU720905 GOQ720904:GOQ720905 GYM720904:GYM720905 HII720904:HII720905 HSE720904:HSE720905 ICA720904:ICA720905 ILW720904:ILW720905 IVS720904:IVS720905 JFO720904:JFO720905 JPK720904:JPK720905 JZG720904:JZG720905 KJC720904:KJC720905 KSY720904:KSY720905 LCU720904:LCU720905 LMQ720904:LMQ720905 LWM720904:LWM720905 MGI720904:MGI720905 MQE720904:MQE720905 NAA720904:NAA720905 NJW720904:NJW720905 NTS720904:NTS720905 ODO720904:ODO720905 ONK720904:ONK720905 OXG720904:OXG720905 PHC720904:PHC720905 PQY720904:PQY720905 QAU720904:QAU720905 QKQ720904:QKQ720905 QUM720904:QUM720905 REI720904:REI720905 ROE720904:ROE720905 RYA720904:RYA720905 SHW720904:SHW720905 SRS720904:SRS720905 TBO720904:TBO720905 TLK720904:TLK720905 TVG720904:TVG720905 UFC720904:UFC720905 UOY720904:UOY720905 UYU720904:UYU720905 VIQ720904:VIQ720905 VSM720904:VSM720905 WCI720904:WCI720905 WME720904:WME720905 WWA720904:WWA720905 S786440:S786441 JO786440:JO786441 TK786440:TK786441 ADG786440:ADG786441 ANC786440:ANC786441 AWY786440:AWY786441 BGU786440:BGU786441 BQQ786440:BQQ786441 CAM786440:CAM786441 CKI786440:CKI786441 CUE786440:CUE786441 DEA786440:DEA786441 DNW786440:DNW786441 DXS786440:DXS786441 EHO786440:EHO786441 ERK786440:ERK786441 FBG786440:FBG786441 FLC786440:FLC786441 FUY786440:FUY786441 GEU786440:GEU786441 GOQ786440:GOQ786441 GYM786440:GYM786441 HII786440:HII786441 HSE786440:HSE786441 ICA786440:ICA786441 ILW786440:ILW786441 IVS786440:IVS786441 JFO786440:JFO786441 JPK786440:JPK786441 JZG786440:JZG786441 KJC786440:KJC786441 KSY786440:KSY786441 LCU786440:LCU786441 LMQ786440:LMQ786441 LWM786440:LWM786441 MGI786440:MGI786441 MQE786440:MQE786441 NAA786440:NAA786441 NJW786440:NJW786441 NTS786440:NTS786441 ODO786440:ODO786441 ONK786440:ONK786441 OXG786440:OXG786441 PHC786440:PHC786441 PQY786440:PQY786441 QAU786440:QAU786441 QKQ786440:QKQ786441 QUM786440:QUM786441 REI786440:REI786441 ROE786440:ROE786441 RYA786440:RYA786441 SHW786440:SHW786441 SRS786440:SRS786441 TBO786440:TBO786441 TLK786440:TLK786441 TVG786440:TVG786441 UFC786440:UFC786441 UOY786440:UOY786441 UYU786440:UYU786441 VIQ786440:VIQ786441 VSM786440:VSM786441 WCI786440:WCI786441 WME786440:WME786441 WWA786440:WWA786441 S851976:S851977 JO851976:JO851977 TK851976:TK851977 ADG851976:ADG851977 ANC851976:ANC851977 AWY851976:AWY851977 BGU851976:BGU851977 BQQ851976:BQQ851977 CAM851976:CAM851977 CKI851976:CKI851977 CUE851976:CUE851977 DEA851976:DEA851977 DNW851976:DNW851977 DXS851976:DXS851977 EHO851976:EHO851977 ERK851976:ERK851977 FBG851976:FBG851977 FLC851976:FLC851977 FUY851976:FUY851977 GEU851976:GEU851977 GOQ851976:GOQ851977 GYM851976:GYM851977 HII851976:HII851977 HSE851976:HSE851977 ICA851976:ICA851977 ILW851976:ILW851977 IVS851976:IVS851977 JFO851976:JFO851977 JPK851976:JPK851977 JZG851976:JZG851977 KJC851976:KJC851977 KSY851976:KSY851977 LCU851976:LCU851977 LMQ851976:LMQ851977 LWM851976:LWM851977 MGI851976:MGI851977 MQE851976:MQE851977 NAA851976:NAA851977 NJW851976:NJW851977 NTS851976:NTS851977 ODO851976:ODO851977 ONK851976:ONK851977 OXG851976:OXG851977 PHC851976:PHC851977 PQY851976:PQY851977 QAU851976:QAU851977 QKQ851976:QKQ851977 QUM851976:QUM851977 REI851976:REI851977 ROE851976:ROE851977 RYA851976:RYA851977 SHW851976:SHW851977 SRS851976:SRS851977 TBO851976:TBO851977 TLK851976:TLK851977 TVG851976:TVG851977 UFC851976:UFC851977 UOY851976:UOY851977 UYU851976:UYU851977 VIQ851976:VIQ851977 VSM851976:VSM851977 WCI851976:WCI851977 WME851976:WME851977 WWA851976:WWA851977 S917512:S917513 JO917512:JO917513 TK917512:TK917513 ADG917512:ADG917513 ANC917512:ANC917513 AWY917512:AWY917513 BGU917512:BGU917513 BQQ917512:BQQ917513 CAM917512:CAM917513 CKI917512:CKI917513 CUE917512:CUE917513 DEA917512:DEA917513 DNW917512:DNW917513 DXS917512:DXS917513 EHO917512:EHO917513 ERK917512:ERK917513 FBG917512:FBG917513 FLC917512:FLC917513 FUY917512:FUY917513 GEU917512:GEU917513 GOQ917512:GOQ917513 GYM917512:GYM917513 HII917512:HII917513 HSE917512:HSE917513 ICA917512:ICA917513 ILW917512:ILW917513 IVS917512:IVS917513 JFO917512:JFO917513 JPK917512:JPK917513 JZG917512:JZG917513 KJC917512:KJC917513 KSY917512:KSY917513 LCU917512:LCU917513 LMQ917512:LMQ917513 LWM917512:LWM917513 MGI917512:MGI917513 MQE917512:MQE917513 NAA917512:NAA917513 NJW917512:NJW917513 NTS917512:NTS917513 ODO917512:ODO917513 ONK917512:ONK917513 OXG917512:OXG917513 PHC917512:PHC917513 PQY917512:PQY917513 QAU917512:QAU917513 QKQ917512:QKQ917513 QUM917512:QUM917513 REI917512:REI917513 ROE917512:ROE917513 RYA917512:RYA917513 SHW917512:SHW917513 SRS917512:SRS917513 TBO917512:TBO917513 TLK917512:TLK917513 TVG917512:TVG917513 UFC917512:UFC917513 UOY917512:UOY917513 UYU917512:UYU917513 VIQ917512:VIQ917513 VSM917512:VSM917513 WCI917512:WCI917513 WME917512:WME917513 WWA917512:WWA917513 S983048:S983049 JO983048:JO983049 TK983048:TK983049 ADG983048:ADG983049 ANC983048:ANC983049 AWY983048:AWY983049 BGU983048:BGU983049 BQQ983048:BQQ983049 CAM983048:CAM983049 CKI983048:CKI983049 CUE983048:CUE983049 DEA983048:DEA983049 DNW983048:DNW983049 DXS983048:DXS983049 EHO983048:EHO983049 ERK983048:ERK983049 FBG983048:FBG983049 FLC983048:FLC983049 FUY983048:FUY983049 GEU983048:GEU983049 GOQ983048:GOQ983049 GYM983048:GYM983049 HII983048:HII983049 HSE983048:HSE983049 ICA983048:ICA983049 ILW983048:ILW983049 IVS983048:IVS983049 JFO983048:JFO983049 JPK983048:JPK983049 JZG983048:JZG983049 KJC983048:KJC983049 KSY983048:KSY983049 LCU983048:LCU983049 LMQ983048:LMQ983049 LWM983048:LWM983049 MGI983048:MGI983049 MQE983048:MQE983049 NAA983048:NAA983049 NJW983048:NJW983049 NTS983048:NTS983049 ODO983048:ODO983049 ONK983048:ONK983049 OXG983048:OXG983049 PHC983048:PHC983049 PQY983048:PQY983049 QAU983048:QAU983049 QKQ983048:QKQ983049 QUM983048:QUM983049 REI983048:REI983049 ROE983048:ROE983049 RYA983048:RYA983049 SHW983048:SHW983049 SRS983048:SRS983049 TBO983048:TBO983049 TLK983048:TLK983049 TVG983048:TVG983049 UFC983048:UFC983049 UOY983048:UOY983049 UYU983048:UYU983049 VIQ983048:VIQ983049 VSM983048:VSM983049 WCI983048:WCI983049 WME983048:WME983049 WWA983048:WWA983049 AD17:AD19 JZ17:JZ19 TV17:TV19 ADR17:ADR19 ANN17:ANN19 AXJ17:AXJ19 BHF17:BHF19 BRB17:BRB19 CAX17:CAX19 CKT17:CKT19 CUP17:CUP19 DEL17:DEL19 DOH17:DOH19 DYD17:DYD19 EHZ17:EHZ19 ERV17:ERV19 FBR17:FBR19 FLN17:FLN19 FVJ17:FVJ19 GFF17:GFF19 GPB17:GPB19 GYX17:GYX19 HIT17:HIT19 HSP17:HSP19 ICL17:ICL19 IMH17:IMH19 IWD17:IWD19 JFZ17:JFZ19 JPV17:JPV19 JZR17:JZR19 KJN17:KJN19 KTJ17:KTJ19 LDF17:LDF19 LNB17:LNB19 LWX17:LWX19 MGT17:MGT19 MQP17:MQP19 NAL17:NAL19 NKH17:NKH19 NUD17:NUD19 ODZ17:ODZ19 ONV17:ONV19 OXR17:OXR19 PHN17:PHN19 PRJ17:PRJ19 QBF17:QBF19 QLB17:QLB19 QUX17:QUX19 RET17:RET19 ROP17:ROP19 RYL17:RYL19 SIH17:SIH19 SSD17:SSD19 TBZ17:TBZ19 TLV17:TLV19 TVR17:TVR19 UFN17:UFN19 UPJ17:UPJ19 UZF17:UZF19 VJB17:VJB19 VSX17:VSX19 WCT17:WCT19 WMP17:WMP19 WWL17:WWL19 AD65553:AD65555 JZ65553:JZ65555 TV65553:TV65555 ADR65553:ADR65555 ANN65553:ANN65555 AXJ65553:AXJ65555 BHF65553:BHF65555 BRB65553:BRB65555 CAX65553:CAX65555 CKT65553:CKT65555 CUP65553:CUP65555 DEL65553:DEL65555 DOH65553:DOH65555 DYD65553:DYD65555 EHZ65553:EHZ65555 ERV65553:ERV65555 FBR65553:FBR65555 FLN65553:FLN65555 FVJ65553:FVJ65555 GFF65553:GFF65555 GPB65553:GPB65555 GYX65553:GYX65555 HIT65553:HIT65555 HSP65553:HSP65555 ICL65553:ICL65555 IMH65553:IMH65555 IWD65553:IWD65555 JFZ65553:JFZ65555 JPV65553:JPV65555 JZR65553:JZR65555 KJN65553:KJN65555 KTJ65553:KTJ65555 LDF65553:LDF65555 LNB65553:LNB65555 LWX65553:LWX65555 MGT65553:MGT65555 MQP65553:MQP65555 NAL65553:NAL65555 NKH65553:NKH65555 NUD65553:NUD65555 ODZ65553:ODZ65555 ONV65553:ONV65555 OXR65553:OXR65555 PHN65553:PHN65555 PRJ65553:PRJ65555 QBF65553:QBF65555 QLB65553:QLB65555 QUX65553:QUX65555 RET65553:RET65555 ROP65553:ROP65555 RYL65553:RYL65555 SIH65553:SIH65555 SSD65553:SSD65555 TBZ65553:TBZ65555 TLV65553:TLV65555 TVR65553:TVR65555 UFN65553:UFN65555 UPJ65553:UPJ65555 UZF65553:UZF65555 VJB65553:VJB65555 VSX65553:VSX65555 WCT65553:WCT65555 WMP65553:WMP65555 WWL65553:WWL65555 AD131089:AD131091 JZ131089:JZ131091 TV131089:TV131091 ADR131089:ADR131091 ANN131089:ANN131091 AXJ131089:AXJ131091 BHF131089:BHF131091 BRB131089:BRB131091 CAX131089:CAX131091 CKT131089:CKT131091 CUP131089:CUP131091 DEL131089:DEL131091 DOH131089:DOH131091 DYD131089:DYD131091 EHZ131089:EHZ131091 ERV131089:ERV131091 FBR131089:FBR131091 FLN131089:FLN131091 FVJ131089:FVJ131091 GFF131089:GFF131091 GPB131089:GPB131091 GYX131089:GYX131091 HIT131089:HIT131091 HSP131089:HSP131091 ICL131089:ICL131091 IMH131089:IMH131091 IWD131089:IWD131091 JFZ131089:JFZ131091 JPV131089:JPV131091 JZR131089:JZR131091 KJN131089:KJN131091 KTJ131089:KTJ131091 LDF131089:LDF131091 LNB131089:LNB131091 LWX131089:LWX131091 MGT131089:MGT131091 MQP131089:MQP131091 NAL131089:NAL131091 NKH131089:NKH131091 NUD131089:NUD131091 ODZ131089:ODZ131091 ONV131089:ONV131091 OXR131089:OXR131091 PHN131089:PHN131091 PRJ131089:PRJ131091 QBF131089:QBF131091 QLB131089:QLB131091 QUX131089:QUX131091 RET131089:RET131091 ROP131089:ROP131091 RYL131089:RYL131091 SIH131089:SIH131091 SSD131089:SSD131091 TBZ131089:TBZ131091 TLV131089:TLV131091 TVR131089:TVR131091 UFN131089:UFN131091 UPJ131089:UPJ131091 UZF131089:UZF131091 VJB131089:VJB131091 VSX131089:VSX131091 WCT131089:WCT131091 WMP131089:WMP131091 WWL131089:WWL131091 AD196625:AD196627 JZ196625:JZ196627 TV196625:TV196627 ADR196625:ADR196627 ANN196625:ANN196627 AXJ196625:AXJ196627 BHF196625:BHF196627 BRB196625:BRB196627 CAX196625:CAX196627 CKT196625:CKT196627 CUP196625:CUP196627 DEL196625:DEL196627 DOH196625:DOH196627 DYD196625:DYD196627 EHZ196625:EHZ196627 ERV196625:ERV196627 FBR196625:FBR196627 FLN196625:FLN196627 FVJ196625:FVJ196627 GFF196625:GFF196627 GPB196625:GPB196627 GYX196625:GYX196627 HIT196625:HIT196627 HSP196625:HSP196627 ICL196625:ICL196627 IMH196625:IMH196627 IWD196625:IWD196627 JFZ196625:JFZ196627 JPV196625:JPV196627 JZR196625:JZR196627 KJN196625:KJN196627 KTJ196625:KTJ196627 LDF196625:LDF196627 LNB196625:LNB196627 LWX196625:LWX196627 MGT196625:MGT196627 MQP196625:MQP196627 NAL196625:NAL196627 NKH196625:NKH196627 NUD196625:NUD196627 ODZ196625:ODZ196627 ONV196625:ONV196627 OXR196625:OXR196627 PHN196625:PHN196627 PRJ196625:PRJ196627 QBF196625:QBF196627 QLB196625:QLB196627 QUX196625:QUX196627 RET196625:RET196627 ROP196625:ROP196627 RYL196625:RYL196627 SIH196625:SIH196627 SSD196625:SSD196627 TBZ196625:TBZ196627 TLV196625:TLV196627 TVR196625:TVR196627 UFN196625:UFN196627 UPJ196625:UPJ196627 UZF196625:UZF196627 VJB196625:VJB196627 VSX196625:VSX196627 WCT196625:WCT196627 WMP196625:WMP196627 WWL196625:WWL196627 AD262161:AD262163 JZ262161:JZ262163 TV262161:TV262163 ADR262161:ADR262163 ANN262161:ANN262163 AXJ262161:AXJ262163 BHF262161:BHF262163 BRB262161:BRB262163 CAX262161:CAX262163 CKT262161:CKT262163 CUP262161:CUP262163 DEL262161:DEL262163 DOH262161:DOH262163 DYD262161:DYD262163 EHZ262161:EHZ262163 ERV262161:ERV262163 FBR262161:FBR262163 FLN262161:FLN262163 FVJ262161:FVJ262163 GFF262161:GFF262163 GPB262161:GPB262163 GYX262161:GYX262163 HIT262161:HIT262163 HSP262161:HSP262163 ICL262161:ICL262163 IMH262161:IMH262163 IWD262161:IWD262163 JFZ262161:JFZ262163 JPV262161:JPV262163 JZR262161:JZR262163 KJN262161:KJN262163 KTJ262161:KTJ262163 LDF262161:LDF262163 LNB262161:LNB262163 LWX262161:LWX262163 MGT262161:MGT262163 MQP262161:MQP262163 NAL262161:NAL262163 NKH262161:NKH262163 NUD262161:NUD262163 ODZ262161:ODZ262163 ONV262161:ONV262163 OXR262161:OXR262163 PHN262161:PHN262163 PRJ262161:PRJ262163 QBF262161:QBF262163 QLB262161:QLB262163 QUX262161:QUX262163 RET262161:RET262163 ROP262161:ROP262163 RYL262161:RYL262163 SIH262161:SIH262163 SSD262161:SSD262163 TBZ262161:TBZ262163 TLV262161:TLV262163 TVR262161:TVR262163 UFN262161:UFN262163 UPJ262161:UPJ262163 UZF262161:UZF262163 VJB262161:VJB262163 VSX262161:VSX262163 WCT262161:WCT262163 WMP262161:WMP262163 WWL262161:WWL262163 AD327697:AD327699 JZ327697:JZ327699 TV327697:TV327699 ADR327697:ADR327699 ANN327697:ANN327699 AXJ327697:AXJ327699 BHF327697:BHF327699 BRB327697:BRB327699 CAX327697:CAX327699 CKT327697:CKT327699 CUP327697:CUP327699 DEL327697:DEL327699 DOH327697:DOH327699 DYD327697:DYD327699 EHZ327697:EHZ327699 ERV327697:ERV327699 FBR327697:FBR327699 FLN327697:FLN327699 FVJ327697:FVJ327699 GFF327697:GFF327699 GPB327697:GPB327699 GYX327697:GYX327699 HIT327697:HIT327699 HSP327697:HSP327699 ICL327697:ICL327699 IMH327697:IMH327699 IWD327697:IWD327699 JFZ327697:JFZ327699 JPV327697:JPV327699 JZR327697:JZR327699 KJN327697:KJN327699 KTJ327697:KTJ327699 LDF327697:LDF327699 LNB327697:LNB327699 LWX327697:LWX327699 MGT327697:MGT327699 MQP327697:MQP327699 NAL327697:NAL327699 NKH327697:NKH327699 NUD327697:NUD327699 ODZ327697:ODZ327699 ONV327697:ONV327699 OXR327697:OXR327699 PHN327697:PHN327699 PRJ327697:PRJ327699 QBF327697:QBF327699 QLB327697:QLB327699 QUX327697:QUX327699 RET327697:RET327699 ROP327697:ROP327699 RYL327697:RYL327699 SIH327697:SIH327699 SSD327697:SSD327699 TBZ327697:TBZ327699 TLV327697:TLV327699 TVR327697:TVR327699 UFN327697:UFN327699 UPJ327697:UPJ327699 UZF327697:UZF327699 VJB327697:VJB327699 VSX327697:VSX327699 WCT327697:WCT327699 WMP327697:WMP327699 WWL327697:WWL327699 AD393233:AD393235 JZ393233:JZ393235 TV393233:TV393235 ADR393233:ADR393235 ANN393233:ANN393235 AXJ393233:AXJ393235 BHF393233:BHF393235 BRB393233:BRB393235 CAX393233:CAX393235 CKT393233:CKT393235 CUP393233:CUP393235 DEL393233:DEL393235 DOH393233:DOH393235 DYD393233:DYD393235 EHZ393233:EHZ393235 ERV393233:ERV393235 FBR393233:FBR393235 FLN393233:FLN393235 FVJ393233:FVJ393235 GFF393233:GFF393235 GPB393233:GPB393235 GYX393233:GYX393235 HIT393233:HIT393235 HSP393233:HSP393235 ICL393233:ICL393235 IMH393233:IMH393235 IWD393233:IWD393235 JFZ393233:JFZ393235 JPV393233:JPV393235 JZR393233:JZR393235 KJN393233:KJN393235 KTJ393233:KTJ393235 LDF393233:LDF393235 LNB393233:LNB393235 LWX393233:LWX393235 MGT393233:MGT393235 MQP393233:MQP393235 NAL393233:NAL393235 NKH393233:NKH393235 NUD393233:NUD393235 ODZ393233:ODZ393235 ONV393233:ONV393235 OXR393233:OXR393235 PHN393233:PHN393235 PRJ393233:PRJ393235 QBF393233:QBF393235 QLB393233:QLB393235 QUX393233:QUX393235 RET393233:RET393235 ROP393233:ROP393235 RYL393233:RYL393235 SIH393233:SIH393235 SSD393233:SSD393235 TBZ393233:TBZ393235 TLV393233:TLV393235 TVR393233:TVR393235 UFN393233:UFN393235 UPJ393233:UPJ393235 UZF393233:UZF393235 VJB393233:VJB393235 VSX393233:VSX393235 WCT393233:WCT393235 WMP393233:WMP393235 WWL393233:WWL393235 AD458769:AD458771 JZ458769:JZ458771 TV458769:TV458771 ADR458769:ADR458771 ANN458769:ANN458771 AXJ458769:AXJ458771 BHF458769:BHF458771 BRB458769:BRB458771 CAX458769:CAX458771 CKT458769:CKT458771 CUP458769:CUP458771 DEL458769:DEL458771 DOH458769:DOH458771 DYD458769:DYD458771 EHZ458769:EHZ458771 ERV458769:ERV458771 FBR458769:FBR458771 FLN458769:FLN458771 FVJ458769:FVJ458771 GFF458769:GFF458771 GPB458769:GPB458771 GYX458769:GYX458771 HIT458769:HIT458771 HSP458769:HSP458771 ICL458769:ICL458771 IMH458769:IMH458771 IWD458769:IWD458771 JFZ458769:JFZ458771 JPV458769:JPV458771 JZR458769:JZR458771 KJN458769:KJN458771 KTJ458769:KTJ458771 LDF458769:LDF458771 LNB458769:LNB458771 LWX458769:LWX458771 MGT458769:MGT458771 MQP458769:MQP458771 NAL458769:NAL458771 NKH458769:NKH458771 NUD458769:NUD458771 ODZ458769:ODZ458771 ONV458769:ONV458771 OXR458769:OXR458771 PHN458769:PHN458771 PRJ458769:PRJ458771 QBF458769:QBF458771 QLB458769:QLB458771 QUX458769:QUX458771 RET458769:RET458771 ROP458769:ROP458771 RYL458769:RYL458771 SIH458769:SIH458771 SSD458769:SSD458771 TBZ458769:TBZ458771 TLV458769:TLV458771 TVR458769:TVR458771 UFN458769:UFN458771 UPJ458769:UPJ458771 UZF458769:UZF458771 VJB458769:VJB458771 VSX458769:VSX458771 WCT458769:WCT458771 WMP458769:WMP458771 WWL458769:WWL458771 AD524305:AD524307 JZ524305:JZ524307 TV524305:TV524307 ADR524305:ADR524307 ANN524305:ANN524307 AXJ524305:AXJ524307 BHF524305:BHF524307 BRB524305:BRB524307 CAX524305:CAX524307 CKT524305:CKT524307 CUP524305:CUP524307 DEL524305:DEL524307 DOH524305:DOH524307 DYD524305:DYD524307 EHZ524305:EHZ524307 ERV524305:ERV524307 FBR524305:FBR524307 FLN524305:FLN524307 FVJ524305:FVJ524307 GFF524305:GFF524307 GPB524305:GPB524307 GYX524305:GYX524307 HIT524305:HIT524307 HSP524305:HSP524307 ICL524305:ICL524307 IMH524305:IMH524307 IWD524305:IWD524307 JFZ524305:JFZ524307 JPV524305:JPV524307 JZR524305:JZR524307 KJN524305:KJN524307 KTJ524305:KTJ524307 LDF524305:LDF524307 LNB524305:LNB524307 LWX524305:LWX524307 MGT524305:MGT524307 MQP524305:MQP524307 NAL524305:NAL524307 NKH524305:NKH524307 NUD524305:NUD524307 ODZ524305:ODZ524307 ONV524305:ONV524307 OXR524305:OXR524307 PHN524305:PHN524307 PRJ524305:PRJ524307 QBF524305:QBF524307 QLB524305:QLB524307 QUX524305:QUX524307 RET524305:RET524307 ROP524305:ROP524307 RYL524305:RYL524307 SIH524305:SIH524307 SSD524305:SSD524307 TBZ524305:TBZ524307 TLV524305:TLV524307 TVR524305:TVR524307 UFN524305:UFN524307 UPJ524305:UPJ524307 UZF524305:UZF524307 VJB524305:VJB524307 VSX524305:VSX524307 WCT524305:WCT524307 WMP524305:WMP524307 WWL524305:WWL524307 AD589841:AD589843 JZ589841:JZ589843 TV589841:TV589843 ADR589841:ADR589843 ANN589841:ANN589843 AXJ589841:AXJ589843 BHF589841:BHF589843 BRB589841:BRB589843 CAX589841:CAX589843 CKT589841:CKT589843 CUP589841:CUP589843 DEL589841:DEL589843 DOH589841:DOH589843 DYD589841:DYD589843 EHZ589841:EHZ589843 ERV589841:ERV589843 FBR589841:FBR589843 FLN589841:FLN589843 FVJ589841:FVJ589843 GFF589841:GFF589843 GPB589841:GPB589843 GYX589841:GYX589843 HIT589841:HIT589843 HSP589841:HSP589843 ICL589841:ICL589843 IMH589841:IMH589843 IWD589841:IWD589843 JFZ589841:JFZ589843 JPV589841:JPV589843 JZR589841:JZR589843 KJN589841:KJN589843 KTJ589841:KTJ589843 LDF589841:LDF589843 LNB589841:LNB589843 LWX589841:LWX589843 MGT589841:MGT589843 MQP589841:MQP589843 NAL589841:NAL589843 NKH589841:NKH589843 NUD589841:NUD589843 ODZ589841:ODZ589843 ONV589841:ONV589843 OXR589841:OXR589843 PHN589841:PHN589843 PRJ589841:PRJ589843 QBF589841:QBF589843 QLB589841:QLB589843 QUX589841:QUX589843 RET589841:RET589843 ROP589841:ROP589843 RYL589841:RYL589843 SIH589841:SIH589843 SSD589841:SSD589843 TBZ589841:TBZ589843 TLV589841:TLV589843 TVR589841:TVR589843 UFN589841:UFN589843 UPJ589841:UPJ589843 UZF589841:UZF589843 VJB589841:VJB589843 VSX589841:VSX589843 WCT589841:WCT589843 WMP589841:WMP589843 WWL589841:WWL589843 AD655377:AD655379 JZ655377:JZ655379 TV655377:TV655379 ADR655377:ADR655379 ANN655377:ANN655379 AXJ655377:AXJ655379 BHF655377:BHF655379 BRB655377:BRB655379 CAX655377:CAX655379 CKT655377:CKT655379 CUP655377:CUP655379 DEL655377:DEL655379 DOH655377:DOH655379 DYD655377:DYD655379 EHZ655377:EHZ655379 ERV655377:ERV655379 FBR655377:FBR655379 FLN655377:FLN655379 FVJ655377:FVJ655379 GFF655377:GFF655379 GPB655377:GPB655379 GYX655377:GYX655379 HIT655377:HIT655379 HSP655377:HSP655379 ICL655377:ICL655379 IMH655377:IMH655379 IWD655377:IWD655379 JFZ655377:JFZ655379 JPV655377:JPV655379 JZR655377:JZR655379 KJN655377:KJN655379 KTJ655377:KTJ655379 LDF655377:LDF655379 LNB655377:LNB655379 LWX655377:LWX655379 MGT655377:MGT655379 MQP655377:MQP655379 NAL655377:NAL655379 NKH655377:NKH655379 NUD655377:NUD655379 ODZ655377:ODZ655379 ONV655377:ONV655379 OXR655377:OXR655379 PHN655377:PHN655379 PRJ655377:PRJ655379 QBF655377:QBF655379 QLB655377:QLB655379 QUX655377:QUX655379 RET655377:RET655379 ROP655377:ROP655379 RYL655377:RYL655379 SIH655377:SIH655379 SSD655377:SSD655379 TBZ655377:TBZ655379 TLV655377:TLV655379 TVR655377:TVR655379 UFN655377:UFN655379 UPJ655377:UPJ655379 UZF655377:UZF655379 VJB655377:VJB655379 VSX655377:VSX655379 WCT655377:WCT655379 WMP655377:WMP655379 WWL655377:WWL655379 AD720913:AD720915 JZ720913:JZ720915 TV720913:TV720915 ADR720913:ADR720915 ANN720913:ANN720915 AXJ720913:AXJ720915 BHF720913:BHF720915 BRB720913:BRB720915 CAX720913:CAX720915 CKT720913:CKT720915 CUP720913:CUP720915 DEL720913:DEL720915 DOH720913:DOH720915 DYD720913:DYD720915 EHZ720913:EHZ720915 ERV720913:ERV720915 FBR720913:FBR720915 FLN720913:FLN720915 FVJ720913:FVJ720915 GFF720913:GFF720915 GPB720913:GPB720915 GYX720913:GYX720915 HIT720913:HIT720915 HSP720913:HSP720915 ICL720913:ICL720915 IMH720913:IMH720915 IWD720913:IWD720915 JFZ720913:JFZ720915 JPV720913:JPV720915 JZR720913:JZR720915 KJN720913:KJN720915 KTJ720913:KTJ720915 LDF720913:LDF720915 LNB720913:LNB720915 LWX720913:LWX720915 MGT720913:MGT720915 MQP720913:MQP720915 NAL720913:NAL720915 NKH720913:NKH720915 NUD720913:NUD720915 ODZ720913:ODZ720915 ONV720913:ONV720915 OXR720913:OXR720915 PHN720913:PHN720915 PRJ720913:PRJ720915 QBF720913:QBF720915 QLB720913:QLB720915 QUX720913:QUX720915 RET720913:RET720915 ROP720913:ROP720915 RYL720913:RYL720915 SIH720913:SIH720915 SSD720913:SSD720915 TBZ720913:TBZ720915 TLV720913:TLV720915 TVR720913:TVR720915 UFN720913:UFN720915 UPJ720913:UPJ720915 UZF720913:UZF720915 VJB720913:VJB720915 VSX720913:VSX720915 WCT720913:WCT720915 WMP720913:WMP720915 WWL720913:WWL720915 AD786449:AD786451 JZ786449:JZ786451 TV786449:TV786451 ADR786449:ADR786451 ANN786449:ANN786451 AXJ786449:AXJ786451 BHF786449:BHF786451 BRB786449:BRB786451 CAX786449:CAX786451 CKT786449:CKT786451 CUP786449:CUP786451 DEL786449:DEL786451 DOH786449:DOH786451 DYD786449:DYD786451 EHZ786449:EHZ786451 ERV786449:ERV786451 FBR786449:FBR786451 FLN786449:FLN786451 FVJ786449:FVJ786451 GFF786449:GFF786451 GPB786449:GPB786451 GYX786449:GYX786451 HIT786449:HIT786451 HSP786449:HSP786451 ICL786449:ICL786451 IMH786449:IMH786451 IWD786449:IWD786451 JFZ786449:JFZ786451 JPV786449:JPV786451 JZR786449:JZR786451 KJN786449:KJN786451 KTJ786449:KTJ786451 LDF786449:LDF786451 LNB786449:LNB786451 LWX786449:LWX786451 MGT786449:MGT786451 MQP786449:MQP786451 NAL786449:NAL786451 NKH786449:NKH786451 NUD786449:NUD786451 ODZ786449:ODZ786451 ONV786449:ONV786451 OXR786449:OXR786451 PHN786449:PHN786451 PRJ786449:PRJ786451 QBF786449:QBF786451 QLB786449:QLB786451 QUX786449:QUX786451 RET786449:RET786451 ROP786449:ROP786451 RYL786449:RYL786451 SIH786449:SIH786451 SSD786449:SSD786451 TBZ786449:TBZ786451 TLV786449:TLV786451 TVR786449:TVR786451 UFN786449:UFN786451 UPJ786449:UPJ786451 UZF786449:UZF786451 VJB786449:VJB786451 VSX786449:VSX786451 WCT786449:WCT786451 WMP786449:WMP786451 WWL786449:WWL786451 AD851985:AD851987 JZ851985:JZ851987 TV851985:TV851987 ADR851985:ADR851987 ANN851985:ANN851987 AXJ851985:AXJ851987 BHF851985:BHF851987 BRB851985:BRB851987 CAX851985:CAX851987 CKT851985:CKT851987 CUP851985:CUP851987 DEL851985:DEL851987 DOH851985:DOH851987 DYD851985:DYD851987 EHZ851985:EHZ851987 ERV851985:ERV851987 FBR851985:FBR851987 FLN851985:FLN851987 FVJ851985:FVJ851987 GFF851985:GFF851987 GPB851985:GPB851987 GYX851985:GYX851987 HIT851985:HIT851987 HSP851985:HSP851987 ICL851985:ICL851987 IMH851985:IMH851987 IWD851985:IWD851987 JFZ851985:JFZ851987 JPV851985:JPV851987 JZR851985:JZR851987 KJN851985:KJN851987 KTJ851985:KTJ851987 LDF851985:LDF851987 LNB851985:LNB851987 LWX851985:LWX851987 MGT851985:MGT851987 MQP851985:MQP851987 NAL851985:NAL851987 NKH851985:NKH851987 NUD851985:NUD851987 ODZ851985:ODZ851987 ONV851985:ONV851987 OXR851985:OXR851987 PHN851985:PHN851987 PRJ851985:PRJ851987 QBF851985:QBF851987 QLB851985:QLB851987 QUX851985:QUX851987 RET851985:RET851987 ROP851985:ROP851987 RYL851985:RYL851987 SIH851985:SIH851987 SSD851985:SSD851987 TBZ851985:TBZ851987 TLV851985:TLV851987 TVR851985:TVR851987 UFN851985:UFN851987 UPJ851985:UPJ851987 UZF851985:UZF851987 VJB851985:VJB851987 VSX851985:VSX851987 WCT851985:WCT851987 WMP851985:WMP851987 WWL851985:WWL851987 AD917521:AD917523 JZ917521:JZ917523 TV917521:TV917523 ADR917521:ADR917523 ANN917521:ANN917523 AXJ917521:AXJ917523 BHF917521:BHF917523 BRB917521:BRB917523 CAX917521:CAX917523 CKT917521:CKT917523 CUP917521:CUP917523 DEL917521:DEL917523 DOH917521:DOH917523 DYD917521:DYD917523 EHZ917521:EHZ917523 ERV917521:ERV917523 FBR917521:FBR917523 FLN917521:FLN917523 FVJ917521:FVJ917523 GFF917521:GFF917523 GPB917521:GPB917523 GYX917521:GYX917523 HIT917521:HIT917523 HSP917521:HSP917523 ICL917521:ICL917523 IMH917521:IMH917523 IWD917521:IWD917523 JFZ917521:JFZ917523 JPV917521:JPV917523 JZR917521:JZR917523 KJN917521:KJN917523 KTJ917521:KTJ917523 LDF917521:LDF917523 LNB917521:LNB917523 LWX917521:LWX917523 MGT917521:MGT917523 MQP917521:MQP917523 NAL917521:NAL917523 NKH917521:NKH917523 NUD917521:NUD917523 ODZ917521:ODZ917523 ONV917521:ONV917523 OXR917521:OXR917523 PHN917521:PHN917523 PRJ917521:PRJ917523 QBF917521:QBF917523 QLB917521:QLB917523 QUX917521:QUX917523 RET917521:RET917523 ROP917521:ROP917523 RYL917521:RYL917523 SIH917521:SIH917523 SSD917521:SSD917523 TBZ917521:TBZ917523 TLV917521:TLV917523 TVR917521:TVR917523 UFN917521:UFN917523 UPJ917521:UPJ917523 UZF917521:UZF917523 VJB917521:VJB917523 VSX917521:VSX917523 WCT917521:WCT917523 WMP917521:WMP917523 WWL917521:WWL917523 AD983057:AD983059 JZ983057:JZ983059 TV983057:TV983059 ADR983057:ADR983059 ANN983057:ANN983059 AXJ983057:AXJ983059 BHF983057:BHF983059 BRB983057:BRB983059 CAX983057:CAX983059 CKT983057:CKT983059 CUP983057:CUP983059 DEL983057:DEL983059 DOH983057:DOH983059 DYD983057:DYD983059 EHZ983057:EHZ983059 ERV983057:ERV983059 FBR983057:FBR983059 FLN983057:FLN983059 FVJ983057:FVJ983059 GFF983057:GFF983059 GPB983057:GPB983059 GYX983057:GYX983059 HIT983057:HIT983059 HSP983057:HSP983059 ICL983057:ICL983059 IMH983057:IMH983059 IWD983057:IWD983059 JFZ983057:JFZ983059 JPV983057:JPV983059 JZR983057:JZR983059 KJN983057:KJN983059 KTJ983057:KTJ983059 LDF983057:LDF983059 LNB983057:LNB983059 LWX983057:LWX983059 MGT983057:MGT983059 MQP983057:MQP983059 NAL983057:NAL983059 NKH983057:NKH983059 NUD983057:NUD983059 ODZ983057:ODZ983059 ONV983057:ONV983059 OXR983057:OXR983059 PHN983057:PHN983059 PRJ983057:PRJ983059 QBF983057:QBF983059 QLB983057:QLB983059 QUX983057:QUX983059 RET983057:RET983059 ROP983057:ROP983059 RYL983057:RYL983059 SIH983057:SIH983059 SSD983057:SSD983059 TBZ983057:TBZ983059 TLV983057:TLV983059 TVR983057:TVR983059 UFN983057:UFN983059 UPJ983057:UPJ983059 UZF983057:UZF983059 VJB983057:VJB983059 VSX983057:VSX983059 WCT983057:WCT983059 WMP983057:WMP983059 WWL983057:WWL983059 AD22:AD24 JZ22:JZ24 TV22:TV24 ADR22:ADR24 ANN22:ANN24 AXJ22:AXJ24 BHF22:BHF24 BRB22:BRB24 CAX22:CAX24 CKT22:CKT24 CUP22:CUP24 DEL22:DEL24 DOH22:DOH24 DYD22:DYD24 EHZ22:EHZ24 ERV22:ERV24 FBR22:FBR24 FLN22:FLN24 FVJ22:FVJ24 GFF22:GFF24 GPB22:GPB24 GYX22:GYX24 HIT22:HIT24 HSP22:HSP24 ICL22:ICL24 IMH22:IMH24 IWD22:IWD24 JFZ22:JFZ24 JPV22:JPV24 JZR22:JZR24 KJN22:KJN24 KTJ22:KTJ24 LDF22:LDF24 LNB22:LNB24 LWX22:LWX24 MGT22:MGT24 MQP22:MQP24 NAL22:NAL24 NKH22:NKH24 NUD22:NUD24 ODZ22:ODZ24 ONV22:ONV24 OXR22:OXR24 PHN22:PHN24 PRJ22:PRJ24 QBF22:QBF24 QLB22:QLB24 QUX22:QUX24 RET22:RET24 ROP22:ROP24 RYL22:RYL24 SIH22:SIH24 SSD22:SSD24 TBZ22:TBZ24 TLV22:TLV24 TVR22:TVR24 UFN22:UFN24 UPJ22:UPJ24 UZF22:UZF24 VJB22:VJB24 VSX22:VSX24 WCT22:WCT24 WMP22:WMP24 WWL22:WWL24 AD65558:AD65560 JZ65558:JZ65560 TV65558:TV65560 ADR65558:ADR65560 ANN65558:ANN65560 AXJ65558:AXJ65560 BHF65558:BHF65560 BRB65558:BRB65560 CAX65558:CAX65560 CKT65558:CKT65560 CUP65558:CUP65560 DEL65558:DEL65560 DOH65558:DOH65560 DYD65558:DYD65560 EHZ65558:EHZ65560 ERV65558:ERV65560 FBR65558:FBR65560 FLN65558:FLN65560 FVJ65558:FVJ65560 GFF65558:GFF65560 GPB65558:GPB65560 GYX65558:GYX65560 HIT65558:HIT65560 HSP65558:HSP65560 ICL65558:ICL65560 IMH65558:IMH65560 IWD65558:IWD65560 JFZ65558:JFZ65560 JPV65558:JPV65560 JZR65558:JZR65560 KJN65558:KJN65560 KTJ65558:KTJ65560 LDF65558:LDF65560 LNB65558:LNB65560 LWX65558:LWX65560 MGT65558:MGT65560 MQP65558:MQP65560 NAL65558:NAL65560 NKH65558:NKH65560 NUD65558:NUD65560 ODZ65558:ODZ65560 ONV65558:ONV65560 OXR65558:OXR65560 PHN65558:PHN65560 PRJ65558:PRJ65560 QBF65558:QBF65560 QLB65558:QLB65560 QUX65558:QUX65560 RET65558:RET65560 ROP65558:ROP65560 RYL65558:RYL65560 SIH65558:SIH65560 SSD65558:SSD65560 TBZ65558:TBZ65560 TLV65558:TLV65560 TVR65558:TVR65560 UFN65558:UFN65560 UPJ65558:UPJ65560 UZF65558:UZF65560 VJB65558:VJB65560 VSX65558:VSX65560 WCT65558:WCT65560 WMP65558:WMP65560 WWL65558:WWL65560 AD131094:AD131096 JZ131094:JZ131096 TV131094:TV131096 ADR131094:ADR131096 ANN131094:ANN131096 AXJ131094:AXJ131096 BHF131094:BHF131096 BRB131094:BRB131096 CAX131094:CAX131096 CKT131094:CKT131096 CUP131094:CUP131096 DEL131094:DEL131096 DOH131094:DOH131096 DYD131094:DYD131096 EHZ131094:EHZ131096 ERV131094:ERV131096 FBR131094:FBR131096 FLN131094:FLN131096 FVJ131094:FVJ131096 GFF131094:GFF131096 GPB131094:GPB131096 GYX131094:GYX131096 HIT131094:HIT131096 HSP131094:HSP131096 ICL131094:ICL131096 IMH131094:IMH131096 IWD131094:IWD131096 JFZ131094:JFZ131096 JPV131094:JPV131096 JZR131094:JZR131096 KJN131094:KJN131096 KTJ131094:KTJ131096 LDF131094:LDF131096 LNB131094:LNB131096 LWX131094:LWX131096 MGT131094:MGT131096 MQP131094:MQP131096 NAL131094:NAL131096 NKH131094:NKH131096 NUD131094:NUD131096 ODZ131094:ODZ131096 ONV131094:ONV131096 OXR131094:OXR131096 PHN131094:PHN131096 PRJ131094:PRJ131096 QBF131094:QBF131096 QLB131094:QLB131096 QUX131094:QUX131096 RET131094:RET131096 ROP131094:ROP131096 RYL131094:RYL131096 SIH131094:SIH131096 SSD131094:SSD131096 TBZ131094:TBZ131096 TLV131094:TLV131096 TVR131094:TVR131096 UFN131094:UFN131096 UPJ131094:UPJ131096 UZF131094:UZF131096 VJB131094:VJB131096 VSX131094:VSX131096 WCT131094:WCT131096 WMP131094:WMP131096 WWL131094:WWL131096 AD196630:AD196632 JZ196630:JZ196632 TV196630:TV196632 ADR196630:ADR196632 ANN196630:ANN196632 AXJ196630:AXJ196632 BHF196630:BHF196632 BRB196630:BRB196632 CAX196630:CAX196632 CKT196630:CKT196632 CUP196630:CUP196632 DEL196630:DEL196632 DOH196630:DOH196632 DYD196630:DYD196632 EHZ196630:EHZ196632 ERV196630:ERV196632 FBR196630:FBR196632 FLN196630:FLN196632 FVJ196630:FVJ196632 GFF196630:GFF196632 GPB196630:GPB196632 GYX196630:GYX196632 HIT196630:HIT196632 HSP196630:HSP196632 ICL196630:ICL196632 IMH196630:IMH196632 IWD196630:IWD196632 JFZ196630:JFZ196632 JPV196630:JPV196632 JZR196630:JZR196632 KJN196630:KJN196632 KTJ196630:KTJ196632 LDF196630:LDF196632 LNB196630:LNB196632 LWX196630:LWX196632 MGT196630:MGT196632 MQP196630:MQP196632 NAL196630:NAL196632 NKH196630:NKH196632 NUD196630:NUD196632 ODZ196630:ODZ196632 ONV196630:ONV196632 OXR196630:OXR196632 PHN196630:PHN196632 PRJ196630:PRJ196632 QBF196630:QBF196632 QLB196630:QLB196632 QUX196630:QUX196632 RET196630:RET196632 ROP196630:ROP196632 RYL196630:RYL196632 SIH196630:SIH196632 SSD196630:SSD196632 TBZ196630:TBZ196632 TLV196630:TLV196632 TVR196630:TVR196632 UFN196630:UFN196632 UPJ196630:UPJ196632 UZF196630:UZF196632 VJB196630:VJB196632 VSX196630:VSX196632 WCT196630:WCT196632 WMP196630:WMP196632 WWL196630:WWL196632 AD262166:AD262168 JZ262166:JZ262168 TV262166:TV262168 ADR262166:ADR262168 ANN262166:ANN262168 AXJ262166:AXJ262168 BHF262166:BHF262168 BRB262166:BRB262168 CAX262166:CAX262168 CKT262166:CKT262168 CUP262166:CUP262168 DEL262166:DEL262168 DOH262166:DOH262168 DYD262166:DYD262168 EHZ262166:EHZ262168 ERV262166:ERV262168 FBR262166:FBR262168 FLN262166:FLN262168 FVJ262166:FVJ262168 GFF262166:GFF262168 GPB262166:GPB262168 GYX262166:GYX262168 HIT262166:HIT262168 HSP262166:HSP262168 ICL262166:ICL262168 IMH262166:IMH262168 IWD262166:IWD262168 JFZ262166:JFZ262168 JPV262166:JPV262168 JZR262166:JZR262168 KJN262166:KJN262168 KTJ262166:KTJ262168 LDF262166:LDF262168 LNB262166:LNB262168 LWX262166:LWX262168 MGT262166:MGT262168 MQP262166:MQP262168 NAL262166:NAL262168 NKH262166:NKH262168 NUD262166:NUD262168 ODZ262166:ODZ262168 ONV262166:ONV262168 OXR262166:OXR262168 PHN262166:PHN262168 PRJ262166:PRJ262168 QBF262166:QBF262168 QLB262166:QLB262168 QUX262166:QUX262168 RET262166:RET262168 ROP262166:ROP262168 RYL262166:RYL262168 SIH262166:SIH262168 SSD262166:SSD262168 TBZ262166:TBZ262168 TLV262166:TLV262168 TVR262166:TVR262168 UFN262166:UFN262168 UPJ262166:UPJ262168 UZF262166:UZF262168 VJB262166:VJB262168 VSX262166:VSX262168 WCT262166:WCT262168 WMP262166:WMP262168 WWL262166:WWL262168 AD327702:AD327704 JZ327702:JZ327704 TV327702:TV327704 ADR327702:ADR327704 ANN327702:ANN327704 AXJ327702:AXJ327704 BHF327702:BHF327704 BRB327702:BRB327704 CAX327702:CAX327704 CKT327702:CKT327704 CUP327702:CUP327704 DEL327702:DEL327704 DOH327702:DOH327704 DYD327702:DYD327704 EHZ327702:EHZ327704 ERV327702:ERV327704 FBR327702:FBR327704 FLN327702:FLN327704 FVJ327702:FVJ327704 GFF327702:GFF327704 GPB327702:GPB327704 GYX327702:GYX327704 HIT327702:HIT327704 HSP327702:HSP327704 ICL327702:ICL327704 IMH327702:IMH327704 IWD327702:IWD327704 JFZ327702:JFZ327704 JPV327702:JPV327704 JZR327702:JZR327704 KJN327702:KJN327704 KTJ327702:KTJ327704 LDF327702:LDF327704 LNB327702:LNB327704 LWX327702:LWX327704 MGT327702:MGT327704 MQP327702:MQP327704 NAL327702:NAL327704 NKH327702:NKH327704 NUD327702:NUD327704 ODZ327702:ODZ327704 ONV327702:ONV327704 OXR327702:OXR327704 PHN327702:PHN327704 PRJ327702:PRJ327704 QBF327702:QBF327704 QLB327702:QLB327704 QUX327702:QUX327704 RET327702:RET327704 ROP327702:ROP327704 RYL327702:RYL327704 SIH327702:SIH327704 SSD327702:SSD327704 TBZ327702:TBZ327704 TLV327702:TLV327704 TVR327702:TVR327704 UFN327702:UFN327704 UPJ327702:UPJ327704 UZF327702:UZF327704 VJB327702:VJB327704 VSX327702:VSX327704 WCT327702:WCT327704 WMP327702:WMP327704 WWL327702:WWL327704 AD393238:AD393240 JZ393238:JZ393240 TV393238:TV393240 ADR393238:ADR393240 ANN393238:ANN393240 AXJ393238:AXJ393240 BHF393238:BHF393240 BRB393238:BRB393240 CAX393238:CAX393240 CKT393238:CKT393240 CUP393238:CUP393240 DEL393238:DEL393240 DOH393238:DOH393240 DYD393238:DYD393240 EHZ393238:EHZ393240 ERV393238:ERV393240 FBR393238:FBR393240 FLN393238:FLN393240 FVJ393238:FVJ393240 GFF393238:GFF393240 GPB393238:GPB393240 GYX393238:GYX393240 HIT393238:HIT393240 HSP393238:HSP393240 ICL393238:ICL393240 IMH393238:IMH393240 IWD393238:IWD393240 JFZ393238:JFZ393240 JPV393238:JPV393240 JZR393238:JZR393240 KJN393238:KJN393240 KTJ393238:KTJ393240 LDF393238:LDF393240 LNB393238:LNB393240 LWX393238:LWX393240 MGT393238:MGT393240 MQP393238:MQP393240 NAL393238:NAL393240 NKH393238:NKH393240 NUD393238:NUD393240 ODZ393238:ODZ393240 ONV393238:ONV393240 OXR393238:OXR393240 PHN393238:PHN393240 PRJ393238:PRJ393240 QBF393238:QBF393240 QLB393238:QLB393240 QUX393238:QUX393240 RET393238:RET393240 ROP393238:ROP393240 RYL393238:RYL393240 SIH393238:SIH393240 SSD393238:SSD393240 TBZ393238:TBZ393240 TLV393238:TLV393240 TVR393238:TVR393240 UFN393238:UFN393240 UPJ393238:UPJ393240 UZF393238:UZF393240 VJB393238:VJB393240 VSX393238:VSX393240 WCT393238:WCT393240 WMP393238:WMP393240 WWL393238:WWL393240 AD458774:AD458776 JZ458774:JZ458776 TV458774:TV458776 ADR458774:ADR458776 ANN458774:ANN458776 AXJ458774:AXJ458776 BHF458774:BHF458776 BRB458774:BRB458776 CAX458774:CAX458776 CKT458774:CKT458776 CUP458774:CUP458776 DEL458774:DEL458776 DOH458774:DOH458776 DYD458774:DYD458776 EHZ458774:EHZ458776 ERV458774:ERV458776 FBR458774:FBR458776 FLN458774:FLN458776 FVJ458774:FVJ458776 GFF458774:GFF458776 GPB458774:GPB458776 GYX458774:GYX458776 HIT458774:HIT458776 HSP458774:HSP458776 ICL458774:ICL458776 IMH458774:IMH458776 IWD458774:IWD458776 JFZ458774:JFZ458776 JPV458774:JPV458776 JZR458774:JZR458776 KJN458774:KJN458776 KTJ458774:KTJ458776 LDF458774:LDF458776 LNB458774:LNB458776 LWX458774:LWX458776 MGT458774:MGT458776 MQP458774:MQP458776 NAL458774:NAL458776 NKH458774:NKH458776 NUD458774:NUD458776 ODZ458774:ODZ458776 ONV458774:ONV458776 OXR458774:OXR458776 PHN458774:PHN458776 PRJ458774:PRJ458776 QBF458774:QBF458776 QLB458774:QLB458776 QUX458774:QUX458776 RET458774:RET458776 ROP458774:ROP458776 RYL458774:RYL458776 SIH458774:SIH458776 SSD458774:SSD458776 TBZ458774:TBZ458776 TLV458774:TLV458776 TVR458774:TVR458776 UFN458774:UFN458776 UPJ458774:UPJ458776 UZF458774:UZF458776 VJB458774:VJB458776 VSX458774:VSX458776 WCT458774:WCT458776 WMP458774:WMP458776 WWL458774:WWL458776 AD524310:AD524312 JZ524310:JZ524312 TV524310:TV524312 ADR524310:ADR524312 ANN524310:ANN524312 AXJ524310:AXJ524312 BHF524310:BHF524312 BRB524310:BRB524312 CAX524310:CAX524312 CKT524310:CKT524312 CUP524310:CUP524312 DEL524310:DEL524312 DOH524310:DOH524312 DYD524310:DYD524312 EHZ524310:EHZ524312 ERV524310:ERV524312 FBR524310:FBR524312 FLN524310:FLN524312 FVJ524310:FVJ524312 GFF524310:GFF524312 GPB524310:GPB524312 GYX524310:GYX524312 HIT524310:HIT524312 HSP524310:HSP524312 ICL524310:ICL524312 IMH524310:IMH524312 IWD524310:IWD524312 JFZ524310:JFZ524312 JPV524310:JPV524312 JZR524310:JZR524312 KJN524310:KJN524312 KTJ524310:KTJ524312 LDF524310:LDF524312 LNB524310:LNB524312 LWX524310:LWX524312 MGT524310:MGT524312 MQP524310:MQP524312 NAL524310:NAL524312 NKH524310:NKH524312 NUD524310:NUD524312 ODZ524310:ODZ524312 ONV524310:ONV524312 OXR524310:OXR524312 PHN524310:PHN524312 PRJ524310:PRJ524312 QBF524310:QBF524312 QLB524310:QLB524312 QUX524310:QUX524312 RET524310:RET524312 ROP524310:ROP524312 RYL524310:RYL524312 SIH524310:SIH524312 SSD524310:SSD524312 TBZ524310:TBZ524312 TLV524310:TLV524312 TVR524310:TVR524312 UFN524310:UFN524312 UPJ524310:UPJ524312 UZF524310:UZF524312 VJB524310:VJB524312 VSX524310:VSX524312 WCT524310:WCT524312 WMP524310:WMP524312 WWL524310:WWL524312 AD589846:AD589848 JZ589846:JZ589848 TV589846:TV589848 ADR589846:ADR589848 ANN589846:ANN589848 AXJ589846:AXJ589848 BHF589846:BHF589848 BRB589846:BRB589848 CAX589846:CAX589848 CKT589846:CKT589848 CUP589846:CUP589848 DEL589846:DEL589848 DOH589846:DOH589848 DYD589846:DYD589848 EHZ589846:EHZ589848 ERV589846:ERV589848 FBR589846:FBR589848 FLN589846:FLN589848 FVJ589846:FVJ589848 GFF589846:GFF589848 GPB589846:GPB589848 GYX589846:GYX589848 HIT589846:HIT589848 HSP589846:HSP589848 ICL589846:ICL589848 IMH589846:IMH589848 IWD589846:IWD589848 JFZ589846:JFZ589848 JPV589846:JPV589848 JZR589846:JZR589848 KJN589846:KJN589848 KTJ589846:KTJ589848 LDF589846:LDF589848 LNB589846:LNB589848 LWX589846:LWX589848 MGT589846:MGT589848 MQP589846:MQP589848 NAL589846:NAL589848 NKH589846:NKH589848 NUD589846:NUD589848 ODZ589846:ODZ589848 ONV589846:ONV589848 OXR589846:OXR589848 PHN589846:PHN589848 PRJ589846:PRJ589848 QBF589846:QBF589848 QLB589846:QLB589848 QUX589846:QUX589848 RET589846:RET589848 ROP589846:ROP589848 RYL589846:RYL589848 SIH589846:SIH589848 SSD589846:SSD589848 TBZ589846:TBZ589848 TLV589846:TLV589848 TVR589846:TVR589848 UFN589846:UFN589848 UPJ589846:UPJ589848 UZF589846:UZF589848 VJB589846:VJB589848 VSX589846:VSX589848 WCT589846:WCT589848 WMP589846:WMP589848 WWL589846:WWL589848 AD655382:AD655384 JZ655382:JZ655384 TV655382:TV655384 ADR655382:ADR655384 ANN655382:ANN655384 AXJ655382:AXJ655384 BHF655382:BHF655384 BRB655382:BRB655384 CAX655382:CAX655384 CKT655382:CKT655384 CUP655382:CUP655384 DEL655382:DEL655384 DOH655382:DOH655384 DYD655382:DYD655384 EHZ655382:EHZ655384 ERV655382:ERV655384 FBR655382:FBR655384 FLN655382:FLN655384 FVJ655382:FVJ655384 GFF655382:GFF655384 GPB655382:GPB655384 GYX655382:GYX655384 HIT655382:HIT655384 HSP655382:HSP655384 ICL655382:ICL655384 IMH655382:IMH655384 IWD655382:IWD655384 JFZ655382:JFZ655384 JPV655382:JPV655384 JZR655382:JZR655384 KJN655382:KJN655384 KTJ655382:KTJ655384 LDF655382:LDF655384 LNB655382:LNB655384 LWX655382:LWX655384 MGT655382:MGT655384 MQP655382:MQP655384 NAL655382:NAL655384 NKH655382:NKH655384 NUD655382:NUD655384 ODZ655382:ODZ655384 ONV655382:ONV655384 OXR655382:OXR655384 PHN655382:PHN655384 PRJ655382:PRJ655384 QBF655382:QBF655384 QLB655382:QLB655384 QUX655382:QUX655384 RET655382:RET655384 ROP655382:ROP655384 RYL655382:RYL655384 SIH655382:SIH655384 SSD655382:SSD655384 TBZ655382:TBZ655384 TLV655382:TLV655384 TVR655382:TVR655384 UFN655382:UFN655384 UPJ655382:UPJ655384 UZF655382:UZF655384 VJB655382:VJB655384 VSX655382:VSX655384 WCT655382:WCT655384 WMP655382:WMP655384 WWL655382:WWL655384 AD720918:AD720920 JZ720918:JZ720920 TV720918:TV720920 ADR720918:ADR720920 ANN720918:ANN720920 AXJ720918:AXJ720920 BHF720918:BHF720920 BRB720918:BRB720920 CAX720918:CAX720920 CKT720918:CKT720920 CUP720918:CUP720920 DEL720918:DEL720920 DOH720918:DOH720920 DYD720918:DYD720920 EHZ720918:EHZ720920 ERV720918:ERV720920 FBR720918:FBR720920 FLN720918:FLN720920 FVJ720918:FVJ720920 GFF720918:GFF720920 GPB720918:GPB720920 GYX720918:GYX720920 HIT720918:HIT720920 HSP720918:HSP720920 ICL720918:ICL720920 IMH720918:IMH720920 IWD720918:IWD720920 JFZ720918:JFZ720920 JPV720918:JPV720920 JZR720918:JZR720920 KJN720918:KJN720920 KTJ720918:KTJ720920 LDF720918:LDF720920 LNB720918:LNB720920 LWX720918:LWX720920 MGT720918:MGT720920 MQP720918:MQP720920 NAL720918:NAL720920 NKH720918:NKH720920 NUD720918:NUD720920 ODZ720918:ODZ720920 ONV720918:ONV720920 OXR720918:OXR720920 PHN720918:PHN720920 PRJ720918:PRJ720920 QBF720918:QBF720920 QLB720918:QLB720920 QUX720918:QUX720920 RET720918:RET720920 ROP720918:ROP720920 RYL720918:RYL720920 SIH720918:SIH720920 SSD720918:SSD720920 TBZ720918:TBZ720920 TLV720918:TLV720920 TVR720918:TVR720920 UFN720918:UFN720920 UPJ720918:UPJ720920 UZF720918:UZF720920 VJB720918:VJB720920 VSX720918:VSX720920 WCT720918:WCT720920 WMP720918:WMP720920 WWL720918:WWL720920 AD786454:AD786456 JZ786454:JZ786456 TV786454:TV786456 ADR786454:ADR786456 ANN786454:ANN786456 AXJ786454:AXJ786456 BHF786454:BHF786456 BRB786454:BRB786456 CAX786454:CAX786456 CKT786454:CKT786456 CUP786454:CUP786456 DEL786454:DEL786456 DOH786454:DOH786456 DYD786454:DYD786456 EHZ786454:EHZ786456 ERV786454:ERV786456 FBR786454:FBR786456 FLN786454:FLN786456 FVJ786454:FVJ786456 GFF786454:GFF786456 GPB786454:GPB786456 GYX786454:GYX786456 HIT786454:HIT786456 HSP786454:HSP786456 ICL786454:ICL786456 IMH786454:IMH786456 IWD786454:IWD786456 JFZ786454:JFZ786456 JPV786454:JPV786456 JZR786454:JZR786456 KJN786454:KJN786456 KTJ786454:KTJ786456 LDF786454:LDF786456 LNB786454:LNB786456 LWX786454:LWX786456 MGT786454:MGT786456 MQP786454:MQP786456 NAL786454:NAL786456 NKH786454:NKH786456 NUD786454:NUD786456 ODZ786454:ODZ786456 ONV786454:ONV786456 OXR786454:OXR786456 PHN786454:PHN786456 PRJ786454:PRJ786456 QBF786454:QBF786456 QLB786454:QLB786456 QUX786454:QUX786456 RET786454:RET786456 ROP786454:ROP786456 RYL786454:RYL786456 SIH786454:SIH786456 SSD786454:SSD786456 TBZ786454:TBZ786456 TLV786454:TLV786456 TVR786454:TVR786456 UFN786454:UFN786456 UPJ786454:UPJ786456 UZF786454:UZF786456 VJB786454:VJB786456 VSX786454:VSX786456 WCT786454:WCT786456 WMP786454:WMP786456 WWL786454:WWL786456 AD851990:AD851992 JZ851990:JZ851992 TV851990:TV851992 ADR851990:ADR851992 ANN851990:ANN851992 AXJ851990:AXJ851992 BHF851990:BHF851992 BRB851990:BRB851992 CAX851990:CAX851992 CKT851990:CKT851992 CUP851990:CUP851992 DEL851990:DEL851992 DOH851990:DOH851992 DYD851990:DYD851992 EHZ851990:EHZ851992 ERV851990:ERV851992 FBR851990:FBR851992 FLN851990:FLN851992 FVJ851990:FVJ851992 GFF851990:GFF851992 GPB851990:GPB851992 GYX851990:GYX851992 HIT851990:HIT851992 HSP851990:HSP851992 ICL851990:ICL851992 IMH851990:IMH851992 IWD851990:IWD851992 JFZ851990:JFZ851992 JPV851990:JPV851992 JZR851990:JZR851992 KJN851990:KJN851992 KTJ851990:KTJ851992 LDF851990:LDF851992 LNB851990:LNB851992 LWX851990:LWX851992 MGT851990:MGT851992 MQP851990:MQP851992 NAL851990:NAL851992 NKH851990:NKH851992 NUD851990:NUD851992 ODZ851990:ODZ851992 ONV851990:ONV851992 OXR851990:OXR851992 PHN851990:PHN851992 PRJ851990:PRJ851992 QBF851990:QBF851992 QLB851990:QLB851992 QUX851990:QUX851992 RET851990:RET851992 ROP851990:ROP851992 RYL851990:RYL851992 SIH851990:SIH851992 SSD851990:SSD851992 TBZ851990:TBZ851992 TLV851990:TLV851992 TVR851990:TVR851992 UFN851990:UFN851992 UPJ851990:UPJ851992 UZF851990:UZF851992 VJB851990:VJB851992 VSX851990:VSX851992 WCT851990:WCT851992 WMP851990:WMP851992 WWL851990:WWL851992 AD917526:AD917528 JZ917526:JZ917528 TV917526:TV917528 ADR917526:ADR917528 ANN917526:ANN917528 AXJ917526:AXJ917528 BHF917526:BHF917528 BRB917526:BRB917528 CAX917526:CAX917528 CKT917526:CKT917528 CUP917526:CUP917528 DEL917526:DEL917528 DOH917526:DOH917528 DYD917526:DYD917528 EHZ917526:EHZ917528 ERV917526:ERV917528 FBR917526:FBR917528 FLN917526:FLN917528 FVJ917526:FVJ917528 GFF917526:GFF917528 GPB917526:GPB917528 GYX917526:GYX917528 HIT917526:HIT917528 HSP917526:HSP917528 ICL917526:ICL917528 IMH917526:IMH917528 IWD917526:IWD917528 JFZ917526:JFZ917528 JPV917526:JPV917528 JZR917526:JZR917528 KJN917526:KJN917528 KTJ917526:KTJ917528 LDF917526:LDF917528 LNB917526:LNB917528 LWX917526:LWX917528 MGT917526:MGT917528 MQP917526:MQP917528 NAL917526:NAL917528 NKH917526:NKH917528 NUD917526:NUD917528 ODZ917526:ODZ917528 ONV917526:ONV917528 OXR917526:OXR917528 PHN917526:PHN917528 PRJ917526:PRJ917528 QBF917526:QBF917528 QLB917526:QLB917528 QUX917526:QUX917528 RET917526:RET917528 ROP917526:ROP917528 RYL917526:RYL917528 SIH917526:SIH917528 SSD917526:SSD917528 TBZ917526:TBZ917528 TLV917526:TLV917528 TVR917526:TVR917528 UFN917526:UFN917528 UPJ917526:UPJ917528 UZF917526:UZF917528 VJB917526:VJB917528 VSX917526:VSX917528 WCT917526:WCT917528 WMP917526:WMP917528 WWL917526:WWL917528 AD983062:AD983064 JZ983062:JZ983064 TV983062:TV983064 ADR983062:ADR983064 ANN983062:ANN983064 AXJ983062:AXJ983064 BHF983062:BHF983064 BRB983062:BRB983064 CAX983062:CAX983064 CKT983062:CKT983064 CUP983062:CUP983064 DEL983062:DEL983064 DOH983062:DOH983064 DYD983062:DYD983064 EHZ983062:EHZ983064 ERV983062:ERV983064 FBR983062:FBR983064 FLN983062:FLN983064 FVJ983062:FVJ983064 GFF983062:GFF983064 GPB983062:GPB983064 GYX983062:GYX983064 HIT983062:HIT983064 HSP983062:HSP983064 ICL983062:ICL983064 IMH983062:IMH983064 IWD983062:IWD983064 JFZ983062:JFZ983064 JPV983062:JPV983064 JZR983062:JZR983064 KJN983062:KJN983064 KTJ983062:KTJ983064 LDF983062:LDF983064 LNB983062:LNB983064 LWX983062:LWX983064 MGT983062:MGT983064 MQP983062:MQP983064 NAL983062:NAL983064 NKH983062:NKH983064 NUD983062:NUD983064 ODZ983062:ODZ983064 ONV983062:ONV983064 OXR983062:OXR983064 PHN983062:PHN983064 PRJ983062:PRJ983064 QBF983062:QBF983064 QLB983062:QLB983064 QUX983062:QUX983064 RET983062:RET983064 ROP983062:ROP983064 RYL983062:RYL983064 SIH983062:SIH983064 SSD983062:SSD983064 TBZ983062:TBZ983064 TLV983062:TLV983064 TVR983062:TVR983064 UFN983062:UFN983064 UPJ983062:UPJ983064 UZF983062:UZF983064 VJB983062:VJB983064 VSX983062:VSX983064 WCT983062:WCT983064 WMP983062:WMP983064 WWL983062:WWL983064 AD27:AD29 JZ27:JZ29 TV27:TV29 ADR27:ADR29 ANN27:ANN29 AXJ27:AXJ29 BHF27:BHF29 BRB27:BRB29 CAX27:CAX29 CKT27:CKT29 CUP27:CUP29 DEL27:DEL29 DOH27:DOH29 DYD27:DYD29 EHZ27:EHZ29 ERV27:ERV29 FBR27:FBR29 FLN27:FLN29 FVJ27:FVJ29 GFF27:GFF29 GPB27:GPB29 GYX27:GYX29 HIT27:HIT29 HSP27:HSP29 ICL27:ICL29 IMH27:IMH29 IWD27:IWD29 JFZ27:JFZ29 JPV27:JPV29 JZR27:JZR29 KJN27:KJN29 KTJ27:KTJ29 LDF27:LDF29 LNB27:LNB29 LWX27:LWX29 MGT27:MGT29 MQP27:MQP29 NAL27:NAL29 NKH27:NKH29 NUD27:NUD29 ODZ27:ODZ29 ONV27:ONV29 OXR27:OXR29 PHN27:PHN29 PRJ27:PRJ29 QBF27:QBF29 QLB27:QLB29 QUX27:QUX29 RET27:RET29 ROP27:ROP29 RYL27:RYL29 SIH27:SIH29 SSD27:SSD29 TBZ27:TBZ29 TLV27:TLV29 TVR27:TVR29 UFN27:UFN29 UPJ27:UPJ29 UZF27:UZF29 VJB27:VJB29 VSX27:VSX29 WCT27:WCT29 WMP27:WMP29 WWL27:WWL29 AD65563:AD65565 JZ65563:JZ65565 TV65563:TV65565 ADR65563:ADR65565 ANN65563:ANN65565 AXJ65563:AXJ65565 BHF65563:BHF65565 BRB65563:BRB65565 CAX65563:CAX65565 CKT65563:CKT65565 CUP65563:CUP65565 DEL65563:DEL65565 DOH65563:DOH65565 DYD65563:DYD65565 EHZ65563:EHZ65565 ERV65563:ERV65565 FBR65563:FBR65565 FLN65563:FLN65565 FVJ65563:FVJ65565 GFF65563:GFF65565 GPB65563:GPB65565 GYX65563:GYX65565 HIT65563:HIT65565 HSP65563:HSP65565 ICL65563:ICL65565 IMH65563:IMH65565 IWD65563:IWD65565 JFZ65563:JFZ65565 JPV65563:JPV65565 JZR65563:JZR65565 KJN65563:KJN65565 KTJ65563:KTJ65565 LDF65563:LDF65565 LNB65563:LNB65565 LWX65563:LWX65565 MGT65563:MGT65565 MQP65563:MQP65565 NAL65563:NAL65565 NKH65563:NKH65565 NUD65563:NUD65565 ODZ65563:ODZ65565 ONV65563:ONV65565 OXR65563:OXR65565 PHN65563:PHN65565 PRJ65563:PRJ65565 QBF65563:QBF65565 QLB65563:QLB65565 QUX65563:QUX65565 RET65563:RET65565 ROP65563:ROP65565 RYL65563:RYL65565 SIH65563:SIH65565 SSD65563:SSD65565 TBZ65563:TBZ65565 TLV65563:TLV65565 TVR65563:TVR65565 UFN65563:UFN65565 UPJ65563:UPJ65565 UZF65563:UZF65565 VJB65563:VJB65565 VSX65563:VSX65565 WCT65563:WCT65565 WMP65563:WMP65565 WWL65563:WWL65565 AD131099:AD131101 JZ131099:JZ131101 TV131099:TV131101 ADR131099:ADR131101 ANN131099:ANN131101 AXJ131099:AXJ131101 BHF131099:BHF131101 BRB131099:BRB131101 CAX131099:CAX131101 CKT131099:CKT131101 CUP131099:CUP131101 DEL131099:DEL131101 DOH131099:DOH131101 DYD131099:DYD131101 EHZ131099:EHZ131101 ERV131099:ERV131101 FBR131099:FBR131101 FLN131099:FLN131101 FVJ131099:FVJ131101 GFF131099:GFF131101 GPB131099:GPB131101 GYX131099:GYX131101 HIT131099:HIT131101 HSP131099:HSP131101 ICL131099:ICL131101 IMH131099:IMH131101 IWD131099:IWD131101 JFZ131099:JFZ131101 JPV131099:JPV131101 JZR131099:JZR131101 KJN131099:KJN131101 KTJ131099:KTJ131101 LDF131099:LDF131101 LNB131099:LNB131101 LWX131099:LWX131101 MGT131099:MGT131101 MQP131099:MQP131101 NAL131099:NAL131101 NKH131099:NKH131101 NUD131099:NUD131101 ODZ131099:ODZ131101 ONV131099:ONV131101 OXR131099:OXR131101 PHN131099:PHN131101 PRJ131099:PRJ131101 QBF131099:QBF131101 QLB131099:QLB131101 QUX131099:QUX131101 RET131099:RET131101 ROP131099:ROP131101 RYL131099:RYL131101 SIH131099:SIH131101 SSD131099:SSD131101 TBZ131099:TBZ131101 TLV131099:TLV131101 TVR131099:TVR131101 UFN131099:UFN131101 UPJ131099:UPJ131101 UZF131099:UZF131101 VJB131099:VJB131101 VSX131099:VSX131101 WCT131099:WCT131101 WMP131099:WMP131101 WWL131099:WWL131101 AD196635:AD196637 JZ196635:JZ196637 TV196635:TV196637 ADR196635:ADR196637 ANN196635:ANN196637 AXJ196635:AXJ196637 BHF196635:BHF196637 BRB196635:BRB196637 CAX196635:CAX196637 CKT196635:CKT196637 CUP196635:CUP196637 DEL196635:DEL196637 DOH196635:DOH196637 DYD196635:DYD196637 EHZ196635:EHZ196637 ERV196635:ERV196637 FBR196635:FBR196637 FLN196635:FLN196637 FVJ196635:FVJ196637 GFF196635:GFF196637 GPB196635:GPB196637 GYX196635:GYX196637 HIT196635:HIT196637 HSP196635:HSP196637 ICL196635:ICL196637 IMH196635:IMH196637 IWD196635:IWD196637 JFZ196635:JFZ196637 JPV196635:JPV196637 JZR196635:JZR196637 KJN196635:KJN196637 KTJ196635:KTJ196637 LDF196635:LDF196637 LNB196635:LNB196637 LWX196635:LWX196637 MGT196635:MGT196637 MQP196635:MQP196637 NAL196635:NAL196637 NKH196635:NKH196637 NUD196635:NUD196637 ODZ196635:ODZ196637 ONV196635:ONV196637 OXR196635:OXR196637 PHN196635:PHN196637 PRJ196635:PRJ196637 QBF196635:QBF196637 QLB196635:QLB196637 QUX196635:QUX196637 RET196635:RET196637 ROP196635:ROP196637 RYL196635:RYL196637 SIH196635:SIH196637 SSD196635:SSD196637 TBZ196635:TBZ196637 TLV196635:TLV196637 TVR196635:TVR196637 UFN196635:UFN196637 UPJ196635:UPJ196637 UZF196635:UZF196637 VJB196635:VJB196637 VSX196635:VSX196637 WCT196635:WCT196637 WMP196635:WMP196637 WWL196635:WWL196637 AD262171:AD262173 JZ262171:JZ262173 TV262171:TV262173 ADR262171:ADR262173 ANN262171:ANN262173 AXJ262171:AXJ262173 BHF262171:BHF262173 BRB262171:BRB262173 CAX262171:CAX262173 CKT262171:CKT262173 CUP262171:CUP262173 DEL262171:DEL262173 DOH262171:DOH262173 DYD262171:DYD262173 EHZ262171:EHZ262173 ERV262171:ERV262173 FBR262171:FBR262173 FLN262171:FLN262173 FVJ262171:FVJ262173 GFF262171:GFF262173 GPB262171:GPB262173 GYX262171:GYX262173 HIT262171:HIT262173 HSP262171:HSP262173 ICL262171:ICL262173 IMH262171:IMH262173 IWD262171:IWD262173 JFZ262171:JFZ262173 JPV262171:JPV262173 JZR262171:JZR262173 KJN262171:KJN262173 KTJ262171:KTJ262173 LDF262171:LDF262173 LNB262171:LNB262173 LWX262171:LWX262173 MGT262171:MGT262173 MQP262171:MQP262173 NAL262171:NAL262173 NKH262171:NKH262173 NUD262171:NUD262173 ODZ262171:ODZ262173 ONV262171:ONV262173 OXR262171:OXR262173 PHN262171:PHN262173 PRJ262171:PRJ262173 QBF262171:QBF262173 QLB262171:QLB262173 QUX262171:QUX262173 RET262171:RET262173 ROP262171:ROP262173 RYL262171:RYL262173 SIH262171:SIH262173 SSD262171:SSD262173 TBZ262171:TBZ262173 TLV262171:TLV262173 TVR262171:TVR262173 UFN262171:UFN262173 UPJ262171:UPJ262173 UZF262171:UZF262173 VJB262171:VJB262173 VSX262171:VSX262173 WCT262171:WCT262173 WMP262171:WMP262173 WWL262171:WWL262173 AD327707:AD327709 JZ327707:JZ327709 TV327707:TV327709 ADR327707:ADR327709 ANN327707:ANN327709 AXJ327707:AXJ327709 BHF327707:BHF327709 BRB327707:BRB327709 CAX327707:CAX327709 CKT327707:CKT327709 CUP327707:CUP327709 DEL327707:DEL327709 DOH327707:DOH327709 DYD327707:DYD327709 EHZ327707:EHZ327709 ERV327707:ERV327709 FBR327707:FBR327709 FLN327707:FLN327709 FVJ327707:FVJ327709 GFF327707:GFF327709 GPB327707:GPB327709 GYX327707:GYX327709 HIT327707:HIT327709 HSP327707:HSP327709 ICL327707:ICL327709 IMH327707:IMH327709 IWD327707:IWD327709 JFZ327707:JFZ327709 JPV327707:JPV327709 JZR327707:JZR327709 KJN327707:KJN327709 KTJ327707:KTJ327709 LDF327707:LDF327709 LNB327707:LNB327709 LWX327707:LWX327709 MGT327707:MGT327709 MQP327707:MQP327709 NAL327707:NAL327709 NKH327707:NKH327709 NUD327707:NUD327709 ODZ327707:ODZ327709 ONV327707:ONV327709 OXR327707:OXR327709 PHN327707:PHN327709 PRJ327707:PRJ327709 QBF327707:QBF327709 QLB327707:QLB327709 QUX327707:QUX327709 RET327707:RET327709 ROP327707:ROP327709 RYL327707:RYL327709 SIH327707:SIH327709 SSD327707:SSD327709 TBZ327707:TBZ327709 TLV327707:TLV327709 TVR327707:TVR327709 UFN327707:UFN327709 UPJ327707:UPJ327709 UZF327707:UZF327709 VJB327707:VJB327709 VSX327707:VSX327709 WCT327707:WCT327709 WMP327707:WMP327709 WWL327707:WWL327709 AD393243:AD393245 JZ393243:JZ393245 TV393243:TV393245 ADR393243:ADR393245 ANN393243:ANN393245 AXJ393243:AXJ393245 BHF393243:BHF393245 BRB393243:BRB393245 CAX393243:CAX393245 CKT393243:CKT393245 CUP393243:CUP393245 DEL393243:DEL393245 DOH393243:DOH393245 DYD393243:DYD393245 EHZ393243:EHZ393245 ERV393243:ERV393245 FBR393243:FBR393245 FLN393243:FLN393245 FVJ393243:FVJ393245 GFF393243:GFF393245 GPB393243:GPB393245 GYX393243:GYX393245 HIT393243:HIT393245 HSP393243:HSP393245 ICL393243:ICL393245 IMH393243:IMH393245 IWD393243:IWD393245 JFZ393243:JFZ393245 JPV393243:JPV393245 JZR393243:JZR393245 KJN393243:KJN393245 KTJ393243:KTJ393245 LDF393243:LDF393245 LNB393243:LNB393245 LWX393243:LWX393245 MGT393243:MGT393245 MQP393243:MQP393245 NAL393243:NAL393245 NKH393243:NKH393245 NUD393243:NUD393245 ODZ393243:ODZ393245 ONV393243:ONV393245 OXR393243:OXR393245 PHN393243:PHN393245 PRJ393243:PRJ393245 QBF393243:QBF393245 QLB393243:QLB393245 QUX393243:QUX393245 RET393243:RET393245 ROP393243:ROP393245 RYL393243:RYL393245 SIH393243:SIH393245 SSD393243:SSD393245 TBZ393243:TBZ393245 TLV393243:TLV393245 TVR393243:TVR393245 UFN393243:UFN393245 UPJ393243:UPJ393245 UZF393243:UZF393245 VJB393243:VJB393245 VSX393243:VSX393245 WCT393243:WCT393245 WMP393243:WMP393245 WWL393243:WWL393245 AD458779:AD458781 JZ458779:JZ458781 TV458779:TV458781 ADR458779:ADR458781 ANN458779:ANN458781 AXJ458779:AXJ458781 BHF458779:BHF458781 BRB458779:BRB458781 CAX458779:CAX458781 CKT458779:CKT458781 CUP458779:CUP458781 DEL458779:DEL458781 DOH458779:DOH458781 DYD458779:DYD458781 EHZ458779:EHZ458781 ERV458779:ERV458781 FBR458779:FBR458781 FLN458779:FLN458781 FVJ458779:FVJ458781 GFF458779:GFF458781 GPB458779:GPB458781 GYX458779:GYX458781 HIT458779:HIT458781 HSP458779:HSP458781 ICL458779:ICL458781 IMH458779:IMH458781 IWD458779:IWD458781 JFZ458779:JFZ458781 JPV458779:JPV458781 JZR458779:JZR458781 KJN458779:KJN458781 KTJ458779:KTJ458781 LDF458779:LDF458781 LNB458779:LNB458781 LWX458779:LWX458781 MGT458779:MGT458781 MQP458779:MQP458781 NAL458779:NAL458781 NKH458779:NKH458781 NUD458779:NUD458781 ODZ458779:ODZ458781 ONV458779:ONV458781 OXR458779:OXR458781 PHN458779:PHN458781 PRJ458779:PRJ458781 QBF458779:QBF458781 QLB458779:QLB458781 QUX458779:QUX458781 RET458779:RET458781 ROP458779:ROP458781 RYL458779:RYL458781 SIH458779:SIH458781 SSD458779:SSD458781 TBZ458779:TBZ458781 TLV458779:TLV458781 TVR458779:TVR458781 UFN458779:UFN458781 UPJ458779:UPJ458781 UZF458779:UZF458781 VJB458779:VJB458781 VSX458779:VSX458781 WCT458779:WCT458781 WMP458779:WMP458781 WWL458779:WWL458781 AD524315:AD524317 JZ524315:JZ524317 TV524315:TV524317 ADR524315:ADR524317 ANN524315:ANN524317 AXJ524315:AXJ524317 BHF524315:BHF524317 BRB524315:BRB524317 CAX524315:CAX524317 CKT524315:CKT524317 CUP524315:CUP524317 DEL524315:DEL524317 DOH524315:DOH524317 DYD524315:DYD524317 EHZ524315:EHZ524317 ERV524315:ERV524317 FBR524315:FBR524317 FLN524315:FLN524317 FVJ524315:FVJ524317 GFF524315:GFF524317 GPB524315:GPB524317 GYX524315:GYX524317 HIT524315:HIT524317 HSP524315:HSP524317 ICL524315:ICL524317 IMH524315:IMH524317 IWD524315:IWD524317 JFZ524315:JFZ524317 JPV524315:JPV524317 JZR524315:JZR524317 KJN524315:KJN524317 KTJ524315:KTJ524317 LDF524315:LDF524317 LNB524315:LNB524317 LWX524315:LWX524317 MGT524315:MGT524317 MQP524315:MQP524317 NAL524315:NAL524317 NKH524315:NKH524317 NUD524315:NUD524317 ODZ524315:ODZ524317 ONV524315:ONV524317 OXR524315:OXR524317 PHN524315:PHN524317 PRJ524315:PRJ524317 QBF524315:QBF524317 QLB524315:QLB524317 QUX524315:QUX524317 RET524315:RET524317 ROP524315:ROP524317 RYL524315:RYL524317 SIH524315:SIH524317 SSD524315:SSD524317 TBZ524315:TBZ524317 TLV524315:TLV524317 TVR524315:TVR524317 UFN524315:UFN524317 UPJ524315:UPJ524317 UZF524315:UZF524317 VJB524315:VJB524317 VSX524315:VSX524317 WCT524315:WCT524317 WMP524315:WMP524317 WWL524315:WWL524317 AD589851:AD589853 JZ589851:JZ589853 TV589851:TV589853 ADR589851:ADR589853 ANN589851:ANN589853 AXJ589851:AXJ589853 BHF589851:BHF589853 BRB589851:BRB589853 CAX589851:CAX589853 CKT589851:CKT589853 CUP589851:CUP589853 DEL589851:DEL589853 DOH589851:DOH589853 DYD589851:DYD589853 EHZ589851:EHZ589853 ERV589851:ERV589853 FBR589851:FBR589853 FLN589851:FLN589853 FVJ589851:FVJ589853 GFF589851:GFF589853 GPB589851:GPB589853 GYX589851:GYX589853 HIT589851:HIT589853 HSP589851:HSP589853 ICL589851:ICL589853 IMH589851:IMH589853 IWD589851:IWD589853 JFZ589851:JFZ589853 JPV589851:JPV589853 JZR589851:JZR589853 KJN589851:KJN589853 KTJ589851:KTJ589853 LDF589851:LDF589853 LNB589851:LNB589853 LWX589851:LWX589853 MGT589851:MGT589853 MQP589851:MQP589853 NAL589851:NAL589853 NKH589851:NKH589853 NUD589851:NUD589853 ODZ589851:ODZ589853 ONV589851:ONV589853 OXR589851:OXR589853 PHN589851:PHN589853 PRJ589851:PRJ589853 QBF589851:QBF589853 QLB589851:QLB589853 QUX589851:QUX589853 RET589851:RET589853 ROP589851:ROP589853 RYL589851:RYL589853 SIH589851:SIH589853 SSD589851:SSD589853 TBZ589851:TBZ589853 TLV589851:TLV589853 TVR589851:TVR589853 UFN589851:UFN589853 UPJ589851:UPJ589853 UZF589851:UZF589853 VJB589851:VJB589853 VSX589851:VSX589853 WCT589851:WCT589853 WMP589851:WMP589853 WWL589851:WWL589853 AD655387:AD655389 JZ655387:JZ655389 TV655387:TV655389 ADR655387:ADR655389 ANN655387:ANN655389 AXJ655387:AXJ655389 BHF655387:BHF655389 BRB655387:BRB655389 CAX655387:CAX655389 CKT655387:CKT655389 CUP655387:CUP655389 DEL655387:DEL655389 DOH655387:DOH655389 DYD655387:DYD655389 EHZ655387:EHZ655389 ERV655387:ERV655389 FBR655387:FBR655389 FLN655387:FLN655389 FVJ655387:FVJ655389 GFF655387:GFF655389 GPB655387:GPB655389 GYX655387:GYX655389 HIT655387:HIT655389 HSP655387:HSP655389 ICL655387:ICL655389 IMH655387:IMH655389 IWD655387:IWD655389 JFZ655387:JFZ655389 JPV655387:JPV655389 JZR655387:JZR655389 KJN655387:KJN655389 KTJ655387:KTJ655389 LDF655387:LDF655389 LNB655387:LNB655389 LWX655387:LWX655389 MGT655387:MGT655389 MQP655387:MQP655389 NAL655387:NAL655389 NKH655387:NKH655389 NUD655387:NUD655389 ODZ655387:ODZ655389 ONV655387:ONV655389 OXR655387:OXR655389 PHN655387:PHN655389 PRJ655387:PRJ655389 QBF655387:QBF655389 QLB655387:QLB655389 QUX655387:QUX655389 RET655387:RET655389 ROP655387:ROP655389 RYL655387:RYL655389 SIH655387:SIH655389 SSD655387:SSD655389 TBZ655387:TBZ655389 TLV655387:TLV655389 TVR655387:TVR655389 UFN655387:UFN655389 UPJ655387:UPJ655389 UZF655387:UZF655389 VJB655387:VJB655389 VSX655387:VSX655389 WCT655387:WCT655389 WMP655387:WMP655389 WWL655387:WWL655389 AD720923:AD720925 JZ720923:JZ720925 TV720923:TV720925 ADR720923:ADR720925 ANN720923:ANN720925 AXJ720923:AXJ720925 BHF720923:BHF720925 BRB720923:BRB720925 CAX720923:CAX720925 CKT720923:CKT720925 CUP720923:CUP720925 DEL720923:DEL720925 DOH720923:DOH720925 DYD720923:DYD720925 EHZ720923:EHZ720925 ERV720923:ERV720925 FBR720923:FBR720925 FLN720923:FLN720925 FVJ720923:FVJ720925 GFF720923:GFF720925 GPB720923:GPB720925 GYX720923:GYX720925 HIT720923:HIT720925 HSP720923:HSP720925 ICL720923:ICL720925 IMH720923:IMH720925 IWD720923:IWD720925 JFZ720923:JFZ720925 JPV720923:JPV720925 JZR720923:JZR720925 KJN720923:KJN720925 KTJ720923:KTJ720925 LDF720923:LDF720925 LNB720923:LNB720925 LWX720923:LWX720925 MGT720923:MGT720925 MQP720923:MQP720925 NAL720923:NAL720925 NKH720923:NKH720925 NUD720923:NUD720925 ODZ720923:ODZ720925 ONV720923:ONV720925 OXR720923:OXR720925 PHN720923:PHN720925 PRJ720923:PRJ720925 QBF720923:QBF720925 QLB720923:QLB720925 QUX720923:QUX720925 RET720923:RET720925 ROP720923:ROP720925 RYL720923:RYL720925 SIH720923:SIH720925 SSD720923:SSD720925 TBZ720923:TBZ720925 TLV720923:TLV720925 TVR720923:TVR720925 UFN720923:UFN720925 UPJ720923:UPJ720925 UZF720923:UZF720925 VJB720923:VJB720925 VSX720923:VSX720925 WCT720923:WCT720925 WMP720923:WMP720925 WWL720923:WWL720925 AD786459:AD786461 JZ786459:JZ786461 TV786459:TV786461 ADR786459:ADR786461 ANN786459:ANN786461 AXJ786459:AXJ786461 BHF786459:BHF786461 BRB786459:BRB786461 CAX786459:CAX786461 CKT786459:CKT786461 CUP786459:CUP786461 DEL786459:DEL786461 DOH786459:DOH786461 DYD786459:DYD786461 EHZ786459:EHZ786461 ERV786459:ERV786461 FBR786459:FBR786461 FLN786459:FLN786461 FVJ786459:FVJ786461 GFF786459:GFF786461 GPB786459:GPB786461 GYX786459:GYX786461 HIT786459:HIT786461 HSP786459:HSP786461 ICL786459:ICL786461 IMH786459:IMH786461 IWD786459:IWD786461 JFZ786459:JFZ786461 JPV786459:JPV786461 JZR786459:JZR786461 KJN786459:KJN786461 KTJ786459:KTJ786461 LDF786459:LDF786461 LNB786459:LNB786461 LWX786459:LWX786461 MGT786459:MGT786461 MQP786459:MQP786461 NAL786459:NAL786461 NKH786459:NKH786461 NUD786459:NUD786461 ODZ786459:ODZ786461 ONV786459:ONV786461 OXR786459:OXR786461 PHN786459:PHN786461 PRJ786459:PRJ786461 QBF786459:QBF786461 QLB786459:QLB786461 QUX786459:QUX786461 RET786459:RET786461 ROP786459:ROP786461 RYL786459:RYL786461 SIH786459:SIH786461 SSD786459:SSD786461 TBZ786459:TBZ786461 TLV786459:TLV786461 TVR786459:TVR786461 UFN786459:UFN786461 UPJ786459:UPJ786461 UZF786459:UZF786461 VJB786459:VJB786461 VSX786459:VSX786461 WCT786459:WCT786461 WMP786459:WMP786461 WWL786459:WWL786461 AD851995:AD851997 JZ851995:JZ851997 TV851995:TV851997 ADR851995:ADR851997 ANN851995:ANN851997 AXJ851995:AXJ851997 BHF851995:BHF851997 BRB851995:BRB851997 CAX851995:CAX851997 CKT851995:CKT851997 CUP851995:CUP851997 DEL851995:DEL851997 DOH851995:DOH851997 DYD851995:DYD851997 EHZ851995:EHZ851997 ERV851995:ERV851997 FBR851995:FBR851997 FLN851995:FLN851997 FVJ851995:FVJ851997 GFF851995:GFF851997 GPB851995:GPB851997 GYX851995:GYX851997 HIT851995:HIT851997 HSP851995:HSP851997 ICL851995:ICL851997 IMH851995:IMH851997 IWD851995:IWD851997 JFZ851995:JFZ851997 JPV851995:JPV851997 JZR851995:JZR851997 KJN851995:KJN851997 KTJ851995:KTJ851997 LDF851995:LDF851997 LNB851995:LNB851997 LWX851995:LWX851997 MGT851995:MGT851997 MQP851995:MQP851997 NAL851995:NAL851997 NKH851995:NKH851997 NUD851995:NUD851997 ODZ851995:ODZ851997 ONV851995:ONV851997 OXR851995:OXR851997 PHN851995:PHN851997 PRJ851995:PRJ851997 QBF851995:QBF851997 QLB851995:QLB851997 QUX851995:QUX851997 RET851995:RET851997 ROP851995:ROP851997 RYL851995:RYL851997 SIH851995:SIH851997 SSD851995:SSD851997 TBZ851995:TBZ851997 TLV851995:TLV851997 TVR851995:TVR851997 UFN851995:UFN851997 UPJ851995:UPJ851997 UZF851995:UZF851997 VJB851995:VJB851997 VSX851995:VSX851997 WCT851995:WCT851997 WMP851995:WMP851997 WWL851995:WWL851997 AD917531:AD917533 JZ917531:JZ917533 TV917531:TV917533 ADR917531:ADR917533 ANN917531:ANN917533 AXJ917531:AXJ917533 BHF917531:BHF917533 BRB917531:BRB917533 CAX917531:CAX917533 CKT917531:CKT917533 CUP917531:CUP917533 DEL917531:DEL917533 DOH917531:DOH917533 DYD917531:DYD917533 EHZ917531:EHZ917533 ERV917531:ERV917533 FBR917531:FBR917533 FLN917531:FLN917533 FVJ917531:FVJ917533 GFF917531:GFF917533 GPB917531:GPB917533 GYX917531:GYX917533 HIT917531:HIT917533 HSP917531:HSP917533 ICL917531:ICL917533 IMH917531:IMH917533 IWD917531:IWD917533 JFZ917531:JFZ917533 JPV917531:JPV917533 JZR917531:JZR917533 KJN917531:KJN917533 KTJ917531:KTJ917533 LDF917531:LDF917533 LNB917531:LNB917533 LWX917531:LWX917533 MGT917531:MGT917533 MQP917531:MQP917533 NAL917531:NAL917533 NKH917531:NKH917533 NUD917531:NUD917533 ODZ917531:ODZ917533 ONV917531:ONV917533 OXR917531:OXR917533 PHN917531:PHN917533 PRJ917531:PRJ917533 QBF917531:QBF917533 QLB917531:QLB917533 QUX917531:QUX917533 RET917531:RET917533 ROP917531:ROP917533 RYL917531:RYL917533 SIH917531:SIH917533 SSD917531:SSD917533 TBZ917531:TBZ917533 TLV917531:TLV917533 TVR917531:TVR917533 UFN917531:UFN917533 UPJ917531:UPJ917533 UZF917531:UZF917533 VJB917531:VJB917533 VSX917531:VSX917533 WCT917531:WCT917533 WMP917531:WMP917533 WWL917531:WWL917533 AD983067:AD983069 JZ983067:JZ983069 TV983067:TV983069 ADR983067:ADR983069 ANN983067:ANN983069 AXJ983067:AXJ983069 BHF983067:BHF983069 BRB983067:BRB983069 CAX983067:CAX983069 CKT983067:CKT983069 CUP983067:CUP983069 DEL983067:DEL983069 DOH983067:DOH983069 DYD983067:DYD983069 EHZ983067:EHZ983069 ERV983067:ERV983069 FBR983067:FBR983069 FLN983067:FLN983069 FVJ983067:FVJ983069 GFF983067:GFF983069 GPB983067:GPB983069 GYX983067:GYX983069 HIT983067:HIT983069 HSP983067:HSP983069 ICL983067:ICL983069 IMH983067:IMH983069 IWD983067:IWD983069 JFZ983067:JFZ983069 JPV983067:JPV983069 JZR983067:JZR983069 KJN983067:KJN983069 KTJ983067:KTJ983069 LDF983067:LDF983069 LNB983067:LNB983069 LWX983067:LWX983069 MGT983067:MGT983069 MQP983067:MQP983069 NAL983067:NAL983069 NKH983067:NKH983069 NUD983067:NUD983069 ODZ983067:ODZ983069 ONV983067:ONV983069 OXR983067:OXR983069 PHN983067:PHN983069 PRJ983067:PRJ983069 QBF983067:QBF983069 QLB983067:QLB983069 QUX983067:QUX983069 RET983067:RET983069 ROP983067:ROP983069 RYL983067:RYL983069 SIH983067:SIH983069 SSD983067:SSD983069 TBZ983067:TBZ983069 TLV983067:TLV983069 TVR983067:TVR983069 UFN983067:UFN983069 UPJ983067:UPJ983069 UZF983067:UZF983069 VJB983067:VJB983069 VSX983067:VSX983069 WCT983067:WCT983069 WMP983067:WMP983069 WWL983067:WWL983069 AD32:AD34 JZ32:JZ34 TV32:TV34 ADR32:ADR34 ANN32:ANN34 AXJ32:AXJ34 BHF32:BHF34 BRB32:BRB34 CAX32:CAX34 CKT32:CKT34 CUP32:CUP34 DEL32:DEL34 DOH32:DOH34 DYD32:DYD34 EHZ32:EHZ34 ERV32:ERV34 FBR32:FBR34 FLN32:FLN34 FVJ32:FVJ34 GFF32:GFF34 GPB32:GPB34 GYX32:GYX34 HIT32:HIT34 HSP32:HSP34 ICL32:ICL34 IMH32:IMH34 IWD32:IWD34 JFZ32:JFZ34 JPV32:JPV34 JZR32:JZR34 KJN32:KJN34 KTJ32:KTJ34 LDF32:LDF34 LNB32:LNB34 LWX32:LWX34 MGT32:MGT34 MQP32:MQP34 NAL32:NAL34 NKH32:NKH34 NUD32:NUD34 ODZ32:ODZ34 ONV32:ONV34 OXR32:OXR34 PHN32:PHN34 PRJ32:PRJ34 QBF32:QBF34 QLB32:QLB34 QUX32:QUX34 RET32:RET34 ROP32:ROP34 RYL32:RYL34 SIH32:SIH34 SSD32:SSD34 TBZ32:TBZ34 TLV32:TLV34 TVR32:TVR34 UFN32:UFN34 UPJ32:UPJ34 UZF32:UZF34 VJB32:VJB34 VSX32:VSX34 WCT32:WCT34 WMP32:WMP34 WWL32:WWL34 AD65568:AD65570 JZ65568:JZ65570 TV65568:TV65570 ADR65568:ADR65570 ANN65568:ANN65570 AXJ65568:AXJ65570 BHF65568:BHF65570 BRB65568:BRB65570 CAX65568:CAX65570 CKT65568:CKT65570 CUP65568:CUP65570 DEL65568:DEL65570 DOH65568:DOH65570 DYD65568:DYD65570 EHZ65568:EHZ65570 ERV65568:ERV65570 FBR65568:FBR65570 FLN65568:FLN65570 FVJ65568:FVJ65570 GFF65568:GFF65570 GPB65568:GPB65570 GYX65568:GYX65570 HIT65568:HIT65570 HSP65568:HSP65570 ICL65568:ICL65570 IMH65568:IMH65570 IWD65568:IWD65570 JFZ65568:JFZ65570 JPV65568:JPV65570 JZR65568:JZR65570 KJN65568:KJN65570 KTJ65568:KTJ65570 LDF65568:LDF65570 LNB65568:LNB65570 LWX65568:LWX65570 MGT65568:MGT65570 MQP65568:MQP65570 NAL65568:NAL65570 NKH65568:NKH65570 NUD65568:NUD65570 ODZ65568:ODZ65570 ONV65568:ONV65570 OXR65568:OXR65570 PHN65568:PHN65570 PRJ65568:PRJ65570 QBF65568:QBF65570 QLB65568:QLB65570 QUX65568:QUX65570 RET65568:RET65570 ROP65568:ROP65570 RYL65568:RYL65570 SIH65568:SIH65570 SSD65568:SSD65570 TBZ65568:TBZ65570 TLV65568:TLV65570 TVR65568:TVR65570 UFN65568:UFN65570 UPJ65568:UPJ65570 UZF65568:UZF65570 VJB65568:VJB65570 VSX65568:VSX65570 WCT65568:WCT65570 WMP65568:WMP65570 WWL65568:WWL65570 AD131104:AD131106 JZ131104:JZ131106 TV131104:TV131106 ADR131104:ADR131106 ANN131104:ANN131106 AXJ131104:AXJ131106 BHF131104:BHF131106 BRB131104:BRB131106 CAX131104:CAX131106 CKT131104:CKT131106 CUP131104:CUP131106 DEL131104:DEL131106 DOH131104:DOH131106 DYD131104:DYD131106 EHZ131104:EHZ131106 ERV131104:ERV131106 FBR131104:FBR131106 FLN131104:FLN131106 FVJ131104:FVJ131106 GFF131104:GFF131106 GPB131104:GPB131106 GYX131104:GYX131106 HIT131104:HIT131106 HSP131104:HSP131106 ICL131104:ICL131106 IMH131104:IMH131106 IWD131104:IWD131106 JFZ131104:JFZ131106 JPV131104:JPV131106 JZR131104:JZR131106 KJN131104:KJN131106 KTJ131104:KTJ131106 LDF131104:LDF131106 LNB131104:LNB131106 LWX131104:LWX131106 MGT131104:MGT131106 MQP131104:MQP131106 NAL131104:NAL131106 NKH131104:NKH131106 NUD131104:NUD131106 ODZ131104:ODZ131106 ONV131104:ONV131106 OXR131104:OXR131106 PHN131104:PHN131106 PRJ131104:PRJ131106 QBF131104:QBF131106 QLB131104:QLB131106 QUX131104:QUX131106 RET131104:RET131106 ROP131104:ROP131106 RYL131104:RYL131106 SIH131104:SIH131106 SSD131104:SSD131106 TBZ131104:TBZ131106 TLV131104:TLV131106 TVR131104:TVR131106 UFN131104:UFN131106 UPJ131104:UPJ131106 UZF131104:UZF131106 VJB131104:VJB131106 VSX131104:VSX131106 WCT131104:WCT131106 WMP131104:WMP131106 WWL131104:WWL131106 AD196640:AD196642 JZ196640:JZ196642 TV196640:TV196642 ADR196640:ADR196642 ANN196640:ANN196642 AXJ196640:AXJ196642 BHF196640:BHF196642 BRB196640:BRB196642 CAX196640:CAX196642 CKT196640:CKT196642 CUP196640:CUP196642 DEL196640:DEL196642 DOH196640:DOH196642 DYD196640:DYD196642 EHZ196640:EHZ196642 ERV196640:ERV196642 FBR196640:FBR196642 FLN196640:FLN196642 FVJ196640:FVJ196642 GFF196640:GFF196642 GPB196640:GPB196642 GYX196640:GYX196642 HIT196640:HIT196642 HSP196640:HSP196642 ICL196640:ICL196642 IMH196640:IMH196642 IWD196640:IWD196642 JFZ196640:JFZ196642 JPV196640:JPV196642 JZR196640:JZR196642 KJN196640:KJN196642 KTJ196640:KTJ196642 LDF196640:LDF196642 LNB196640:LNB196642 LWX196640:LWX196642 MGT196640:MGT196642 MQP196640:MQP196642 NAL196640:NAL196642 NKH196640:NKH196642 NUD196640:NUD196642 ODZ196640:ODZ196642 ONV196640:ONV196642 OXR196640:OXR196642 PHN196640:PHN196642 PRJ196640:PRJ196642 QBF196640:QBF196642 QLB196640:QLB196642 QUX196640:QUX196642 RET196640:RET196642 ROP196640:ROP196642 RYL196640:RYL196642 SIH196640:SIH196642 SSD196640:SSD196642 TBZ196640:TBZ196642 TLV196640:TLV196642 TVR196640:TVR196642 UFN196640:UFN196642 UPJ196640:UPJ196642 UZF196640:UZF196642 VJB196640:VJB196642 VSX196640:VSX196642 WCT196640:WCT196642 WMP196640:WMP196642 WWL196640:WWL196642 AD262176:AD262178 JZ262176:JZ262178 TV262176:TV262178 ADR262176:ADR262178 ANN262176:ANN262178 AXJ262176:AXJ262178 BHF262176:BHF262178 BRB262176:BRB262178 CAX262176:CAX262178 CKT262176:CKT262178 CUP262176:CUP262178 DEL262176:DEL262178 DOH262176:DOH262178 DYD262176:DYD262178 EHZ262176:EHZ262178 ERV262176:ERV262178 FBR262176:FBR262178 FLN262176:FLN262178 FVJ262176:FVJ262178 GFF262176:GFF262178 GPB262176:GPB262178 GYX262176:GYX262178 HIT262176:HIT262178 HSP262176:HSP262178 ICL262176:ICL262178 IMH262176:IMH262178 IWD262176:IWD262178 JFZ262176:JFZ262178 JPV262176:JPV262178 JZR262176:JZR262178 KJN262176:KJN262178 KTJ262176:KTJ262178 LDF262176:LDF262178 LNB262176:LNB262178 LWX262176:LWX262178 MGT262176:MGT262178 MQP262176:MQP262178 NAL262176:NAL262178 NKH262176:NKH262178 NUD262176:NUD262178 ODZ262176:ODZ262178 ONV262176:ONV262178 OXR262176:OXR262178 PHN262176:PHN262178 PRJ262176:PRJ262178 QBF262176:QBF262178 QLB262176:QLB262178 QUX262176:QUX262178 RET262176:RET262178 ROP262176:ROP262178 RYL262176:RYL262178 SIH262176:SIH262178 SSD262176:SSD262178 TBZ262176:TBZ262178 TLV262176:TLV262178 TVR262176:TVR262178 UFN262176:UFN262178 UPJ262176:UPJ262178 UZF262176:UZF262178 VJB262176:VJB262178 VSX262176:VSX262178 WCT262176:WCT262178 WMP262176:WMP262178 WWL262176:WWL262178 AD327712:AD327714 JZ327712:JZ327714 TV327712:TV327714 ADR327712:ADR327714 ANN327712:ANN327714 AXJ327712:AXJ327714 BHF327712:BHF327714 BRB327712:BRB327714 CAX327712:CAX327714 CKT327712:CKT327714 CUP327712:CUP327714 DEL327712:DEL327714 DOH327712:DOH327714 DYD327712:DYD327714 EHZ327712:EHZ327714 ERV327712:ERV327714 FBR327712:FBR327714 FLN327712:FLN327714 FVJ327712:FVJ327714 GFF327712:GFF327714 GPB327712:GPB327714 GYX327712:GYX327714 HIT327712:HIT327714 HSP327712:HSP327714 ICL327712:ICL327714 IMH327712:IMH327714 IWD327712:IWD327714 JFZ327712:JFZ327714 JPV327712:JPV327714 JZR327712:JZR327714 KJN327712:KJN327714 KTJ327712:KTJ327714 LDF327712:LDF327714 LNB327712:LNB327714 LWX327712:LWX327714 MGT327712:MGT327714 MQP327712:MQP327714 NAL327712:NAL327714 NKH327712:NKH327714 NUD327712:NUD327714 ODZ327712:ODZ327714 ONV327712:ONV327714 OXR327712:OXR327714 PHN327712:PHN327714 PRJ327712:PRJ327714 QBF327712:QBF327714 QLB327712:QLB327714 QUX327712:QUX327714 RET327712:RET327714 ROP327712:ROP327714 RYL327712:RYL327714 SIH327712:SIH327714 SSD327712:SSD327714 TBZ327712:TBZ327714 TLV327712:TLV327714 TVR327712:TVR327714 UFN327712:UFN327714 UPJ327712:UPJ327714 UZF327712:UZF327714 VJB327712:VJB327714 VSX327712:VSX327714 WCT327712:WCT327714 WMP327712:WMP327714 WWL327712:WWL327714 AD393248:AD393250 JZ393248:JZ393250 TV393248:TV393250 ADR393248:ADR393250 ANN393248:ANN393250 AXJ393248:AXJ393250 BHF393248:BHF393250 BRB393248:BRB393250 CAX393248:CAX393250 CKT393248:CKT393250 CUP393248:CUP393250 DEL393248:DEL393250 DOH393248:DOH393250 DYD393248:DYD393250 EHZ393248:EHZ393250 ERV393248:ERV393250 FBR393248:FBR393250 FLN393248:FLN393250 FVJ393248:FVJ393250 GFF393248:GFF393250 GPB393248:GPB393250 GYX393248:GYX393250 HIT393248:HIT393250 HSP393248:HSP393250 ICL393248:ICL393250 IMH393248:IMH393250 IWD393248:IWD393250 JFZ393248:JFZ393250 JPV393248:JPV393250 JZR393248:JZR393250 KJN393248:KJN393250 KTJ393248:KTJ393250 LDF393248:LDF393250 LNB393248:LNB393250 LWX393248:LWX393250 MGT393248:MGT393250 MQP393248:MQP393250 NAL393248:NAL393250 NKH393248:NKH393250 NUD393248:NUD393250 ODZ393248:ODZ393250 ONV393248:ONV393250 OXR393248:OXR393250 PHN393248:PHN393250 PRJ393248:PRJ393250 QBF393248:QBF393250 QLB393248:QLB393250 QUX393248:QUX393250 RET393248:RET393250 ROP393248:ROP393250 RYL393248:RYL393250 SIH393248:SIH393250 SSD393248:SSD393250 TBZ393248:TBZ393250 TLV393248:TLV393250 TVR393248:TVR393250 UFN393248:UFN393250 UPJ393248:UPJ393250 UZF393248:UZF393250 VJB393248:VJB393250 VSX393248:VSX393250 WCT393248:WCT393250 WMP393248:WMP393250 WWL393248:WWL393250 AD458784:AD458786 JZ458784:JZ458786 TV458784:TV458786 ADR458784:ADR458786 ANN458784:ANN458786 AXJ458784:AXJ458786 BHF458784:BHF458786 BRB458784:BRB458786 CAX458784:CAX458786 CKT458784:CKT458786 CUP458784:CUP458786 DEL458784:DEL458786 DOH458784:DOH458786 DYD458784:DYD458786 EHZ458784:EHZ458786 ERV458784:ERV458786 FBR458784:FBR458786 FLN458784:FLN458786 FVJ458784:FVJ458786 GFF458784:GFF458786 GPB458784:GPB458786 GYX458784:GYX458786 HIT458784:HIT458786 HSP458784:HSP458786 ICL458784:ICL458786 IMH458784:IMH458786 IWD458784:IWD458786 JFZ458784:JFZ458786 JPV458784:JPV458786 JZR458784:JZR458786 KJN458784:KJN458786 KTJ458784:KTJ458786 LDF458784:LDF458786 LNB458784:LNB458786 LWX458784:LWX458786 MGT458784:MGT458786 MQP458784:MQP458786 NAL458784:NAL458786 NKH458784:NKH458786 NUD458784:NUD458786 ODZ458784:ODZ458786 ONV458784:ONV458786 OXR458784:OXR458786 PHN458784:PHN458786 PRJ458784:PRJ458786 QBF458784:QBF458786 QLB458784:QLB458786 QUX458784:QUX458786 RET458784:RET458786 ROP458784:ROP458786 RYL458784:RYL458786 SIH458784:SIH458786 SSD458784:SSD458786 TBZ458784:TBZ458786 TLV458784:TLV458786 TVR458784:TVR458786 UFN458784:UFN458786 UPJ458784:UPJ458786 UZF458784:UZF458786 VJB458784:VJB458786 VSX458784:VSX458786 WCT458784:WCT458786 WMP458784:WMP458786 WWL458784:WWL458786 AD524320:AD524322 JZ524320:JZ524322 TV524320:TV524322 ADR524320:ADR524322 ANN524320:ANN524322 AXJ524320:AXJ524322 BHF524320:BHF524322 BRB524320:BRB524322 CAX524320:CAX524322 CKT524320:CKT524322 CUP524320:CUP524322 DEL524320:DEL524322 DOH524320:DOH524322 DYD524320:DYD524322 EHZ524320:EHZ524322 ERV524320:ERV524322 FBR524320:FBR524322 FLN524320:FLN524322 FVJ524320:FVJ524322 GFF524320:GFF524322 GPB524320:GPB524322 GYX524320:GYX524322 HIT524320:HIT524322 HSP524320:HSP524322 ICL524320:ICL524322 IMH524320:IMH524322 IWD524320:IWD524322 JFZ524320:JFZ524322 JPV524320:JPV524322 JZR524320:JZR524322 KJN524320:KJN524322 KTJ524320:KTJ524322 LDF524320:LDF524322 LNB524320:LNB524322 LWX524320:LWX524322 MGT524320:MGT524322 MQP524320:MQP524322 NAL524320:NAL524322 NKH524320:NKH524322 NUD524320:NUD524322 ODZ524320:ODZ524322 ONV524320:ONV524322 OXR524320:OXR524322 PHN524320:PHN524322 PRJ524320:PRJ524322 QBF524320:QBF524322 QLB524320:QLB524322 QUX524320:QUX524322 RET524320:RET524322 ROP524320:ROP524322 RYL524320:RYL524322 SIH524320:SIH524322 SSD524320:SSD524322 TBZ524320:TBZ524322 TLV524320:TLV524322 TVR524320:TVR524322 UFN524320:UFN524322 UPJ524320:UPJ524322 UZF524320:UZF524322 VJB524320:VJB524322 VSX524320:VSX524322 WCT524320:WCT524322 WMP524320:WMP524322 WWL524320:WWL524322 AD589856:AD589858 JZ589856:JZ589858 TV589856:TV589858 ADR589856:ADR589858 ANN589856:ANN589858 AXJ589856:AXJ589858 BHF589856:BHF589858 BRB589856:BRB589858 CAX589856:CAX589858 CKT589856:CKT589858 CUP589856:CUP589858 DEL589856:DEL589858 DOH589856:DOH589858 DYD589856:DYD589858 EHZ589856:EHZ589858 ERV589856:ERV589858 FBR589856:FBR589858 FLN589856:FLN589858 FVJ589856:FVJ589858 GFF589856:GFF589858 GPB589856:GPB589858 GYX589856:GYX589858 HIT589856:HIT589858 HSP589856:HSP589858 ICL589856:ICL589858 IMH589856:IMH589858 IWD589856:IWD589858 JFZ589856:JFZ589858 JPV589856:JPV589858 JZR589856:JZR589858 KJN589856:KJN589858 KTJ589856:KTJ589858 LDF589856:LDF589858 LNB589856:LNB589858 LWX589856:LWX589858 MGT589856:MGT589858 MQP589856:MQP589858 NAL589856:NAL589858 NKH589856:NKH589858 NUD589856:NUD589858 ODZ589856:ODZ589858 ONV589856:ONV589858 OXR589856:OXR589858 PHN589856:PHN589858 PRJ589856:PRJ589858 QBF589856:QBF589858 QLB589856:QLB589858 QUX589856:QUX589858 RET589856:RET589858 ROP589856:ROP589858 RYL589856:RYL589858 SIH589856:SIH589858 SSD589856:SSD589858 TBZ589856:TBZ589858 TLV589856:TLV589858 TVR589856:TVR589858 UFN589856:UFN589858 UPJ589856:UPJ589858 UZF589856:UZF589858 VJB589856:VJB589858 VSX589856:VSX589858 WCT589856:WCT589858 WMP589856:WMP589858 WWL589856:WWL589858 AD655392:AD655394 JZ655392:JZ655394 TV655392:TV655394 ADR655392:ADR655394 ANN655392:ANN655394 AXJ655392:AXJ655394 BHF655392:BHF655394 BRB655392:BRB655394 CAX655392:CAX655394 CKT655392:CKT655394 CUP655392:CUP655394 DEL655392:DEL655394 DOH655392:DOH655394 DYD655392:DYD655394 EHZ655392:EHZ655394 ERV655392:ERV655394 FBR655392:FBR655394 FLN655392:FLN655394 FVJ655392:FVJ655394 GFF655392:GFF655394 GPB655392:GPB655394 GYX655392:GYX655394 HIT655392:HIT655394 HSP655392:HSP655394 ICL655392:ICL655394 IMH655392:IMH655394 IWD655392:IWD655394 JFZ655392:JFZ655394 JPV655392:JPV655394 JZR655392:JZR655394 KJN655392:KJN655394 KTJ655392:KTJ655394 LDF655392:LDF655394 LNB655392:LNB655394 LWX655392:LWX655394 MGT655392:MGT655394 MQP655392:MQP655394 NAL655392:NAL655394 NKH655392:NKH655394 NUD655392:NUD655394 ODZ655392:ODZ655394 ONV655392:ONV655394 OXR655392:OXR655394 PHN655392:PHN655394 PRJ655392:PRJ655394 QBF655392:QBF655394 QLB655392:QLB655394 QUX655392:QUX655394 RET655392:RET655394 ROP655392:ROP655394 RYL655392:RYL655394 SIH655392:SIH655394 SSD655392:SSD655394 TBZ655392:TBZ655394 TLV655392:TLV655394 TVR655392:TVR655394 UFN655392:UFN655394 UPJ655392:UPJ655394 UZF655392:UZF655394 VJB655392:VJB655394 VSX655392:VSX655394 WCT655392:WCT655394 WMP655392:WMP655394 WWL655392:WWL655394 AD720928:AD720930 JZ720928:JZ720930 TV720928:TV720930 ADR720928:ADR720930 ANN720928:ANN720930 AXJ720928:AXJ720930 BHF720928:BHF720930 BRB720928:BRB720930 CAX720928:CAX720930 CKT720928:CKT720930 CUP720928:CUP720930 DEL720928:DEL720930 DOH720928:DOH720930 DYD720928:DYD720930 EHZ720928:EHZ720930 ERV720928:ERV720930 FBR720928:FBR720930 FLN720928:FLN720930 FVJ720928:FVJ720930 GFF720928:GFF720930 GPB720928:GPB720930 GYX720928:GYX720930 HIT720928:HIT720930 HSP720928:HSP720930 ICL720928:ICL720930 IMH720928:IMH720930 IWD720928:IWD720930 JFZ720928:JFZ720930 JPV720928:JPV720930 JZR720928:JZR720930 KJN720928:KJN720930 KTJ720928:KTJ720930 LDF720928:LDF720930 LNB720928:LNB720930 LWX720928:LWX720930 MGT720928:MGT720930 MQP720928:MQP720930 NAL720928:NAL720930 NKH720928:NKH720930 NUD720928:NUD720930 ODZ720928:ODZ720930 ONV720928:ONV720930 OXR720928:OXR720930 PHN720928:PHN720930 PRJ720928:PRJ720930 QBF720928:QBF720930 QLB720928:QLB720930 QUX720928:QUX720930 RET720928:RET720930 ROP720928:ROP720930 RYL720928:RYL720930 SIH720928:SIH720930 SSD720928:SSD720930 TBZ720928:TBZ720930 TLV720928:TLV720930 TVR720928:TVR720930 UFN720928:UFN720930 UPJ720928:UPJ720930 UZF720928:UZF720930 VJB720928:VJB720930 VSX720928:VSX720930 WCT720928:WCT720930 WMP720928:WMP720930 WWL720928:WWL720930 AD786464:AD786466 JZ786464:JZ786466 TV786464:TV786466 ADR786464:ADR786466 ANN786464:ANN786466 AXJ786464:AXJ786466 BHF786464:BHF786466 BRB786464:BRB786466 CAX786464:CAX786466 CKT786464:CKT786466 CUP786464:CUP786466 DEL786464:DEL786466 DOH786464:DOH786466 DYD786464:DYD786466 EHZ786464:EHZ786466 ERV786464:ERV786466 FBR786464:FBR786466 FLN786464:FLN786466 FVJ786464:FVJ786466 GFF786464:GFF786466 GPB786464:GPB786466 GYX786464:GYX786466 HIT786464:HIT786466 HSP786464:HSP786466 ICL786464:ICL786466 IMH786464:IMH786466 IWD786464:IWD786466 JFZ786464:JFZ786466 JPV786464:JPV786466 JZR786464:JZR786466 KJN786464:KJN786466 KTJ786464:KTJ786466 LDF786464:LDF786466 LNB786464:LNB786466 LWX786464:LWX786466 MGT786464:MGT786466 MQP786464:MQP786466 NAL786464:NAL786466 NKH786464:NKH786466 NUD786464:NUD786466 ODZ786464:ODZ786466 ONV786464:ONV786466 OXR786464:OXR786466 PHN786464:PHN786466 PRJ786464:PRJ786466 QBF786464:QBF786466 QLB786464:QLB786466 QUX786464:QUX786466 RET786464:RET786466 ROP786464:ROP786466 RYL786464:RYL786466 SIH786464:SIH786466 SSD786464:SSD786466 TBZ786464:TBZ786466 TLV786464:TLV786466 TVR786464:TVR786466 UFN786464:UFN786466 UPJ786464:UPJ786466 UZF786464:UZF786466 VJB786464:VJB786466 VSX786464:VSX786466 WCT786464:WCT786466 WMP786464:WMP786466 WWL786464:WWL786466 AD852000:AD852002 JZ852000:JZ852002 TV852000:TV852002 ADR852000:ADR852002 ANN852000:ANN852002 AXJ852000:AXJ852002 BHF852000:BHF852002 BRB852000:BRB852002 CAX852000:CAX852002 CKT852000:CKT852002 CUP852000:CUP852002 DEL852000:DEL852002 DOH852000:DOH852002 DYD852000:DYD852002 EHZ852000:EHZ852002 ERV852000:ERV852002 FBR852000:FBR852002 FLN852000:FLN852002 FVJ852000:FVJ852002 GFF852000:GFF852002 GPB852000:GPB852002 GYX852000:GYX852002 HIT852000:HIT852002 HSP852000:HSP852002 ICL852000:ICL852002 IMH852000:IMH852002 IWD852000:IWD852002 JFZ852000:JFZ852002 JPV852000:JPV852002 JZR852000:JZR852002 KJN852000:KJN852002 KTJ852000:KTJ852002 LDF852000:LDF852002 LNB852000:LNB852002 LWX852000:LWX852002 MGT852000:MGT852002 MQP852000:MQP852002 NAL852000:NAL852002 NKH852000:NKH852002 NUD852000:NUD852002 ODZ852000:ODZ852002 ONV852000:ONV852002 OXR852000:OXR852002 PHN852000:PHN852002 PRJ852000:PRJ852002 QBF852000:QBF852002 QLB852000:QLB852002 QUX852000:QUX852002 RET852000:RET852002 ROP852000:ROP852002 RYL852000:RYL852002 SIH852000:SIH852002 SSD852000:SSD852002 TBZ852000:TBZ852002 TLV852000:TLV852002 TVR852000:TVR852002 UFN852000:UFN852002 UPJ852000:UPJ852002 UZF852000:UZF852002 VJB852000:VJB852002 VSX852000:VSX852002 WCT852000:WCT852002 WMP852000:WMP852002 WWL852000:WWL852002 AD917536:AD917538 JZ917536:JZ917538 TV917536:TV917538 ADR917536:ADR917538 ANN917536:ANN917538 AXJ917536:AXJ917538 BHF917536:BHF917538 BRB917536:BRB917538 CAX917536:CAX917538 CKT917536:CKT917538 CUP917536:CUP917538 DEL917536:DEL917538 DOH917536:DOH917538 DYD917536:DYD917538 EHZ917536:EHZ917538 ERV917536:ERV917538 FBR917536:FBR917538 FLN917536:FLN917538 FVJ917536:FVJ917538 GFF917536:GFF917538 GPB917536:GPB917538 GYX917536:GYX917538 HIT917536:HIT917538 HSP917536:HSP917538 ICL917536:ICL917538 IMH917536:IMH917538 IWD917536:IWD917538 JFZ917536:JFZ917538 JPV917536:JPV917538 JZR917536:JZR917538 KJN917536:KJN917538 KTJ917536:KTJ917538 LDF917536:LDF917538 LNB917536:LNB917538 LWX917536:LWX917538 MGT917536:MGT917538 MQP917536:MQP917538 NAL917536:NAL917538 NKH917536:NKH917538 NUD917536:NUD917538 ODZ917536:ODZ917538 ONV917536:ONV917538 OXR917536:OXR917538 PHN917536:PHN917538 PRJ917536:PRJ917538 QBF917536:QBF917538 QLB917536:QLB917538 QUX917536:QUX917538 RET917536:RET917538 ROP917536:ROP917538 RYL917536:RYL917538 SIH917536:SIH917538 SSD917536:SSD917538 TBZ917536:TBZ917538 TLV917536:TLV917538 TVR917536:TVR917538 UFN917536:UFN917538 UPJ917536:UPJ917538 UZF917536:UZF917538 VJB917536:VJB917538 VSX917536:VSX917538 WCT917536:WCT917538 WMP917536:WMP917538 WWL917536:WWL917538 AD983072:AD983074 JZ983072:JZ983074 TV983072:TV983074 ADR983072:ADR983074 ANN983072:ANN983074 AXJ983072:AXJ983074 BHF983072:BHF983074 BRB983072:BRB983074 CAX983072:CAX983074 CKT983072:CKT983074 CUP983072:CUP983074 DEL983072:DEL983074 DOH983072:DOH983074 DYD983072:DYD983074 EHZ983072:EHZ983074 ERV983072:ERV983074 FBR983072:FBR983074 FLN983072:FLN983074 FVJ983072:FVJ983074 GFF983072:GFF983074 GPB983072:GPB983074 GYX983072:GYX983074 HIT983072:HIT983074 HSP983072:HSP983074 ICL983072:ICL983074 IMH983072:IMH983074 IWD983072:IWD983074 JFZ983072:JFZ983074 JPV983072:JPV983074 JZR983072:JZR983074 KJN983072:KJN983074 KTJ983072:KTJ983074 LDF983072:LDF983074 LNB983072:LNB983074 LWX983072:LWX983074 MGT983072:MGT983074 MQP983072:MQP983074 NAL983072:NAL983074 NKH983072:NKH983074 NUD983072:NUD983074 ODZ983072:ODZ983074 ONV983072:ONV983074 OXR983072:OXR983074 PHN983072:PHN983074 PRJ983072:PRJ983074 QBF983072:QBF983074 QLB983072:QLB983074 QUX983072:QUX983074 RET983072:RET983074 ROP983072:ROP983074 RYL983072:RYL983074 SIH983072:SIH983074 SSD983072:SSD983074 TBZ983072:TBZ983074 TLV983072:TLV983074 TVR983072:TVR983074 UFN983072:UFN983074 UPJ983072:UPJ983074 UZF983072:UZF983074 VJB983072:VJB983074 VSX983072:VSX983074 WCT983072:WCT983074 WMP983072:WMP983074 WWL983072:WWL983074 AE101:AE102 KA101:KA102 TW101:TW102 ADS101:ADS102 ANO101:ANO102 AXK101:AXK102 BHG101:BHG102 BRC101:BRC102 CAY101:CAY102 CKU101:CKU102 CUQ101:CUQ102 DEM101:DEM102 DOI101:DOI102 DYE101:DYE102 EIA101:EIA102 ERW101:ERW102 FBS101:FBS102 FLO101:FLO102 FVK101:FVK102 GFG101:GFG102 GPC101:GPC102 GYY101:GYY102 HIU101:HIU102 HSQ101:HSQ102 ICM101:ICM102 IMI101:IMI102 IWE101:IWE102 JGA101:JGA102 JPW101:JPW102 JZS101:JZS102 KJO101:KJO102 KTK101:KTK102 LDG101:LDG102 LNC101:LNC102 LWY101:LWY102 MGU101:MGU102 MQQ101:MQQ102 NAM101:NAM102 NKI101:NKI102 NUE101:NUE102 OEA101:OEA102 ONW101:ONW102 OXS101:OXS102 PHO101:PHO102 PRK101:PRK102 QBG101:QBG102 QLC101:QLC102 QUY101:QUY102 REU101:REU102 ROQ101:ROQ102 RYM101:RYM102 SII101:SII102 SSE101:SSE102 TCA101:TCA102 TLW101:TLW102 TVS101:TVS102 UFO101:UFO102 UPK101:UPK102 UZG101:UZG102 VJC101:VJC102 VSY101:VSY102 WCU101:WCU102 WMQ101:WMQ102 WWM101:WWM102 AE65637:AE65638 KA65637:KA65638 TW65637:TW65638 ADS65637:ADS65638 ANO65637:ANO65638 AXK65637:AXK65638 BHG65637:BHG65638 BRC65637:BRC65638 CAY65637:CAY65638 CKU65637:CKU65638 CUQ65637:CUQ65638 DEM65637:DEM65638 DOI65637:DOI65638 DYE65637:DYE65638 EIA65637:EIA65638 ERW65637:ERW65638 FBS65637:FBS65638 FLO65637:FLO65638 FVK65637:FVK65638 GFG65637:GFG65638 GPC65637:GPC65638 GYY65637:GYY65638 HIU65637:HIU65638 HSQ65637:HSQ65638 ICM65637:ICM65638 IMI65637:IMI65638 IWE65637:IWE65638 JGA65637:JGA65638 JPW65637:JPW65638 JZS65637:JZS65638 KJO65637:KJO65638 KTK65637:KTK65638 LDG65637:LDG65638 LNC65637:LNC65638 LWY65637:LWY65638 MGU65637:MGU65638 MQQ65637:MQQ65638 NAM65637:NAM65638 NKI65637:NKI65638 NUE65637:NUE65638 OEA65637:OEA65638 ONW65637:ONW65638 OXS65637:OXS65638 PHO65637:PHO65638 PRK65637:PRK65638 QBG65637:QBG65638 QLC65637:QLC65638 QUY65637:QUY65638 REU65637:REU65638 ROQ65637:ROQ65638 RYM65637:RYM65638 SII65637:SII65638 SSE65637:SSE65638 TCA65637:TCA65638 TLW65637:TLW65638 TVS65637:TVS65638 UFO65637:UFO65638 UPK65637:UPK65638 UZG65637:UZG65638 VJC65637:VJC65638 VSY65637:VSY65638 WCU65637:WCU65638 WMQ65637:WMQ65638 WWM65637:WWM65638 AE131173:AE131174 KA131173:KA131174 TW131173:TW131174 ADS131173:ADS131174 ANO131173:ANO131174 AXK131173:AXK131174 BHG131173:BHG131174 BRC131173:BRC131174 CAY131173:CAY131174 CKU131173:CKU131174 CUQ131173:CUQ131174 DEM131173:DEM131174 DOI131173:DOI131174 DYE131173:DYE131174 EIA131173:EIA131174 ERW131173:ERW131174 FBS131173:FBS131174 FLO131173:FLO131174 FVK131173:FVK131174 GFG131173:GFG131174 GPC131173:GPC131174 GYY131173:GYY131174 HIU131173:HIU131174 HSQ131173:HSQ131174 ICM131173:ICM131174 IMI131173:IMI131174 IWE131173:IWE131174 JGA131173:JGA131174 JPW131173:JPW131174 JZS131173:JZS131174 KJO131173:KJO131174 KTK131173:KTK131174 LDG131173:LDG131174 LNC131173:LNC131174 LWY131173:LWY131174 MGU131173:MGU131174 MQQ131173:MQQ131174 NAM131173:NAM131174 NKI131173:NKI131174 NUE131173:NUE131174 OEA131173:OEA131174 ONW131173:ONW131174 OXS131173:OXS131174 PHO131173:PHO131174 PRK131173:PRK131174 QBG131173:QBG131174 QLC131173:QLC131174 QUY131173:QUY131174 REU131173:REU131174 ROQ131173:ROQ131174 RYM131173:RYM131174 SII131173:SII131174 SSE131173:SSE131174 TCA131173:TCA131174 TLW131173:TLW131174 TVS131173:TVS131174 UFO131173:UFO131174 UPK131173:UPK131174 UZG131173:UZG131174 VJC131173:VJC131174 VSY131173:VSY131174 WCU131173:WCU131174 WMQ131173:WMQ131174 WWM131173:WWM131174 AE196709:AE196710 KA196709:KA196710 TW196709:TW196710 ADS196709:ADS196710 ANO196709:ANO196710 AXK196709:AXK196710 BHG196709:BHG196710 BRC196709:BRC196710 CAY196709:CAY196710 CKU196709:CKU196710 CUQ196709:CUQ196710 DEM196709:DEM196710 DOI196709:DOI196710 DYE196709:DYE196710 EIA196709:EIA196710 ERW196709:ERW196710 FBS196709:FBS196710 FLO196709:FLO196710 FVK196709:FVK196710 GFG196709:GFG196710 GPC196709:GPC196710 GYY196709:GYY196710 HIU196709:HIU196710 HSQ196709:HSQ196710 ICM196709:ICM196710 IMI196709:IMI196710 IWE196709:IWE196710 JGA196709:JGA196710 JPW196709:JPW196710 JZS196709:JZS196710 KJO196709:KJO196710 KTK196709:KTK196710 LDG196709:LDG196710 LNC196709:LNC196710 LWY196709:LWY196710 MGU196709:MGU196710 MQQ196709:MQQ196710 NAM196709:NAM196710 NKI196709:NKI196710 NUE196709:NUE196710 OEA196709:OEA196710 ONW196709:ONW196710 OXS196709:OXS196710 PHO196709:PHO196710 PRK196709:PRK196710 QBG196709:QBG196710 QLC196709:QLC196710 QUY196709:QUY196710 REU196709:REU196710 ROQ196709:ROQ196710 RYM196709:RYM196710 SII196709:SII196710 SSE196709:SSE196710 TCA196709:TCA196710 TLW196709:TLW196710 TVS196709:TVS196710 UFO196709:UFO196710 UPK196709:UPK196710 UZG196709:UZG196710 VJC196709:VJC196710 VSY196709:VSY196710 WCU196709:WCU196710 WMQ196709:WMQ196710 WWM196709:WWM196710 AE262245:AE262246 KA262245:KA262246 TW262245:TW262246 ADS262245:ADS262246 ANO262245:ANO262246 AXK262245:AXK262246 BHG262245:BHG262246 BRC262245:BRC262246 CAY262245:CAY262246 CKU262245:CKU262246 CUQ262245:CUQ262246 DEM262245:DEM262246 DOI262245:DOI262246 DYE262245:DYE262246 EIA262245:EIA262246 ERW262245:ERW262246 FBS262245:FBS262246 FLO262245:FLO262246 FVK262245:FVK262246 GFG262245:GFG262246 GPC262245:GPC262246 GYY262245:GYY262246 HIU262245:HIU262246 HSQ262245:HSQ262246 ICM262245:ICM262246 IMI262245:IMI262246 IWE262245:IWE262246 JGA262245:JGA262246 JPW262245:JPW262246 JZS262245:JZS262246 KJO262245:KJO262246 KTK262245:KTK262246 LDG262245:LDG262246 LNC262245:LNC262246 LWY262245:LWY262246 MGU262245:MGU262246 MQQ262245:MQQ262246 NAM262245:NAM262246 NKI262245:NKI262246 NUE262245:NUE262246 OEA262245:OEA262246 ONW262245:ONW262246 OXS262245:OXS262246 PHO262245:PHO262246 PRK262245:PRK262246 QBG262245:QBG262246 QLC262245:QLC262246 QUY262245:QUY262246 REU262245:REU262246 ROQ262245:ROQ262246 RYM262245:RYM262246 SII262245:SII262246 SSE262245:SSE262246 TCA262245:TCA262246 TLW262245:TLW262246 TVS262245:TVS262246 UFO262245:UFO262246 UPK262245:UPK262246 UZG262245:UZG262246 VJC262245:VJC262246 VSY262245:VSY262246 WCU262245:WCU262246 WMQ262245:WMQ262246 WWM262245:WWM262246 AE327781:AE327782 KA327781:KA327782 TW327781:TW327782 ADS327781:ADS327782 ANO327781:ANO327782 AXK327781:AXK327782 BHG327781:BHG327782 BRC327781:BRC327782 CAY327781:CAY327782 CKU327781:CKU327782 CUQ327781:CUQ327782 DEM327781:DEM327782 DOI327781:DOI327782 DYE327781:DYE327782 EIA327781:EIA327782 ERW327781:ERW327782 FBS327781:FBS327782 FLO327781:FLO327782 FVK327781:FVK327782 GFG327781:GFG327782 GPC327781:GPC327782 GYY327781:GYY327782 HIU327781:HIU327782 HSQ327781:HSQ327782 ICM327781:ICM327782 IMI327781:IMI327782 IWE327781:IWE327782 JGA327781:JGA327782 JPW327781:JPW327782 JZS327781:JZS327782 KJO327781:KJO327782 KTK327781:KTK327782 LDG327781:LDG327782 LNC327781:LNC327782 LWY327781:LWY327782 MGU327781:MGU327782 MQQ327781:MQQ327782 NAM327781:NAM327782 NKI327781:NKI327782 NUE327781:NUE327782 OEA327781:OEA327782 ONW327781:ONW327782 OXS327781:OXS327782 PHO327781:PHO327782 PRK327781:PRK327782 QBG327781:QBG327782 QLC327781:QLC327782 QUY327781:QUY327782 REU327781:REU327782 ROQ327781:ROQ327782 RYM327781:RYM327782 SII327781:SII327782 SSE327781:SSE327782 TCA327781:TCA327782 TLW327781:TLW327782 TVS327781:TVS327782 UFO327781:UFO327782 UPK327781:UPK327782 UZG327781:UZG327782 VJC327781:VJC327782 VSY327781:VSY327782 WCU327781:WCU327782 WMQ327781:WMQ327782 WWM327781:WWM327782 AE393317:AE393318 KA393317:KA393318 TW393317:TW393318 ADS393317:ADS393318 ANO393317:ANO393318 AXK393317:AXK393318 BHG393317:BHG393318 BRC393317:BRC393318 CAY393317:CAY393318 CKU393317:CKU393318 CUQ393317:CUQ393318 DEM393317:DEM393318 DOI393317:DOI393318 DYE393317:DYE393318 EIA393317:EIA393318 ERW393317:ERW393318 FBS393317:FBS393318 FLO393317:FLO393318 FVK393317:FVK393318 GFG393317:GFG393318 GPC393317:GPC393318 GYY393317:GYY393318 HIU393317:HIU393318 HSQ393317:HSQ393318 ICM393317:ICM393318 IMI393317:IMI393318 IWE393317:IWE393318 JGA393317:JGA393318 JPW393317:JPW393318 JZS393317:JZS393318 KJO393317:KJO393318 KTK393317:KTK393318 LDG393317:LDG393318 LNC393317:LNC393318 LWY393317:LWY393318 MGU393317:MGU393318 MQQ393317:MQQ393318 NAM393317:NAM393318 NKI393317:NKI393318 NUE393317:NUE393318 OEA393317:OEA393318 ONW393317:ONW393318 OXS393317:OXS393318 PHO393317:PHO393318 PRK393317:PRK393318 QBG393317:QBG393318 QLC393317:QLC393318 QUY393317:QUY393318 REU393317:REU393318 ROQ393317:ROQ393318 RYM393317:RYM393318 SII393317:SII393318 SSE393317:SSE393318 TCA393317:TCA393318 TLW393317:TLW393318 TVS393317:TVS393318 UFO393317:UFO393318 UPK393317:UPK393318 UZG393317:UZG393318 VJC393317:VJC393318 VSY393317:VSY393318 WCU393317:WCU393318 WMQ393317:WMQ393318 WWM393317:WWM393318 AE458853:AE458854 KA458853:KA458854 TW458853:TW458854 ADS458853:ADS458854 ANO458853:ANO458854 AXK458853:AXK458854 BHG458853:BHG458854 BRC458853:BRC458854 CAY458853:CAY458854 CKU458853:CKU458854 CUQ458853:CUQ458854 DEM458853:DEM458854 DOI458853:DOI458854 DYE458853:DYE458854 EIA458853:EIA458854 ERW458853:ERW458854 FBS458853:FBS458854 FLO458853:FLO458854 FVK458853:FVK458854 GFG458853:GFG458854 GPC458853:GPC458854 GYY458853:GYY458854 HIU458853:HIU458854 HSQ458853:HSQ458854 ICM458853:ICM458854 IMI458853:IMI458854 IWE458853:IWE458854 JGA458853:JGA458854 JPW458853:JPW458854 JZS458853:JZS458854 KJO458853:KJO458854 KTK458853:KTK458854 LDG458853:LDG458854 LNC458853:LNC458854 LWY458853:LWY458854 MGU458853:MGU458854 MQQ458853:MQQ458854 NAM458853:NAM458854 NKI458853:NKI458854 NUE458853:NUE458854 OEA458853:OEA458854 ONW458853:ONW458854 OXS458853:OXS458854 PHO458853:PHO458854 PRK458853:PRK458854 QBG458853:QBG458854 QLC458853:QLC458854 QUY458853:QUY458854 REU458853:REU458854 ROQ458853:ROQ458854 RYM458853:RYM458854 SII458853:SII458854 SSE458853:SSE458854 TCA458853:TCA458854 TLW458853:TLW458854 TVS458853:TVS458854 UFO458853:UFO458854 UPK458853:UPK458854 UZG458853:UZG458854 VJC458853:VJC458854 VSY458853:VSY458854 WCU458853:WCU458854 WMQ458853:WMQ458854 WWM458853:WWM458854 AE524389:AE524390 KA524389:KA524390 TW524389:TW524390 ADS524389:ADS524390 ANO524389:ANO524390 AXK524389:AXK524390 BHG524389:BHG524390 BRC524389:BRC524390 CAY524389:CAY524390 CKU524389:CKU524390 CUQ524389:CUQ524390 DEM524389:DEM524390 DOI524389:DOI524390 DYE524389:DYE524390 EIA524389:EIA524390 ERW524389:ERW524390 FBS524389:FBS524390 FLO524389:FLO524390 FVK524389:FVK524390 GFG524389:GFG524390 GPC524389:GPC524390 GYY524389:GYY524390 HIU524389:HIU524390 HSQ524389:HSQ524390 ICM524389:ICM524390 IMI524389:IMI524390 IWE524389:IWE524390 JGA524389:JGA524390 JPW524389:JPW524390 JZS524389:JZS524390 KJO524389:KJO524390 KTK524389:KTK524390 LDG524389:LDG524390 LNC524389:LNC524390 LWY524389:LWY524390 MGU524389:MGU524390 MQQ524389:MQQ524390 NAM524389:NAM524390 NKI524389:NKI524390 NUE524389:NUE524390 OEA524389:OEA524390 ONW524389:ONW524390 OXS524389:OXS524390 PHO524389:PHO524390 PRK524389:PRK524390 QBG524389:QBG524390 QLC524389:QLC524390 QUY524389:QUY524390 REU524389:REU524390 ROQ524389:ROQ524390 RYM524389:RYM524390 SII524389:SII524390 SSE524389:SSE524390 TCA524389:TCA524390 TLW524389:TLW524390 TVS524389:TVS524390 UFO524389:UFO524390 UPK524389:UPK524390 UZG524389:UZG524390 VJC524389:VJC524390 VSY524389:VSY524390 WCU524389:WCU524390 WMQ524389:WMQ524390 WWM524389:WWM524390 AE589925:AE589926 KA589925:KA589926 TW589925:TW589926 ADS589925:ADS589926 ANO589925:ANO589926 AXK589925:AXK589926 BHG589925:BHG589926 BRC589925:BRC589926 CAY589925:CAY589926 CKU589925:CKU589926 CUQ589925:CUQ589926 DEM589925:DEM589926 DOI589925:DOI589926 DYE589925:DYE589926 EIA589925:EIA589926 ERW589925:ERW589926 FBS589925:FBS589926 FLO589925:FLO589926 FVK589925:FVK589926 GFG589925:GFG589926 GPC589925:GPC589926 GYY589925:GYY589926 HIU589925:HIU589926 HSQ589925:HSQ589926 ICM589925:ICM589926 IMI589925:IMI589926 IWE589925:IWE589926 JGA589925:JGA589926 JPW589925:JPW589926 JZS589925:JZS589926 KJO589925:KJO589926 KTK589925:KTK589926 LDG589925:LDG589926 LNC589925:LNC589926 LWY589925:LWY589926 MGU589925:MGU589926 MQQ589925:MQQ589926 NAM589925:NAM589926 NKI589925:NKI589926 NUE589925:NUE589926 OEA589925:OEA589926 ONW589925:ONW589926 OXS589925:OXS589926 PHO589925:PHO589926 PRK589925:PRK589926 QBG589925:QBG589926 QLC589925:QLC589926 QUY589925:QUY589926 REU589925:REU589926 ROQ589925:ROQ589926 RYM589925:RYM589926 SII589925:SII589926 SSE589925:SSE589926 TCA589925:TCA589926 TLW589925:TLW589926 TVS589925:TVS589926 UFO589925:UFO589926 UPK589925:UPK589926 UZG589925:UZG589926 VJC589925:VJC589926 VSY589925:VSY589926 WCU589925:WCU589926 WMQ589925:WMQ589926 WWM589925:WWM589926 AE655461:AE655462 KA655461:KA655462 TW655461:TW655462 ADS655461:ADS655462 ANO655461:ANO655462 AXK655461:AXK655462 BHG655461:BHG655462 BRC655461:BRC655462 CAY655461:CAY655462 CKU655461:CKU655462 CUQ655461:CUQ655462 DEM655461:DEM655462 DOI655461:DOI655462 DYE655461:DYE655462 EIA655461:EIA655462 ERW655461:ERW655462 FBS655461:FBS655462 FLO655461:FLO655462 FVK655461:FVK655462 GFG655461:GFG655462 GPC655461:GPC655462 GYY655461:GYY655462 HIU655461:HIU655462 HSQ655461:HSQ655462 ICM655461:ICM655462 IMI655461:IMI655462 IWE655461:IWE655462 JGA655461:JGA655462 JPW655461:JPW655462 JZS655461:JZS655462 KJO655461:KJO655462 KTK655461:KTK655462 LDG655461:LDG655462 LNC655461:LNC655462 LWY655461:LWY655462 MGU655461:MGU655462 MQQ655461:MQQ655462 NAM655461:NAM655462 NKI655461:NKI655462 NUE655461:NUE655462 OEA655461:OEA655462 ONW655461:ONW655462 OXS655461:OXS655462 PHO655461:PHO655462 PRK655461:PRK655462 QBG655461:QBG655462 QLC655461:QLC655462 QUY655461:QUY655462 REU655461:REU655462 ROQ655461:ROQ655462 RYM655461:RYM655462 SII655461:SII655462 SSE655461:SSE655462 TCA655461:TCA655462 TLW655461:TLW655462 TVS655461:TVS655462 UFO655461:UFO655462 UPK655461:UPK655462 UZG655461:UZG655462 VJC655461:VJC655462 VSY655461:VSY655462 WCU655461:WCU655462 WMQ655461:WMQ655462 WWM655461:WWM655462 AE720997:AE720998 KA720997:KA720998 TW720997:TW720998 ADS720997:ADS720998 ANO720997:ANO720998 AXK720997:AXK720998 BHG720997:BHG720998 BRC720997:BRC720998 CAY720997:CAY720998 CKU720997:CKU720998 CUQ720997:CUQ720998 DEM720997:DEM720998 DOI720997:DOI720998 DYE720997:DYE720998 EIA720997:EIA720998 ERW720997:ERW720998 FBS720997:FBS720998 FLO720997:FLO720998 FVK720997:FVK720998 GFG720997:GFG720998 GPC720997:GPC720998 GYY720997:GYY720998 HIU720997:HIU720998 HSQ720997:HSQ720998 ICM720997:ICM720998 IMI720997:IMI720998 IWE720997:IWE720998 JGA720997:JGA720998 JPW720997:JPW720998 JZS720997:JZS720998 KJO720997:KJO720998 KTK720997:KTK720998 LDG720997:LDG720998 LNC720997:LNC720998 LWY720997:LWY720998 MGU720997:MGU720998 MQQ720997:MQQ720998 NAM720997:NAM720998 NKI720997:NKI720998 NUE720997:NUE720998 OEA720997:OEA720998 ONW720997:ONW720998 OXS720997:OXS720998 PHO720997:PHO720998 PRK720997:PRK720998 QBG720997:QBG720998 QLC720997:QLC720998 QUY720997:QUY720998 REU720997:REU720998 ROQ720997:ROQ720998 RYM720997:RYM720998 SII720997:SII720998 SSE720997:SSE720998 TCA720997:TCA720998 TLW720997:TLW720998 TVS720997:TVS720998 UFO720997:UFO720998 UPK720997:UPK720998 UZG720997:UZG720998 VJC720997:VJC720998 VSY720997:VSY720998 WCU720997:WCU720998 WMQ720997:WMQ720998 WWM720997:WWM720998 AE786533:AE786534 KA786533:KA786534 TW786533:TW786534 ADS786533:ADS786534 ANO786533:ANO786534 AXK786533:AXK786534 BHG786533:BHG786534 BRC786533:BRC786534 CAY786533:CAY786534 CKU786533:CKU786534 CUQ786533:CUQ786534 DEM786533:DEM786534 DOI786533:DOI786534 DYE786533:DYE786534 EIA786533:EIA786534 ERW786533:ERW786534 FBS786533:FBS786534 FLO786533:FLO786534 FVK786533:FVK786534 GFG786533:GFG786534 GPC786533:GPC786534 GYY786533:GYY786534 HIU786533:HIU786534 HSQ786533:HSQ786534 ICM786533:ICM786534 IMI786533:IMI786534 IWE786533:IWE786534 JGA786533:JGA786534 JPW786533:JPW786534 JZS786533:JZS786534 KJO786533:KJO786534 KTK786533:KTK786534 LDG786533:LDG786534 LNC786533:LNC786534 LWY786533:LWY786534 MGU786533:MGU786534 MQQ786533:MQQ786534 NAM786533:NAM786534 NKI786533:NKI786534 NUE786533:NUE786534 OEA786533:OEA786534 ONW786533:ONW786534 OXS786533:OXS786534 PHO786533:PHO786534 PRK786533:PRK786534 QBG786533:QBG786534 QLC786533:QLC786534 QUY786533:QUY786534 REU786533:REU786534 ROQ786533:ROQ786534 RYM786533:RYM786534 SII786533:SII786534 SSE786533:SSE786534 TCA786533:TCA786534 TLW786533:TLW786534 TVS786533:TVS786534 UFO786533:UFO786534 UPK786533:UPK786534 UZG786533:UZG786534 VJC786533:VJC786534 VSY786533:VSY786534 WCU786533:WCU786534 WMQ786533:WMQ786534 WWM786533:WWM786534 AE852069:AE852070 KA852069:KA852070 TW852069:TW852070 ADS852069:ADS852070 ANO852069:ANO852070 AXK852069:AXK852070 BHG852069:BHG852070 BRC852069:BRC852070 CAY852069:CAY852070 CKU852069:CKU852070 CUQ852069:CUQ852070 DEM852069:DEM852070 DOI852069:DOI852070 DYE852069:DYE852070 EIA852069:EIA852070 ERW852069:ERW852070 FBS852069:FBS852070 FLO852069:FLO852070 FVK852069:FVK852070 GFG852069:GFG852070 GPC852069:GPC852070 GYY852069:GYY852070 HIU852069:HIU852070 HSQ852069:HSQ852070 ICM852069:ICM852070 IMI852069:IMI852070 IWE852069:IWE852070 JGA852069:JGA852070 JPW852069:JPW852070 JZS852069:JZS852070 KJO852069:KJO852070 KTK852069:KTK852070 LDG852069:LDG852070 LNC852069:LNC852070 LWY852069:LWY852070 MGU852069:MGU852070 MQQ852069:MQQ852070 NAM852069:NAM852070 NKI852069:NKI852070 NUE852069:NUE852070 OEA852069:OEA852070 ONW852069:ONW852070 OXS852069:OXS852070 PHO852069:PHO852070 PRK852069:PRK852070 QBG852069:QBG852070 QLC852069:QLC852070 QUY852069:QUY852070 REU852069:REU852070 ROQ852069:ROQ852070 RYM852069:RYM852070 SII852069:SII852070 SSE852069:SSE852070 TCA852069:TCA852070 TLW852069:TLW852070 TVS852069:TVS852070 UFO852069:UFO852070 UPK852069:UPK852070 UZG852069:UZG852070 VJC852069:VJC852070 VSY852069:VSY852070 WCU852069:WCU852070 WMQ852069:WMQ852070 WWM852069:WWM852070 AE917605:AE917606 KA917605:KA917606 TW917605:TW917606 ADS917605:ADS917606 ANO917605:ANO917606 AXK917605:AXK917606 BHG917605:BHG917606 BRC917605:BRC917606 CAY917605:CAY917606 CKU917605:CKU917606 CUQ917605:CUQ917606 DEM917605:DEM917606 DOI917605:DOI917606 DYE917605:DYE917606 EIA917605:EIA917606 ERW917605:ERW917606 FBS917605:FBS917606 FLO917605:FLO917606 FVK917605:FVK917606 GFG917605:GFG917606 GPC917605:GPC917606 GYY917605:GYY917606 HIU917605:HIU917606 HSQ917605:HSQ917606 ICM917605:ICM917606 IMI917605:IMI917606 IWE917605:IWE917606 JGA917605:JGA917606 JPW917605:JPW917606 JZS917605:JZS917606 KJO917605:KJO917606 KTK917605:KTK917606 LDG917605:LDG917606 LNC917605:LNC917606 LWY917605:LWY917606 MGU917605:MGU917606 MQQ917605:MQQ917606 NAM917605:NAM917606 NKI917605:NKI917606 NUE917605:NUE917606 OEA917605:OEA917606 ONW917605:ONW917606 OXS917605:OXS917606 PHO917605:PHO917606 PRK917605:PRK917606 QBG917605:QBG917606 QLC917605:QLC917606 QUY917605:QUY917606 REU917605:REU917606 ROQ917605:ROQ917606 RYM917605:RYM917606 SII917605:SII917606 SSE917605:SSE917606 TCA917605:TCA917606 TLW917605:TLW917606 TVS917605:TVS917606 UFO917605:UFO917606 UPK917605:UPK917606 UZG917605:UZG917606 VJC917605:VJC917606 VSY917605:VSY917606 WCU917605:WCU917606 WMQ917605:WMQ917606 WWM917605:WWM917606 AE983141:AE983142 KA983141:KA983142 TW983141:TW983142 ADS983141:ADS983142 ANO983141:ANO983142 AXK983141:AXK983142 BHG983141:BHG983142 BRC983141:BRC983142 CAY983141:CAY983142 CKU983141:CKU983142 CUQ983141:CUQ983142 DEM983141:DEM983142 DOI983141:DOI983142 DYE983141:DYE983142 EIA983141:EIA983142 ERW983141:ERW983142 FBS983141:FBS983142 FLO983141:FLO983142 FVK983141:FVK983142 GFG983141:GFG983142 GPC983141:GPC983142 GYY983141:GYY983142 HIU983141:HIU983142 HSQ983141:HSQ983142 ICM983141:ICM983142 IMI983141:IMI983142 IWE983141:IWE983142 JGA983141:JGA983142 JPW983141:JPW983142 JZS983141:JZS983142 KJO983141:KJO983142 KTK983141:KTK983142 LDG983141:LDG983142 LNC983141:LNC983142 LWY983141:LWY983142 MGU983141:MGU983142 MQQ983141:MQQ983142 NAM983141:NAM983142 NKI983141:NKI983142 NUE983141:NUE983142 OEA983141:OEA983142 ONW983141:ONW983142 OXS983141:OXS983142 PHO983141:PHO983142 PRK983141:PRK983142 QBG983141:QBG983142 QLC983141:QLC983142 QUY983141:QUY983142 REU983141:REU983142 ROQ983141:ROQ983142 RYM983141:RYM983142 SII983141:SII983142 SSE983141:SSE983142 TCA983141:TCA983142 TLW983141:TLW983142 TVS983141:TVS983142 UFO983141:UFO983142 UPK983141:UPK983142 UZG983141:UZG983142 VJC983141:VJC983142 VSY983141:VSY983142 WCU983141:WCU983142 WMQ983141:WMQ983142 WWM983141:WWM983142 AD37:AD40 JZ37:JZ40 TV37:TV40 ADR37:ADR40 ANN37:ANN40 AXJ37:AXJ40 BHF37:BHF40 BRB37:BRB40 CAX37:CAX40 CKT37:CKT40 CUP37:CUP40 DEL37:DEL40 DOH37:DOH40 DYD37:DYD40 EHZ37:EHZ40 ERV37:ERV40 FBR37:FBR40 FLN37:FLN40 FVJ37:FVJ40 GFF37:GFF40 GPB37:GPB40 GYX37:GYX40 HIT37:HIT40 HSP37:HSP40 ICL37:ICL40 IMH37:IMH40 IWD37:IWD40 JFZ37:JFZ40 JPV37:JPV40 JZR37:JZR40 KJN37:KJN40 KTJ37:KTJ40 LDF37:LDF40 LNB37:LNB40 LWX37:LWX40 MGT37:MGT40 MQP37:MQP40 NAL37:NAL40 NKH37:NKH40 NUD37:NUD40 ODZ37:ODZ40 ONV37:ONV40 OXR37:OXR40 PHN37:PHN40 PRJ37:PRJ40 QBF37:QBF40 QLB37:QLB40 QUX37:QUX40 RET37:RET40 ROP37:ROP40 RYL37:RYL40 SIH37:SIH40 SSD37:SSD40 TBZ37:TBZ40 TLV37:TLV40 TVR37:TVR40 UFN37:UFN40 UPJ37:UPJ40 UZF37:UZF40 VJB37:VJB40 VSX37:VSX40 WCT37:WCT40 WMP37:WMP40 WWL37:WWL40 AD65573:AD65576 JZ65573:JZ65576 TV65573:TV65576 ADR65573:ADR65576 ANN65573:ANN65576 AXJ65573:AXJ65576 BHF65573:BHF65576 BRB65573:BRB65576 CAX65573:CAX65576 CKT65573:CKT65576 CUP65573:CUP65576 DEL65573:DEL65576 DOH65573:DOH65576 DYD65573:DYD65576 EHZ65573:EHZ65576 ERV65573:ERV65576 FBR65573:FBR65576 FLN65573:FLN65576 FVJ65573:FVJ65576 GFF65573:GFF65576 GPB65573:GPB65576 GYX65573:GYX65576 HIT65573:HIT65576 HSP65573:HSP65576 ICL65573:ICL65576 IMH65573:IMH65576 IWD65573:IWD65576 JFZ65573:JFZ65576 JPV65573:JPV65576 JZR65573:JZR65576 KJN65573:KJN65576 KTJ65573:KTJ65576 LDF65573:LDF65576 LNB65573:LNB65576 LWX65573:LWX65576 MGT65573:MGT65576 MQP65573:MQP65576 NAL65573:NAL65576 NKH65573:NKH65576 NUD65573:NUD65576 ODZ65573:ODZ65576 ONV65573:ONV65576 OXR65573:OXR65576 PHN65573:PHN65576 PRJ65573:PRJ65576 QBF65573:QBF65576 QLB65573:QLB65576 QUX65573:QUX65576 RET65573:RET65576 ROP65573:ROP65576 RYL65573:RYL65576 SIH65573:SIH65576 SSD65573:SSD65576 TBZ65573:TBZ65576 TLV65573:TLV65576 TVR65573:TVR65576 UFN65573:UFN65576 UPJ65573:UPJ65576 UZF65573:UZF65576 VJB65573:VJB65576 VSX65573:VSX65576 WCT65573:WCT65576 WMP65573:WMP65576 WWL65573:WWL65576 AD131109:AD131112 JZ131109:JZ131112 TV131109:TV131112 ADR131109:ADR131112 ANN131109:ANN131112 AXJ131109:AXJ131112 BHF131109:BHF131112 BRB131109:BRB131112 CAX131109:CAX131112 CKT131109:CKT131112 CUP131109:CUP131112 DEL131109:DEL131112 DOH131109:DOH131112 DYD131109:DYD131112 EHZ131109:EHZ131112 ERV131109:ERV131112 FBR131109:FBR131112 FLN131109:FLN131112 FVJ131109:FVJ131112 GFF131109:GFF131112 GPB131109:GPB131112 GYX131109:GYX131112 HIT131109:HIT131112 HSP131109:HSP131112 ICL131109:ICL131112 IMH131109:IMH131112 IWD131109:IWD131112 JFZ131109:JFZ131112 JPV131109:JPV131112 JZR131109:JZR131112 KJN131109:KJN131112 KTJ131109:KTJ131112 LDF131109:LDF131112 LNB131109:LNB131112 LWX131109:LWX131112 MGT131109:MGT131112 MQP131109:MQP131112 NAL131109:NAL131112 NKH131109:NKH131112 NUD131109:NUD131112 ODZ131109:ODZ131112 ONV131109:ONV131112 OXR131109:OXR131112 PHN131109:PHN131112 PRJ131109:PRJ131112 QBF131109:QBF131112 QLB131109:QLB131112 QUX131109:QUX131112 RET131109:RET131112 ROP131109:ROP131112 RYL131109:RYL131112 SIH131109:SIH131112 SSD131109:SSD131112 TBZ131109:TBZ131112 TLV131109:TLV131112 TVR131109:TVR131112 UFN131109:UFN131112 UPJ131109:UPJ131112 UZF131109:UZF131112 VJB131109:VJB131112 VSX131109:VSX131112 WCT131109:WCT131112 WMP131109:WMP131112 WWL131109:WWL131112 AD196645:AD196648 JZ196645:JZ196648 TV196645:TV196648 ADR196645:ADR196648 ANN196645:ANN196648 AXJ196645:AXJ196648 BHF196645:BHF196648 BRB196645:BRB196648 CAX196645:CAX196648 CKT196645:CKT196648 CUP196645:CUP196648 DEL196645:DEL196648 DOH196645:DOH196648 DYD196645:DYD196648 EHZ196645:EHZ196648 ERV196645:ERV196648 FBR196645:FBR196648 FLN196645:FLN196648 FVJ196645:FVJ196648 GFF196645:GFF196648 GPB196645:GPB196648 GYX196645:GYX196648 HIT196645:HIT196648 HSP196645:HSP196648 ICL196645:ICL196648 IMH196645:IMH196648 IWD196645:IWD196648 JFZ196645:JFZ196648 JPV196645:JPV196648 JZR196645:JZR196648 KJN196645:KJN196648 KTJ196645:KTJ196648 LDF196645:LDF196648 LNB196645:LNB196648 LWX196645:LWX196648 MGT196645:MGT196648 MQP196645:MQP196648 NAL196645:NAL196648 NKH196645:NKH196648 NUD196645:NUD196648 ODZ196645:ODZ196648 ONV196645:ONV196648 OXR196645:OXR196648 PHN196645:PHN196648 PRJ196645:PRJ196648 QBF196645:QBF196648 QLB196645:QLB196648 QUX196645:QUX196648 RET196645:RET196648 ROP196645:ROP196648 RYL196645:RYL196648 SIH196645:SIH196648 SSD196645:SSD196648 TBZ196645:TBZ196648 TLV196645:TLV196648 TVR196645:TVR196648 UFN196645:UFN196648 UPJ196645:UPJ196648 UZF196645:UZF196648 VJB196645:VJB196648 VSX196645:VSX196648 WCT196645:WCT196648 WMP196645:WMP196648 WWL196645:WWL196648 AD262181:AD262184 JZ262181:JZ262184 TV262181:TV262184 ADR262181:ADR262184 ANN262181:ANN262184 AXJ262181:AXJ262184 BHF262181:BHF262184 BRB262181:BRB262184 CAX262181:CAX262184 CKT262181:CKT262184 CUP262181:CUP262184 DEL262181:DEL262184 DOH262181:DOH262184 DYD262181:DYD262184 EHZ262181:EHZ262184 ERV262181:ERV262184 FBR262181:FBR262184 FLN262181:FLN262184 FVJ262181:FVJ262184 GFF262181:GFF262184 GPB262181:GPB262184 GYX262181:GYX262184 HIT262181:HIT262184 HSP262181:HSP262184 ICL262181:ICL262184 IMH262181:IMH262184 IWD262181:IWD262184 JFZ262181:JFZ262184 JPV262181:JPV262184 JZR262181:JZR262184 KJN262181:KJN262184 KTJ262181:KTJ262184 LDF262181:LDF262184 LNB262181:LNB262184 LWX262181:LWX262184 MGT262181:MGT262184 MQP262181:MQP262184 NAL262181:NAL262184 NKH262181:NKH262184 NUD262181:NUD262184 ODZ262181:ODZ262184 ONV262181:ONV262184 OXR262181:OXR262184 PHN262181:PHN262184 PRJ262181:PRJ262184 QBF262181:QBF262184 QLB262181:QLB262184 QUX262181:QUX262184 RET262181:RET262184 ROP262181:ROP262184 RYL262181:RYL262184 SIH262181:SIH262184 SSD262181:SSD262184 TBZ262181:TBZ262184 TLV262181:TLV262184 TVR262181:TVR262184 UFN262181:UFN262184 UPJ262181:UPJ262184 UZF262181:UZF262184 VJB262181:VJB262184 VSX262181:VSX262184 WCT262181:WCT262184 WMP262181:WMP262184 WWL262181:WWL262184 AD327717:AD327720 JZ327717:JZ327720 TV327717:TV327720 ADR327717:ADR327720 ANN327717:ANN327720 AXJ327717:AXJ327720 BHF327717:BHF327720 BRB327717:BRB327720 CAX327717:CAX327720 CKT327717:CKT327720 CUP327717:CUP327720 DEL327717:DEL327720 DOH327717:DOH327720 DYD327717:DYD327720 EHZ327717:EHZ327720 ERV327717:ERV327720 FBR327717:FBR327720 FLN327717:FLN327720 FVJ327717:FVJ327720 GFF327717:GFF327720 GPB327717:GPB327720 GYX327717:GYX327720 HIT327717:HIT327720 HSP327717:HSP327720 ICL327717:ICL327720 IMH327717:IMH327720 IWD327717:IWD327720 JFZ327717:JFZ327720 JPV327717:JPV327720 JZR327717:JZR327720 KJN327717:KJN327720 KTJ327717:KTJ327720 LDF327717:LDF327720 LNB327717:LNB327720 LWX327717:LWX327720 MGT327717:MGT327720 MQP327717:MQP327720 NAL327717:NAL327720 NKH327717:NKH327720 NUD327717:NUD327720 ODZ327717:ODZ327720 ONV327717:ONV327720 OXR327717:OXR327720 PHN327717:PHN327720 PRJ327717:PRJ327720 QBF327717:QBF327720 QLB327717:QLB327720 QUX327717:QUX327720 RET327717:RET327720 ROP327717:ROP327720 RYL327717:RYL327720 SIH327717:SIH327720 SSD327717:SSD327720 TBZ327717:TBZ327720 TLV327717:TLV327720 TVR327717:TVR327720 UFN327717:UFN327720 UPJ327717:UPJ327720 UZF327717:UZF327720 VJB327717:VJB327720 VSX327717:VSX327720 WCT327717:WCT327720 WMP327717:WMP327720 WWL327717:WWL327720 AD393253:AD393256 JZ393253:JZ393256 TV393253:TV393256 ADR393253:ADR393256 ANN393253:ANN393256 AXJ393253:AXJ393256 BHF393253:BHF393256 BRB393253:BRB393256 CAX393253:CAX393256 CKT393253:CKT393256 CUP393253:CUP393256 DEL393253:DEL393256 DOH393253:DOH393256 DYD393253:DYD393256 EHZ393253:EHZ393256 ERV393253:ERV393256 FBR393253:FBR393256 FLN393253:FLN393256 FVJ393253:FVJ393256 GFF393253:GFF393256 GPB393253:GPB393256 GYX393253:GYX393256 HIT393253:HIT393256 HSP393253:HSP393256 ICL393253:ICL393256 IMH393253:IMH393256 IWD393253:IWD393256 JFZ393253:JFZ393256 JPV393253:JPV393256 JZR393253:JZR393256 KJN393253:KJN393256 KTJ393253:KTJ393256 LDF393253:LDF393256 LNB393253:LNB393256 LWX393253:LWX393256 MGT393253:MGT393256 MQP393253:MQP393256 NAL393253:NAL393256 NKH393253:NKH393256 NUD393253:NUD393256 ODZ393253:ODZ393256 ONV393253:ONV393256 OXR393253:OXR393256 PHN393253:PHN393256 PRJ393253:PRJ393256 QBF393253:QBF393256 QLB393253:QLB393256 QUX393253:QUX393256 RET393253:RET393256 ROP393253:ROP393256 RYL393253:RYL393256 SIH393253:SIH393256 SSD393253:SSD393256 TBZ393253:TBZ393256 TLV393253:TLV393256 TVR393253:TVR393256 UFN393253:UFN393256 UPJ393253:UPJ393256 UZF393253:UZF393256 VJB393253:VJB393256 VSX393253:VSX393256 WCT393253:WCT393256 WMP393253:WMP393256 WWL393253:WWL393256 AD458789:AD458792 JZ458789:JZ458792 TV458789:TV458792 ADR458789:ADR458792 ANN458789:ANN458792 AXJ458789:AXJ458792 BHF458789:BHF458792 BRB458789:BRB458792 CAX458789:CAX458792 CKT458789:CKT458792 CUP458789:CUP458792 DEL458789:DEL458792 DOH458789:DOH458792 DYD458789:DYD458792 EHZ458789:EHZ458792 ERV458789:ERV458792 FBR458789:FBR458792 FLN458789:FLN458792 FVJ458789:FVJ458792 GFF458789:GFF458792 GPB458789:GPB458792 GYX458789:GYX458792 HIT458789:HIT458792 HSP458789:HSP458792 ICL458789:ICL458792 IMH458789:IMH458792 IWD458789:IWD458792 JFZ458789:JFZ458792 JPV458789:JPV458792 JZR458789:JZR458792 KJN458789:KJN458792 KTJ458789:KTJ458792 LDF458789:LDF458792 LNB458789:LNB458792 LWX458789:LWX458792 MGT458789:MGT458792 MQP458789:MQP458792 NAL458789:NAL458792 NKH458789:NKH458792 NUD458789:NUD458792 ODZ458789:ODZ458792 ONV458789:ONV458792 OXR458789:OXR458792 PHN458789:PHN458792 PRJ458789:PRJ458792 QBF458789:QBF458792 QLB458789:QLB458792 QUX458789:QUX458792 RET458789:RET458792 ROP458789:ROP458792 RYL458789:RYL458792 SIH458789:SIH458792 SSD458789:SSD458792 TBZ458789:TBZ458792 TLV458789:TLV458792 TVR458789:TVR458792 UFN458789:UFN458792 UPJ458789:UPJ458792 UZF458789:UZF458792 VJB458789:VJB458792 VSX458789:VSX458792 WCT458789:WCT458792 WMP458789:WMP458792 WWL458789:WWL458792 AD524325:AD524328 JZ524325:JZ524328 TV524325:TV524328 ADR524325:ADR524328 ANN524325:ANN524328 AXJ524325:AXJ524328 BHF524325:BHF524328 BRB524325:BRB524328 CAX524325:CAX524328 CKT524325:CKT524328 CUP524325:CUP524328 DEL524325:DEL524328 DOH524325:DOH524328 DYD524325:DYD524328 EHZ524325:EHZ524328 ERV524325:ERV524328 FBR524325:FBR524328 FLN524325:FLN524328 FVJ524325:FVJ524328 GFF524325:GFF524328 GPB524325:GPB524328 GYX524325:GYX524328 HIT524325:HIT524328 HSP524325:HSP524328 ICL524325:ICL524328 IMH524325:IMH524328 IWD524325:IWD524328 JFZ524325:JFZ524328 JPV524325:JPV524328 JZR524325:JZR524328 KJN524325:KJN524328 KTJ524325:KTJ524328 LDF524325:LDF524328 LNB524325:LNB524328 LWX524325:LWX524328 MGT524325:MGT524328 MQP524325:MQP524328 NAL524325:NAL524328 NKH524325:NKH524328 NUD524325:NUD524328 ODZ524325:ODZ524328 ONV524325:ONV524328 OXR524325:OXR524328 PHN524325:PHN524328 PRJ524325:PRJ524328 QBF524325:QBF524328 QLB524325:QLB524328 QUX524325:QUX524328 RET524325:RET524328 ROP524325:ROP524328 RYL524325:RYL524328 SIH524325:SIH524328 SSD524325:SSD524328 TBZ524325:TBZ524328 TLV524325:TLV524328 TVR524325:TVR524328 UFN524325:UFN524328 UPJ524325:UPJ524328 UZF524325:UZF524328 VJB524325:VJB524328 VSX524325:VSX524328 WCT524325:WCT524328 WMP524325:WMP524328 WWL524325:WWL524328 AD589861:AD589864 JZ589861:JZ589864 TV589861:TV589864 ADR589861:ADR589864 ANN589861:ANN589864 AXJ589861:AXJ589864 BHF589861:BHF589864 BRB589861:BRB589864 CAX589861:CAX589864 CKT589861:CKT589864 CUP589861:CUP589864 DEL589861:DEL589864 DOH589861:DOH589864 DYD589861:DYD589864 EHZ589861:EHZ589864 ERV589861:ERV589864 FBR589861:FBR589864 FLN589861:FLN589864 FVJ589861:FVJ589864 GFF589861:GFF589864 GPB589861:GPB589864 GYX589861:GYX589864 HIT589861:HIT589864 HSP589861:HSP589864 ICL589861:ICL589864 IMH589861:IMH589864 IWD589861:IWD589864 JFZ589861:JFZ589864 JPV589861:JPV589864 JZR589861:JZR589864 KJN589861:KJN589864 KTJ589861:KTJ589864 LDF589861:LDF589864 LNB589861:LNB589864 LWX589861:LWX589864 MGT589861:MGT589864 MQP589861:MQP589864 NAL589861:NAL589864 NKH589861:NKH589864 NUD589861:NUD589864 ODZ589861:ODZ589864 ONV589861:ONV589864 OXR589861:OXR589864 PHN589861:PHN589864 PRJ589861:PRJ589864 QBF589861:QBF589864 QLB589861:QLB589864 QUX589861:QUX589864 RET589861:RET589864 ROP589861:ROP589864 RYL589861:RYL589864 SIH589861:SIH589864 SSD589861:SSD589864 TBZ589861:TBZ589864 TLV589861:TLV589864 TVR589861:TVR589864 UFN589861:UFN589864 UPJ589861:UPJ589864 UZF589861:UZF589864 VJB589861:VJB589864 VSX589861:VSX589864 WCT589861:WCT589864 WMP589861:WMP589864 WWL589861:WWL589864 AD655397:AD655400 JZ655397:JZ655400 TV655397:TV655400 ADR655397:ADR655400 ANN655397:ANN655400 AXJ655397:AXJ655400 BHF655397:BHF655400 BRB655397:BRB655400 CAX655397:CAX655400 CKT655397:CKT655400 CUP655397:CUP655400 DEL655397:DEL655400 DOH655397:DOH655400 DYD655397:DYD655400 EHZ655397:EHZ655400 ERV655397:ERV655400 FBR655397:FBR655400 FLN655397:FLN655400 FVJ655397:FVJ655400 GFF655397:GFF655400 GPB655397:GPB655400 GYX655397:GYX655400 HIT655397:HIT655400 HSP655397:HSP655400 ICL655397:ICL655400 IMH655397:IMH655400 IWD655397:IWD655400 JFZ655397:JFZ655400 JPV655397:JPV655400 JZR655397:JZR655400 KJN655397:KJN655400 KTJ655397:KTJ655400 LDF655397:LDF655400 LNB655397:LNB655400 LWX655397:LWX655400 MGT655397:MGT655400 MQP655397:MQP655400 NAL655397:NAL655400 NKH655397:NKH655400 NUD655397:NUD655400 ODZ655397:ODZ655400 ONV655397:ONV655400 OXR655397:OXR655400 PHN655397:PHN655400 PRJ655397:PRJ655400 QBF655397:QBF655400 QLB655397:QLB655400 QUX655397:QUX655400 RET655397:RET655400 ROP655397:ROP655400 RYL655397:RYL655400 SIH655397:SIH655400 SSD655397:SSD655400 TBZ655397:TBZ655400 TLV655397:TLV655400 TVR655397:TVR655400 UFN655397:UFN655400 UPJ655397:UPJ655400 UZF655397:UZF655400 VJB655397:VJB655400 VSX655397:VSX655400 WCT655397:WCT655400 WMP655397:WMP655400 WWL655397:WWL655400 AD720933:AD720936 JZ720933:JZ720936 TV720933:TV720936 ADR720933:ADR720936 ANN720933:ANN720936 AXJ720933:AXJ720936 BHF720933:BHF720936 BRB720933:BRB720936 CAX720933:CAX720936 CKT720933:CKT720936 CUP720933:CUP720936 DEL720933:DEL720936 DOH720933:DOH720936 DYD720933:DYD720936 EHZ720933:EHZ720936 ERV720933:ERV720936 FBR720933:FBR720936 FLN720933:FLN720936 FVJ720933:FVJ720936 GFF720933:GFF720936 GPB720933:GPB720936 GYX720933:GYX720936 HIT720933:HIT720936 HSP720933:HSP720936 ICL720933:ICL720936 IMH720933:IMH720936 IWD720933:IWD720936 JFZ720933:JFZ720936 JPV720933:JPV720936 JZR720933:JZR720936 KJN720933:KJN720936 KTJ720933:KTJ720936 LDF720933:LDF720936 LNB720933:LNB720936 LWX720933:LWX720936 MGT720933:MGT720936 MQP720933:MQP720936 NAL720933:NAL720936 NKH720933:NKH720936 NUD720933:NUD720936 ODZ720933:ODZ720936 ONV720933:ONV720936 OXR720933:OXR720936 PHN720933:PHN720936 PRJ720933:PRJ720936 QBF720933:QBF720936 QLB720933:QLB720936 QUX720933:QUX720936 RET720933:RET720936 ROP720933:ROP720936 RYL720933:RYL720936 SIH720933:SIH720936 SSD720933:SSD720936 TBZ720933:TBZ720936 TLV720933:TLV720936 TVR720933:TVR720936 UFN720933:UFN720936 UPJ720933:UPJ720936 UZF720933:UZF720936 VJB720933:VJB720936 VSX720933:VSX720936 WCT720933:WCT720936 WMP720933:WMP720936 WWL720933:WWL720936 AD786469:AD786472 JZ786469:JZ786472 TV786469:TV786472 ADR786469:ADR786472 ANN786469:ANN786472 AXJ786469:AXJ786472 BHF786469:BHF786472 BRB786469:BRB786472 CAX786469:CAX786472 CKT786469:CKT786472 CUP786469:CUP786472 DEL786469:DEL786472 DOH786469:DOH786472 DYD786469:DYD786472 EHZ786469:EHZ786472 ERV786469:ERV786472 FBR786469:FBR786472 FLN786469:FLN786472 FVJ786469:FVJ786472 GFF786469:GFF786472 GPB786469:GPB786472 GYX786469:GYX786472 HIT786469:HIT786472 HSP786469:HSP786472 ICL786469:ICL786472 IMH786469:IMH786472 IWD786469:IWD786472 JFZ786469:JFZ786472 JPV786469:JPV786472 JZR786469:JZR786472 KJN786469:KJN786472 KTJ786469:KTJ786472 LDF786469:LDF786472 LNB786469:LNB786472 LWX786469:LWX786472 MGT786469:MGT786472 MQP786469:MQP786472 NAL786469:NAL786472 NKH786469:NKH786472 NUD786469:NUD786472 ODZ786469:ODZ786472 ONV786469:ONV786472 OXR786469:OXR786472 PHN786469:PHN786472 PRJ786469:PRJ786472 QBF786469:QBF786472 QLB786469:QLB786472 QUX786469:QUX786472 RET786469:RET786472 ROP786469:ROP786472 RYL786469:RYL786472 SIH786469:SIH786472 SSD786469:SSD786472 TBZ786469:TBZ786472 TLV786469:TLV786472 TVR786469:TVR786472 UFN786469:UFN786472 UPJ786469:UPJ786472 UZF786469:UZF786472 VJB786469:VJB786472 VSX786469:VSX786472 WCT786469:WCT786472 WMP786469:WMP786472 WWL786469:WWL786472 AD852005:AD852008 JZ852005:JZ852008 TV852005:TV852008 ADR852005:ADR852008 ANN852005:ANN852008 AXJ852005:AXJ852008 BHF852005:BHF852008 BRB852005:BRB852008 CAX852005:CAX852008 CKT852005:CKT852008 CUP852005:CUP852008 DEL852005:DEL852008 DOH852005:DOH852008 DYD852005:DYD852008 EHZ852005:EHZ852008 ERV852005:ERV852008 FBR852005:FBR852008 FLN852005:FLN852008 FVJ852005:FVJ852008 GFF852005:GFF852008 GPB852005:GPB852008 GYX852005:GYX852008 HIT852005:HIT852008 HSP852005:HSP852008 ICL852005:ICL852008 IMH852005:IMH852008 IWD852005:IWD852008 JFZ852005:JFZ852008 JPV852005:JPV852008 JZR852005:JZR852008 KJN852005:KJN852008 KTJ852005:KTJ852008 LDF852005:LDF852008 LNB852005:LNB852008 LWX852005:LWX852008 MGT852005:MGT852008 MQP852005:MQP852008 NAL852005:NAL852008 NKH852005:NKH852008 NUD852005:NUD852008 ODZ852005:ODZ852008 ONV852005:ONV852008 OXR852005:OXR852008 PHN852005:PHN852008 PRJ852005:PRJ852008 QBF852005:QBF852008 QLB852005:QLB852008 QUX852005:QUX852008 RET852005:RET852008 ROP852005:ROP852008 RYL852005:RYL852008 SIH852005:SIH852008 SSD852005:SSD852008 TBZ852005:TBZ852008 TLV852005:TLV852008 TVR852005:TVR852008 UFN852005:UFN852008 UPJ852005:UPJ852008 UZF852005:UZF852008 VJB852005:VJB852008 VSX852005:VSX852008 WCT852005:WCT852008 WMP852005:WMP852008 WWL852005:WWL852008 AD917541:AD917544 JZ917541:JZ917544 TV917541:TV917544 ADR917541:ADR917544 ANN917541:ANN917544 AXJ917541:AXJ917544 BHF917541:BHF917544 BRB917541:BRB917544 CAX917541:CAX917544 CKT917541:CKT917544 CUP917541:CUP917544 DEL917541:DEL917544 DOH917541:DOH917544 DYD917541:DYD917544 EHZ917541:EHZ917544 ERV917541:ERV917544 FBR917541:FBR917544 FLN917541:FLN917544 FVJ917541:FVJ917544 GFF917541:GFF917544 GPB917541:GPB917544 GYX917541:GYX917544 HIT917541:HIT917544 HSP917541:HSP917544 ICL917541:ICL917544 IMH917541:IMH917544 IWD917541:IWD917544 JFZ917541:JFZ917544 JPV917541:JPV917544 JZR917541:JZR917544 KJN917541:KJN917544 KTJ917541:KTJ917544 LDF917541:LDF917544 LNB917541:LNB917544 LWX917541:LWX917544 MGT917541:MGT917544 MQP917541:MQP917544 NAL917541:NAL917544 NKH917541:NKH917544 NUD917541:NUD917544 ODZ917541:ODZ917544 ONV917541:ONV917544 OXR917541:OXR917544 PHN917541:PHN917544 PRJ917541:PRJ917544 QBF917541:QBF917544 QLB917541:QLB917544 QUX917541:QUX917544 RET917541:RET917544 ROP917541:ROP917544 RYL917541:RYL917544 SIH917541:SIH917544 SSD917541:SSD917544 TBZ917541:TBZ917544 TLV917541:TLV917544 TVR917541:TVR917544 UFN917541:UFN917544 UPJ917541:UPJ917544 UZF917541:UZF917544 VJB917541:VJB917544 VSX917541:VSX917544 WCT917541:WCT917544 WMP917541:WMP917544 WWL917541:WWL917544 AD983077:AD983080 JZ983077:JZ983080 TV983077:TV983080 ADR983077:ADR983080 ANN983077:ANN983080 AXJ983077:AXJ983080 BHF983077:BHF983080 BRB983077:BRB983080 CAX983077:CAX983080 CKT983077:CKT983080 CUP983077:CUP983080 DEL983077:DEL983080 DOH983077:DOH983080 DYD983077:DYD983080 EHZ983077:EHZ983080 ERV983077:ERV983080 FBR983077:FBR983080 FLN983077:FLN983080 FVJ983077:FVJ983080 GFF983077:GFF983080 GPB983077:GPB983080 GYX983077:GYX983080 HIT983077:HIT983080 HSP983077:HSP983080 ICL983077:ICL983080 IMH983077:IMH983080 IWD983077:IWD983080 JFZ983077:JFZ983080 JPV983077:JPV983080 JZR983077:JZR983080 KJN983077:KJN983080 KTJ983077:KTJ983080 LDF983077:LDF983080 LNB983077:LNB983080 LWX983077:LWX983080 MGT983077:MGT983080 MQP983077:MQP983080 NAL983077:NAL983080 NKH983077:NKH983080 NUD983077:NUD983080 ODZ983077:ODZ983080 ONV983077:ONV983080 OXR983077:OXR983080 PHN983077:PHN983080 PRJ983077:PRJ983080 QBF983077:QBF983080 QLB983077:QLB983080 QUX983077:QUX983080 RET983077:RET983080 ROP983077:ROP983080 RYL983077:RYL983080 SIH983077:SIH983080 SSD983077:SSD983080 TBZ983077:TBZ983080 TLV983077:TLV983080 TVR983077:TVR983080 UFN983077:UFN983080 UPJ983077:UPJ983080 UZF983077:UZF983080 VJB983077:VJB983080 VSX983077:VSX983080 WCT983077:WCT983080 WMP983077:WMP983080 WWL983077:WWL983080 AD49:AD51 JZ49:JZ51 TV49:TV51 ADR49:ADR51 ANN49:ANN51 AXJ49:AXJ51 BHF49:BHF51 BRB49:BRB51 CAX49:CAX51 CKT49:CKT51 CUP49:CUP51 DEL49:DEL51 DOH49:DOH51 DYD49:DYD51 EHZ49:EHZ51 ERV49:ERV51 FBR49:FBR51 FLN49:FLN51 FVJ49:FVJ51 GFF49:GFF51 GPB49:GPB51 GYX49:GYX51 HIT49:HIT51 HSP49:HSP51 ICL49:ICL51 IMH49:IMH51 IWD49:IWD51 JFZ49:JFZ51 JPV49:JPV51 JZR49:JZR51 KJN49:KJN51 KTJ49:KTJ51 LDF49:LDF51 LNB49:LNB51 LWX49:LWX51 MGT49:MGT51 MQP49:MQP51 NAL49:NAL51 NKH49:NKH51 NUD49:NUD51 ODZ49:ODZ51 ONV49:ONV51 OXR49:OXR51 PHN49:PHN51 PRJ49:PRJ51 QBF49:QBF51 QLB49:QLB51 QUX49:QUX51 RET49:RET51 ROP49:ROP51 RYL49:RYL51 SIH49:SIH51 SSD49:SSD51 TBZ49:TBZ51 TLV49:TLV51 TVR49:TVR51 UFN49:UFN51 UPJ49:UPJ51 UZF49:UZF51 VJB49:VJB51 VSX49:VSX51 WCT49:WCT51 WMP49:WMP51 WWL49:WWL51 AD65585:AD65587 JZ65585:JZ65587 TV65585:TV65587 ADR65585:ADR65587 ANN65585:ANN65587 AXJ65585:AXJ65587 BHF65585:BHF65587 BRB65585:BRB65587 CAX65585:CAX65587 CKT65585:CKT65587 CUP65585:CUP65587 DEL65585:DEL65587 DOH65585:DOH65587 DYD65585:DYD65587 EHZ65585:EHZ65587 ERV65585:ERV65587 FBR65585:FBR65587 FLN65585:FLN65587 FVJ65585:FVJ65587 GFF65585:GFF65587 GPB65585:GPB65587 GYX65585:GYX65587 HIT65585:HIT65587 HSP65585:HSP65587 ICL65585:ICL65587 IMH65585:IMH65587 IWD65585:IWD65587 JFZ65585:JFZ65587 JPV65585:JPV65587 JZR65585:JZR65587 KJN65585:KJN65587 KTJ65585:KTJ65587 LDF65585:LDF65587 LNB65585:LNB65587 LWX65585:LWX65587 MGT65585:MGT65587 MQP65585:MQP65587 NAL65585:NAL65587 NKH65585:NKH65587 NUD65585:NUD65587 ODZ65585:ODZ65587 ONV65585:ONV65587 OXR65585:OXR65587 PHN65585:PHN65587 PRJ65585:PRJ65587 QBF65585:QBF65587 QLB65585:QLB65587 QUX65585:QUX65587 RET65585:RET65587 ROP65585:ROP65587 RYL65585:RYL65587 SIH65585:SIH65587 SSD65585:SSD65587 TBZ65585:TBZ65587 TLV65585:TLV65587 TVR65585:TVR65587 UFN65585:UFN65587 UPJ65585:UPJ65587 UZF65585:UZF65587 VJB65585:VJB65587 VSX65585:VSX65587 WCT65585:WCT65587 WMP65585:WMP65587 WWL65585:WWL65587 AD131121:AD131123 JZ131121:JZ131123 TV131121:TV131123 ADR131121:ADR131123 ANN131121:ANN131123 AXJ131121:AXJ131123 BHF131121:BHF131123 BRB131121:BRB131123 CAX131121:CAX131123 CKT131121:CKT131123 CUP131121:CUP131123 DEL131121:DEL131123 DOH131121:DOH131123 DYD131121:DYD131123 EHZ131121:EHZ131123 ERV131121:ERV131123 FBR131121:FBR131123 FLN131121:FLN131123 FVJ131121:FVJ131123 GFF131121:GFF131123 GPB131121:GPB131123 GYX131121:GYX131123 HIT131121:HIT131123 HSP131121:HSP131123 ICL131121:ICL131123 IMH131121:IMH131123 IWD131121:IWD131123 JFZ131121:JFZ131123 JPV131121:JPV131123 JZR131121:JZR131123 KJN131121:KJN131123 KTJ131121:KTJ131123 LDF131121:LDF131123 LNB131121:LNB131123 LWX131121:LWX131123 MGT131121:MGT131123 MQP131121:MQP131123 NAL131121:NAL131123 NKH131121:NKH131123 NUD131121:NUD131123 ODZ131121:ODZ131123 ONV131121:ONV131123 OXR131121:OXR131123 PHN131121:PHN131123 PRJ131121:PRJ131123 QBF131121:QBF131123 QLB131121:QLB131123 QUX131121:QUX131123 RET131121:RET131123 ROP131121:ROP131123 RYL131121:RYL131123 SIH131121:SIH131123 SSD131121:SSD131123 TBZ131121:TBZ131123 TLV131121:TLV131123 TVR131121:TVR131123 UFN131121:UFN131123 UPJ131121:UPJ131123 UZF131121:UZF131123 VJB131121:VJB131123 VSX131121:VSX131123 WCT131121:WCT131123 WMP131121:WMP131123 WWL131121:WWL131123 AD196657:AD196659 JZ196657:JZ196659 TV196657:TV196659 ADR196657:ADR196659 ANN196657:ANN196659 AXJ196657:AXJ196659 BHF196657:BHF196659 BRB196657:BRB196659 CAX196657:CAX196659 CKT196657:CKT196659 CUP196657:CUP196659 DEL196657:DEL196659 DOH196657:DOH196659 DYD196657:DYD196659 EHZ196657:EHZ196659 ERV196657:ERV196659 FBR196657:FBR196659 FLN196657:FLN196659 FVJ196657:FVJ196659 GFF196657:GFF196659 GPB196657:GPB196659 GYX196657:GYX196659 HIT196657:HIT196659 HSP196657:HSP196659 ICL196657:ICL196659 IMH196657:IMH196659 IWD196657:IWD196659 JFZ196657:JFZ196659 JPV196657:JPV196659 JZR196657:JZR196659 KJN196657:KJN196659 KTJ196657:KTJ196659 LDF196657:LDF196659 LNB196657:LNB196659 LWX196657:LWX196659 MGT196657:MGT196659 MQP196657:MQP196659 NAL196657:NAL196659 NKH196657:NKH196659 NUD196657:NUD196659 ODZ196657:ODZ196659 ONV196657:ONV196659 OXR196657:OXR196659 PHN196657:PHN196659 PRJ196657:PRJ196659 QBF196657:QBF196659 QLB196657:QLB196659 QUX196657:QUX196659 RET196657:RET196659 ROP196657:ROP196659 RYL196657:RYL196659 SIH196657:SIH196659 SSD196657:SSD196659 TBZ196657:TBZ196659 TLV196657:TLV196659 TVR196657:TVR196659 UFN196657:UFN196659 UPJ196657:UPJ196659 UZF196657:UZF196659 VJB196657:VJB196659 VSX196657:VSX196659 WCT196657:WCT196659 WMP196657:WMP196659 WWL196657:WWL196659 AD262193:AD262195 JZ262193:JZ262195 TV262193:TV262195 ADR262193:ADR262195 ANN262193:ANN262195 AXJ262193:AXJ262195 BHF262193:BHF262195 BRB262193:BRB262195 CAX262193:CAX262195 CKT262193:CKT262195 CUP262193:CUP262195 DEL262193:DEL262195 DOH262193:DOH262195 DYD262193:DYD262195 EHZ262193:EHZ262195 ERV262193:ERV262195 FBR262193:FBR262195 FLN262193:FLN262195 FVJ262193:FVJ262195 GFF262193:GFF262195 GPB262193:GPB262195 GYX262193:GYX262195 HIT262193:HIT262195 HSP262193:HSP262195 ICL262193:ICL262195 IMH262193:IMH262195 IWD262193:IWD262195 JFZ262193:JFZ262195 JPV262193:JPV262195 JZR262193:JZR262195 KJN262193:KJN262195 KTJ262193:KTJ262195 LDF262193:LDF262195 LNB262193:LNB262195 LWX262193:LWX262195 MGT262193:MGT262195 MQP262193:MQP262195 NAL262193:NAL262195 NKH262193:NKH262195 NUD262193:NUD262195 ODZ262193:ODZ262195 ONV262193:ONV262195 OXR262193:OXR262195 PHN262193:PHN262195 PRJ262193:PRJ262195 QBF262193:QBF262195 QLB262193:QLB262195 QUX262193:QUX262195 RET262193:RET262195 ROP262193:ROP262195 RYL262193:RYL262195 SIH262193:SIH262195 SSD262193:SSD262195 TBZ262193:TBZ262195 TLV262193:TLV262195 TVR262193:TVR262195 UFN262193:UFN262195 UPJ262193:UPJ262195 UZF262193:UZF262195 VJB262193:VJB262195 VSX262193:VSX262195 WCT262193:WCT262195 WMP262193:WMP262195 WWL262193:WWL262195 AD327729:AD327731 JZ327729:JZ327731 TV327729:TV327731 ADR327729:ADR327731 ANN327729:ANN327731 AXJ327729:AXJ327731 BHF327729:BHF327731 BRB327729:BRB327731 CAX327729:CAX327731 CKT327729:CKT327731 CUP327729:CUP327731 DEL327729:DEL327731 DOH327729:DOH327731 DYD327729:DYD327731 EHZ327729:EHZ327731 ERV327729:ERV327731 FBR327729:FBR327731 FLN327729:FLN327731 FVJ327729:FVJ327731 GFF327729:GFF327731 GPB327729:GPB327731 GYX327729:GYX327731 HIT327729:HIT327731 HSP327729:HSP327731 ICL327729:ICL327731 IMH327729:IMH327731 IWD327729:IWD327731 JFZ327729:JFZ327731 JPV327729:JPV327731 JZR327729:JZR327731 KJN327729:KJN327731 KTJ327729:KTJ327731 LDF327729:LDF327731 LNB327729:LNB327731 LWX327729:LWX327731 MGT327729:MGT327731 MQP327729:MQP327731 NAL327729:NAL327731 NKH327729:NKH327731 NUD327729:NUD327731 ODZ327729:ODZ327731 ONV327729:ONV327731 OXR327729:OXR327731 PHN327729:PHN327731 PRJ327729:PRJ327731 QBF327729:QBF327731 QLB327729:QLB327731 QUX327729:QUX327731 RET327729:RET327731 ROP327729:ROP327731 RYL327729:RYL327731 SIH327729:SIH327731 SSD327729:SSD327731 TBZ327729:TBZ327731 TLV327729:TLV327731 TVR327729:TVR327731 UFN327729:UFN327731 UPJ327729:UPJ327731 UZF327729:UZF327731 VJB327729:VJB327731 VSX327729:VSX327731 WCT327729:WCT327731 WMP327729:WMP327731 WWL327729:WWL327731 AD393265:AD393267 JZ393265:JZ393267 TV393265:TV393267 ADR393265:ADR393267 ANN393265:ANN393267 AXJ393265:AXJ393267 BHF393265:BHF393267 BRB393265:BRB393267 CAX393265:CAX393267 CKT393265:CKT393267 CUP393265:CUP393267 DEL393265:DEL393267 DOH393265:DOH393267 DYD393265:DYD393267 EHZ393265:EHZ393267 ERV393265:ERV393267 FBR393265:FBR393267 FLN393265:FLN393267 FVJ393265:FVJ393267 GFF393265:GFF393267 GPB393265:GPB393267 GYX393265:GYX393267 HIT393265:HIT393267 HSP393265:HSP393267 ICL393265:ICL393267 IMH393265:IMH393267 IWD393265:IWD393267 JFZ393265:JFZ393267 JPV393265:JPV393267 JZR393265:JZR393267 KJN393265:KJN393267 KTJ393265:KTJ393267 LDF393265:LDF393267 LNB393265:LNB393267 LWX393265:LWX393267 MGT393265:MGT393267 MQP393265:MQP393267 NAL393265:NAL393267 NKH393265:NKH393267 NUD393265:NUD393267 ODZ393265:ODZ393267 ONV393265:ONV393267 OXR393265:OXR393267 PHN393265:PHN393267 PRJ393265:PRJ393267 QBF393265:QBF393267 QLB393265:QLB393267 QUX393265:QUX393267 RET393265:RET393267 ROP393265:ROP393267 RYL393265:RYL393267 SIH393265:SIH393267 SSD393265:SSD393267 TBZ393265:TBZ393267 TLV393265:TLV393267 TVR393265:TVR393267 UFN393265:UFN393267 UPJ393265:UPJ393267 UZF393265:UZF393267 VJB393265:VJB393267 VSX393265:VSX393267 WCT393265:WCT393267 WMP393265:WMP393267 WWL393265:WWL393267 AD458801:AD458803 JZ458801:JZ458803 TV458801:TV458803 ADR458801:ADR458803 ANN458801:ANN458803 AXJ458801:AXJ458803 BHF458801:BHF458803 BRB458801:BRB458803 CAX458801:CAX458803 CKT458801:CKT458803 CUP458801:CUP458803 DEL458801:DEL458803 DOH458801:DOH458803 DYD458801:DYD458803 EHZ458801:EHZ458803 ERV458801:ERV458803 FBR458801:FBR458803 FLN458801:FLN458803 FVJ458801:FVJ458803 GFF458801:GFF458803 GPB458801:GPB458803 GYX458801:GYX458803 HIT458801:HIT458803 HSP458801:HSP458803 ICL458801:ICL458803 IMH458801:IMH458803 IWD458801:IWD458803 JFZ458801:JFZ458803 JPV458801:JPV458803 JZR458801:JZR458803 KJN458801:KJN458803 KTJ458801:KTJ458803 LDF458801:LDF458803 LNB458801:LNB458803 LWX458801:LWX458803 MGT458801:MGT458803 MQP458801:MQP458803 NAL458801:NAL458803 NKH458801:NKH458803 NUD458801:NUD458803 ODZ458801:ODZ458803 ONV458801:ONV458803 OXR458801:OXR458803 PHN458801:PHN458803 PRJ458801:PRJ458803 QBF458801:QBF458803 QLB458801:QLB458803 QUX458801:QUX458803 RET458801:RET458803 ROP458801:ROP458803 RYL458801:RYL458803 SIH458801:SIH458803 SSD458801:SSD458803 TBZ458801:TBZ458803 TLV458801:TLV458803 TVR458801:TVR458803 UFN458801:UFN458803 UPJ458801:UPJ458803 UZF458801:UZF458803 VJB458801:VJB458803 VSX458801:VSX458803 WCT458801:WCT458803 WMP458801:WMP458803 WWL458801:WWL458803 AD524337:AD524339 JZ524337:JZ524339 TV524337:TV524339 ADR524337:ADR524339 ANN524337:ANN524339 AXJ524337:AXJ524339 BHF524337:BHF524339 BRB524337:BRB524339 CAX524337:CAX524339 CKT524337:CKT524339 CUP524337:CUP524339 DEL524337:DEL524339 DOH524337:DOH524339 DYD524337:DYD524339 EHZ524337:EHZ524339 ERV524337:ERV524339 FBR524337:FBR524339 FLN524337:FLN524339 FVJ524337:FVJ524339 GFF524337:GFF524339 GPB524337:GPB524339 GYX524337:GYX524339 HIT524337:HIT524339 HSP524337:HSP524339 ICL524337:ICL524339 IMH524337:IMH524339 IWD524337:IWD524339 JFZ524337:JFZ524339 JPV524337:JPV524339 JZR524337:JZR524339 KJN524337:KJN524339 KTJ524337:KTJ524339 LDF524337:LDF524339 LNB524337:LNB524339 LWX524337:LWX524339 MGT524337:MGT524339 MQP524337:MQP524339 NAL524337:NAL524339 NKH524337:NKH524339 NUD524337:NUD524339 ODZ524337:ODZ524339 ONV524337:ONV524339 OXR524337:OXR524339 PHN524337:PHN524339 PRJ524337:PRJ524339 QBF524337:QBF524339 QLB524337:QLB524339 QUX524337:QUX524339 RET524337:RET524339 ROP524337:ROP524339 RYL524337:RYL524339 SIH524337:SIH524339 SSD524337:SSD524339 TBZ524337:TBZ524339 TLV524337:TLV524339 TVR524337:TVR524339 UFN524337:UFN524339 UPJ524337:UPJ524339 UZF524337:UZF524339 VJB524337:VJB524339 VSX524337:VSX524339 WCT524337:WCT524339 WMP524337:WMP524339 WWL524337:WWL524339 AD589873:AD589875 JZ589873:JZ589875 TV589873:TV589875 ADR589873:ADR589875 ANN589873:ANN589875 AXJ589873:AXJ589875 BHF589873:BHF589875 BRB589873:BRB589875 CAX589873:CAX589875 CKT589873:CKT589875 CUP589873:CUP589875 DEL589873:DEL589875 DOH589873:DOH589875 DYD589873:DYD589875 EHZ589873:EHZ589875 ERV589873:ERV589875 FBR589873:FBR589875 FLN589873:FLN589875 FVJ589873:FVJ589875 GFF589873:GFF589875 GPB589873:GPB589875 GYX589873:GYX589875 HIT589873:HIT589875 HSP589873:HSP589875 ICL589873:ICL589875 IMH589873:IMH589875 IWD589873:IWD589875 JFZ589873:JFZ589875 JPV589873:JPV589875 JZR589873:JZR589875 KJN589873:KJN589875 KTJ589873:KTJ589875 LDF589873:LDF589875 LNB589873:LNB589875 LWX589873:LWX589875 MGT589873:MGT589875 MQP589873:MQP589875 NAL589873:NAL589875 NKH589873:NKH589875 NUD589873:NUD589875 ODZ589873:ODZ589875 ONV589873:ONV589875 OXR589873:OXR589875 PHN589873:PHN589875 PRJ589873:PRJ589875 QBF589873:QBF589875 QLB589873:QLB589875 QUX589873:QUX589875 RET589873:RET589875 ROP589873:ROP589875 RYL589873:RYL589875 SIH589873:SIH589875 SSD589873:SSD589875 TBZ589873:TBZ589875 TLV589873:TLV589875 TVR589873:TVR589875 UFN589873:UFN589875 UPJ589873:UPJ589875 UZF589873:UZF589875 VJB589873:VJB589875 VSX589873:VSX589875 WCT589873:WCT589875 WMP589873:WMP589875 WWL589873:WWL589875 AD655409:AD655411 JZ655409:JZ655411 TV655409:TV655411 ADR655409:ADR655411 ANN655409:ANN655411 AXJ655409:AXJ655411 BHF655409:BHF655411 BRB655409:BRB655411 CAX655409:CAX655411 CKT655409:CKT655411 CUP655409:CUP655411 DEL655409:DEL655411 DOH655409:DOH655411 DYD655409:DYD655411 EHZ655409:EHZ655411 ERV655409:ERV655411 FBR655409:FBR655411 FLN655409:FLN655411 FVJ655409:FVJ655411 GFF655409:GFF655411 GPB655409:GPB655411 GYX655409:GYX655411 HIT655409:HIT655411 HSP655409:HSP655411 ICL655409:ICL655411 IMH655409:IMH655411 IWD655409:IWD655411 JFZ655409:JFZ655411 JPV655409:JPV655411 JZR655409:JZR655411 KJN655409:KJN655411 KTJ655409:KTJ655411 LDF655409:LDF655411 LNB655409:LNB655411 LWX655409:LWX655411 MGT655409:MGT655411 MQP655409:MQP655411 NAL655409:NAL655411 NKH655409:NKH655411 NUD655409:NUD655411 ODZ655409:ODZ655411 ONV655409:ONV655411 OXR655409:OXR655411 PHN655409:PHN655411 PRJ655409:PRJ655411 QBF655409:QBF655411 QLB655409:QLB655411 QUX655409:QUX655411 RET655409:RET655411 ROP655409:ROP655411 RYL655409:RYL655411 SIH655409:SIH655411 SSD655409:SSD655411 TBZ655409:TBZ655411 TLV655409:TLV655411 TVR655409:TVR655411 UFN655409:UFN655411 UPJ655409:UPJ655411 UZF655409:UZF655411 VJB655409:VJB655411 VSX655409:VSX655411 WCT655409:WCT655411 WMP655409:WMP655411 WWL655409:WWL655411 AD720945:AD720947 JZ720945:JZ720947 TV720945:TV720947 ADR720945:ADR720947 ANN720945:ANN720947 AXJ720945:AXJ720947 BHF720945:BHF720947 BRB720945:BRB720947 CAX720945:CAX720947 CKT720945:CKT720947 CUP720945:CUP720947 DEL720945:DEL720947 DOH720945:DOH720947 DYD720945:DYD720947 EHZ720945:EHZ720947 ERV720945:ERV720947 FBR720945:FBR720947 FLN720945:FLN720947 FVJ720945:FVJ720947 GFF720945:GFF720947 GPB720945:GPB720947 GYX720945:GYX720947 HIT720945:HIT720947 HSP720945:HSP720947 ICL720945:ICL720947 IMH720945:IMH720947 IWD720945:IWD720947 JFZ720945:JFZ720947 JPV720945:JPV720947 JZR720945:JZR720947 KJN720945:KJN720947 KTJ720945:KTJ720947 LDF720945:LDF720947 LNB720945:LNB720947 LWX720945:LWX720947 MGT720945:MGT720947 MQP720945:MQP720947 NAL720945:NAL720947 NKH720945:NKH720947 NUD720945:NUD720947 ODZ720945:ODZ720947 ONV720945:ONV720947 OXR720945:OXR720947 PHN720945:PHN720947 PRJ720945:PRJ720947 QBF720945:QBF720947 QLB720945:QLB720947 QUX720945:QUX720947 RET720945:RET720947 ROP720945:ROP720947 RYL720945:RYL720947 SIH720945:SIH720947 SSD720945:SSD720947 TBZ720945:TBZ720947 TLV720945:TLV720947 TVR720945:TVR720947 UFN720945:UFN720947 UPJ720945:UPJ720947 UZF720945:UZF720947 VJB720945:VJB720947 VSX720945:VSX720947 WCT720945:WCT720947 WMP720945:WMP720947 WWL720945:WWL720947 AD786481:AD786483 JZ786481:JZ786483 TV786481:TV786483 ADR786481:ADR786483 ANN786481:ANN786483 AXJ786481:AXJ786483 BHF786481:BHF786483 BRB786481:BRB786483 CAX786481:CAX786483 CKT786481:CKT786483 CUP786481:CUP786483 DEL786481:DEL786483 DOH786481:DOH786483 DYD786481:DYD786483 EHZ786481:EHZ786483 ERV786481:ERV786483 FBR786481:FBR786483 FLN786481:FLN786483 FVJ786481:FVJ786483 GFF786481:GFF786483 GPB786481:GPB786483 GYX786481:GYX786483 HIT786481:HIT786483 HSP786481:HSP786483 ICL786481:ICL786483 IMH786481:IMH786483 IWD786481:IWD786483 JFZ786481:JFZ786483 JPV786481:JPV786483 JZR786481:JZR786483 KJN786481:KJN786483 KTJ786481:KTJ786483 LDF786481:LDF786483 LNB786481:LNB786483 LWX786481:LWX786483 MGT786481:MGT786483 MQP786481:MQP786483 NAL786481:NAL786483 NKH786481:NKH786483 NUD786481:NUD786483 ODZ786481:ODZ786483 ONV786481:ONV786483 OXR786481:OXR786483 PHN786481:PHN786483 PRJ786481:PRJ786483 QBF786481:QBF786483 QLB786481:QLB786483 QUX786481:QUX786483 RET786481:RET786483 ROP786481:ROP786483 RYL786481:RYL786483 SIH786481:SIH786483 SSD786481:SSD786483 TBZ786481:TBZ786483 TLV786481:TLV786483 TVR786481:TVR786483 UFN786481:UFN786483 UPJ786481:UPJ786483 UZF786481:UZF786483 VJB786481:VJB786483 VSX786481:VSX786483 WCT786481:WCT786483 WMP786481:WMP786483 WWL786481:WWL786483 AD852017:AD852019 JZ852017:JZ852019 TV852017:TV852019 ADR852017:ADR852019 ANN852017:ANN852019 AXJ852017:AXJ852019 BHF852017:BHF852019 BRB852017:BRB852019 CAX852017:CAX852019 CKT852017:CKT852019 CUP852017:CUP852019 DEL852017:DEL852019 DOH852017:DOH852019 DYD852017:DYD852019 EHZ852017:EHZ852019 ERV852017:ERV852019 FBR852017:FBR852019 FLN852017:FLN852019 FVJ852017:FVJ852019 GFF852017:GFF852019 GPB852017:GPB852019 GYX852017:GYX852019 HIT852017:HIT852019 HSP852017:HSP852019 ICL852017:ICL852019 IMH852017:IMH852019 IWD852017:IWD852019 JFZ852017:JFZ852019 JPV852017:JPV852019 JZR852017:JZR852019 KJN852017:KJN852019 KTJ852017:KTJ852019 LDF852017:LDF852019 LNB852017:LNB852019 LWX852017:LWX852019 MGT852017:MGT852019 MQP852017:MQP852019 NAL852017:NAL852019 NKH852017:NKH852019 NUD852017:NUD852019 ODZ852017:ODZ852019 ONV852017:ONV852019 OXR852017:OXR852019 PHN852017:PHN852019 PRJ852017:PRJ852019 QBF852017:QBF852019 QLB852017:QLB852019 QUX852017:QUX852019 RET852017:RET852019 ROP852017:ROP852019 RYL852017:RYL852019 SIH852017:SIH852019 SSD852017:SSD852019 TBZ852017:TBZ852019 TLV852017:TLV852019 TVR852017:TVR852019 UFN852017:UFN852019 UPJ852017:UPJ852019 UZF852017:UZF852019 VJB852017:VJB852019 VSX852017:VSX852019 WCT852017:WCT852019 WMP852017:WMP852019 WWL852017:WWL852019 AD917553:AD917555 JZ917553:JZ917555 TV917553:TV917555 ADR917553:ADR917555 ANN917553:ANN917555 AXJ917553:AXJ917555 BHF917553:BHF917555 BRB917553:BRB917555 CAX917553:CAX917555 CKT917553:CKT917555 CUP917553:CUP917555 DEL917553:DEL917555 DOH917553:DOH917555 DYD917553:DYD917555 EHZ917553:EHZ917555 ERV917553:ERV917555 FBR917553:FBR917555 FLN917553:FLN917555 FVJ917553:FVJ917555 GFF917553:GFF917555 GPB917553:GPB917555 GYX917553:GYX917555 HIT917553:HIT917555 HSP917553:HSP917555 ICL917553:ICL917555 IMH917553:IMH917555 IWD917553:IWD917555 JFZ917553:JFZ917555 JPV917553:JPV917555 JZR917553:JZR917555 KJN917553:KJN917555 KTJ917553:KTJ917555 LDF917553:LDF917555 LNB917553:LNB917555 LWX917553:LWX917555 MGT917553:MGT917555 MQP917553:MQP917555 NAL917553:NAL917555 NKH917553:NKH917555 NUD917553:NUD917555 ODZ917553:ODZ917555 ONV917553:ONV917555 OXR917553:OXR917555 PHN917553:PHN917555 PRJ917553:PRJ917555 QBF917553:QBF917555 QLB917553:QLB917555 QUX917553:QUX917555 RET917553:RET917555 ROP917553:ROP917555 RYL917553:RYL917555 SIH917553:SIH917555 SSD917553:SSD917555 TBZ917553:TBZ917555 TLV917553:TLV917555 TVR917553:TVR917555 UFN917553:UFN917555 UPJ917553:UPJ917555 UZF917553:UZF917555 VJB917553:VJB917555 VSX917553:VSX917555 WCT917553:WCT917555 WMP917553:WMP917555 WWL917553:WWL917555 AD983089:AD983091 JZ983089:JZ983091 TV983089:TV983091 ADR983089:ADR983091 ANN983089:ANN983091 AXJ983089:AXJ983091 BHF983089:BHF983091 BRB983089:BRB983091 CAX983089:CAX983091 CKT983089:CKT983091 CUP983089:CUP983091 DEL983089:DEL983091 DOH983089:DOH983091 DYD983089:DYD983091 EHZ983089:EHZ983091 ERV983089:ERV983091 FBR983089:FBR983091 FLN983089:FLN983091 FVJ983089:FVJ983091 GFF983089:GFF983091 GPB983089:GPB983091 GYX983089:GYX983091 HIT983089:HIT983091 HSP983089:HSP983091 ICL983089:ICL983091 IMH983089:IMH983091 IWD983089:IWD983091 JFZ983089:JFZ983091 JPV983089:JPV983091 JZR983089:JZR983091 KJN983089:KJN983091 KTJ983089:KTJ983091 LDF983089:LDF983091 LNB983089:LNB983091 LWX983089:LWX983091 MGT983089:MGT983091 MQP983089:MQP983091 NAL983089:NAL983091 NKH983089:NKH983091 NUD983089:NUD983091 ODZ983089:ODZ983091 ONV983089:ONV983091 OXR983089:OXR983091 PHN983089:PHN983091 PRJ983089:PRJ983091 QBF983089:QBF983091 QLB983089:QLB983091 QUX983089:QUX983091 RET983089:RET983091 ROP983089:ROP983091 RYL983089:RYL983091 SIH983089:SIH983091 SSD983089:SSD983091 TBZ983089:TBZ983091 TLV983089:TLV983091 TVR983089:TVR983091 UFN983089:UFN983091 UPJ983089:UPJ983091 UZF983089:UZF983091 VJB983089:VJB983091 VSX983089:VSX983091 WCT983089:WCT983091 WMP983089:WMP983091 WWL983089:WWL983091 AD55:AD57 JZ55:JZ57 TV55:TV57 ADR55:ADR57 ANN55:ANN57 AXJ55:AXJ57 BHF55:BHF57 BRB55:BRB57 CAX55:CAX57 CKT55:CKT57 CUP55:CUP57 DEL55:DEL57 DOH55:DOH57 DYD55:DYD57 EHZ55:EHZ57 ERV55:ERV57 FBR55:FBR57 FLN55:FLN57 FVJ55:FVJ57 GFF55:GFF57 GPB55:GPB57 GYX55:GYX57 HIT55:HIT57 HSP55:HSP57 ICL55:ICL57 IMH55:IMH57 IWD55:IWD57 JFZ55:JFZ57 JPV55:JPV57 JZR55:JZR57 KJN55:KJN57 KTJ55:KTJ57 LDF55:LDF57 LNB55:LNB57 LWX55:LWX57 MGT55:MGT57 MQP55:MQP57 NAL55:NAL57 NKH55:NKH57 NUD55:NUD57 ODZ55:ODZ57 ONV55:ONV57 OXR55:OXR57 PHN55:PHN57 PRJ55:PRJ57 QBF55:QBF57 QLB55:QLB57 QUX55:QUX57 RET55:RET57 ROP55:ROP57 RYL55:RYL57 SIH55:SIH57 SSD55:SSD57 TBZ55:TBZ57 TLV55:TLV57 TVR55:TVR57 UFN55:UFN57 UPJ55:UPJ57 UZF55:UZF57 VJB55:VJB57 VSX55:VSX57 WCT55:WCT57 WMP55:WMP57 WWL55:WWL57 AD65591:AD65593 JZ65591:JZ65593 TV65591:TV65593 ADR65591:ADR65593 ANN65591:ANN65593 AXJ65591:AXJ65593 BHF65591:BHF65593 BRB65591:BRB65593 CAX65591:CAX65593 CKT65591:CKT65593 CUP65591:CUP65593 DEL65591:DEL65593 DOH65591:DOH65593 DYD65591:DYD65593 EHZ65591:EHZ65593 ERV65591:ERV65593 FBR65591:FBR65593 FLN65591:FLN65593 FVJ65591:FVJ65593 GFF65591:GFF65593 GPB65591:GPB65593 GYX65591:GYX65593 HIT65591:HIT65593 HSP65591:HSP65593 ICL65591:ICL65593 IMH65591:IMH65593 IWD65591:IWD65593 JFZ65591:JFZ65593 JPV65591:JPV65593 JZR65591:JZR65593 KJN65591:KJN65593 KTJ65591:KTJ65593 LDF65591:LDF65593 LNB65591:LNB65593 LWX65591:LWX65593 MGT65591:MGT65593 MQP65591:MQP65593 NAL65591:NAL65593 NKH65591:NKH65593 NUD65591:NUD65593 ODZ65591:ODZ65593 ONV65591:ONV65593 OXR65591:OXR65593 PHN65591:PHN65593 PRJ65591:PRJ65593 QBF65591:QBF65593 QLB65591:QLB65593 QUX65591:QUX65593 RET65591:RET65593 ROP65591:ROP65593 RYL65591:RYL65593 SIH65591:SIH65593 SSD65591:SSD65593 TBZ65591:TBZ65593 TLV65591:TLV65593 TVR65591:TVR65593 UFN65591:UFN65593 UPJ65591:UPJ65593 UZF65591:UZF65593 VJB65591:VJB65593 VSX65591:VSX65593 WCT65591:WCT65593 WMP65591:WMP65593 WWL65591:WWL65593 AD131127:AD131129 JZ131127:JZ131129 TV131127:TV131129 ADR131127:ADR131129 ANN131127:ANN131129 AXJ131127:AXJ131129 BHF131127:BHF131129 BRB131127:BRB131129 CAX131127:CAX131129 CKT131127:CKT131129 CUP131127:CUP131129 DEL131127:DEL131129 DOH131127:DOH131129 DYD131127:DYD131129 EHZ131127:EHZ131129 ERV131127:ERV131129 FBR131127:FBR131129 FLN131127:FLN131129 FVJ131127:FVJ131129 GFF131127:GFF131129 GPB131127:GPB131129 GYX131127:GYX131129 HIT131127:HIT131129 HSP131127:HSP131129 ICL131127:ICL131129 IMH131127:IMH131129 IWD131127:IWD131129 JFZ131127:JFZ131129 JPV131127:JPV131129 JZR131127:JZR131129 KJN131127:KJN131129 KTJ131127:KTJ131129 LDF131127:LDF131129 LNB131127:LNB131129 LWX131127:LWX131129 MGT131127:MGT131129 MQP131127:MQP131129 NAL131127:NAL131129 NKH131127:NKH131129 NUD131127:NUD131129 ODZ131127:ODZ131129 ONV131127:ONV131129 OXR131127:OXR131129 PHN131127:PHN131129 PRJ131127:PRJ131129 QBF131127:QBF131129 QLB131127:QLB131129 QUX131127:QUX131129 RET131127:RET131129 ROP131127:ROP131129 RYL131127:RYL131129 SIH131127:SIH131129 SSD131127:SSD131129 TBZ131127:TBZ131129 TLV131127:TLV131129 TVR131127:TVR131129 UFN131127:UFN131129 UPJ131127:UPJ131129 UZF131127:UZF131129 VJB131127:VJB131129 VSX131127:VSX131129 WCT131127:WCT131129 WMP131127:WMP131129 WWL131127:WWL131129 AD196663:AD196665 JZ196663:JZ196665 TV196663:TV196665 ADR196663:ADR196665 ANN196663:ANN196665 AXJ196663:AXJ196665 BHF196663:BHF196665 BRB196663:BRB196665 CAX196663:CAX196665 CKT196663:CKT196665 CUP196663:CUP196665 DEL196663:DEL196665 DOH196663:DOH196665 DYD196663:DYD196665 EHZ196663:EHZ196665 ERV196663:ERV196665 FBR196663:FBR196665 FLN196663:FLN196665 FVJ196663:FVJ196665 GFF196663:GFF196665 GPB196663:GPB196665 GYX196663:GYX196665 HIT196663:HIT196665 HSP196663:HSP196665 ICL196663:ICL196665 IMH196663:IMH196665 IWD196663:IWD196665 JFZ196663:JFZ196665 JPV196663:JPV196665 JZR196663:JZR196665 KJN196663:KJN196665 KTJ196663:KTJ196665 LDF196663:LDF196665 LNB196663:LNB196665 LWX196663:LWX196665 MGT196663:MGT196665 MQP196663:MQP196665 NAL196663:NAL196665 NKH196663:NKH196665 NUD196663:NUD196665 ODZ196663:ODZ196665 ONV196663:ONV196665 OXR196663:OXR196665 PHN196663:PHN196665 PRJ196663:PRJ196665 QBF196663:QBF196665 QLB196663:QLB196665 QUX196663:QUX196665 RET196663:RET196665 ROP196663:ROP196665 RYL196663:RYL196665 SIH196663:SIH196665 SSD196663:SSD196665 TBZ196663:TBZ196665 TLV196663:TLV196665 TVR196663:TVR196665 UFN196663:UFN196665 UPJ196663:UPJ196665 UZF196663:UZF196665 VJB196663:VJB196665 VSX196663:VSX196665 WCT196663:WCT196665 WMP196663:WMP196665 WWL196663:WWL196665 AD262199:AD262201 JZ262199:JZ262201 TV262199:TV262201 ADR262199:ADR262201 ANN262199:ANN262201 AXJ262199:AXJ262201 BHF262199:BHF262201 BRB262199:BRB262201 CAX262199:CAX262201 CKT262199:CKT262201 CUP262199:CUP262201 DEL262199:DEL262201 DOH262199:DOH262201 DYD262199:DYD262201 EHZ262199:EHZ262201 ERV262199:ERV262201 FBR262199:FBR262201 FLN262199:FLN262201 FVJ262199:FVJ262201 GFF262199:GFF262201 GPB262199:GPB262201 GYX262199:GYX262201 HIT262199:HIT262201 HSP262199:HSP262201 ICL262199:ICL262201 IMH262199:IMH262201 IWD262199:IWD262201 JFZ262199:JFZ262201 JPV262199:JPV262201 JZR262199:JZR262201 KJN262199:KJN262201 KTJ262199:KTJ262201 LDF262199:LDF262201 LNB262199:LNB262201 LWX262199:LWX262201 MGT262199:MGT262201 MQP262199:MQP262201 NAL262199:NAL262201 NKH262199:NKH262201 NUD262199:NUD262201 ODZ262199:ODZ262201 ONV262199:ONV262201 OXR262199:OXR262201 PHN262199:PHN262201 PRJ262199:PRJ262201 QBF262199:QBF262201 QLB262199:QLB262201 QUX262199:QUX262201 RET262199:RET262201 ROP262199:ROP262201 RYL262199:RYL262201 SIH262199:SIH262201 SSD262199:SSD262201 TBZ262199:TBZ262201 TLV262199:TLV262201 TVR262199:TVR262201 UFN262199:UFN262201 UPJ262199:UPJ262201 UZF262199:UZF262201 VJB262199:VJB262201 VSX262199:VSX262201 WCT262199:WCT262201 WMP262199:WMP262201 WWL262199:WWL262201 AD327735:AD327737 JZ327735:JZ327737 TV327735:TV327737 ADR327735:ADR327737 ANN327735:ANN327737 AXJ327735:AXJ327737 BHF327735:BHF327737 BRB327735:BRB327737 CAX327735:CAX327737 CKT327735:CKT327737 CUP327735:CUP327737 DEL327735:DEL327737 DOH327735:DOH327737 DYD327735:DYD327737 EHZ327735:EHZ327737 ERV327735:ERV327737 FBR327735:FBR327737 FLN327735:FLN327737 FVJ327735:FVJ327737 GFF327735:GFF327737 GPB327735:GPB327737 GYX327735:GYX327737 HIT327735:HIT327737 HSP327735:HSP327737 ICL327735:ICL327737 IMH327735:IMH327737 IWD327735:IWD327737 JFZ327735:JFZ327737 JPV327735:JPV327737 JZR327735:JZR327737 KJN327735:KJN327737 KTJ327735:KTJ327737 LDF327735:LDF327737 LNB327735:LNB327737 LWX327735:LWX327737 MGT327735:MGT327737 MQP327735:MQP327737 NAL327735:NAL327737 NKH327735:NKH327737 NUD327735:NUD327737 ODZ327735:ODZ327737 ONV327735:ONV327737 OXR327735:OXR327737 PHN327735:PHN327737 PRJ327735:PRJ327737 QBF327735:QBF327737 QLB327735:QLB327737 QUX327735:QUX327737 RET327735:RET327737 ROP327735:ROP327737 RYL327735:RYL327737 SIH327735:SIH327737 SSD327735:SSD327737 TBZ327735:TBZ327737 TLV327735:TLV327737 TVR327735:TVR327737 UFN327735:UFN327737 UPJ327735:UPJ327737 UZF327735:UZF327737 VJB327735:VJB327737 VSX327735:VSX327737 WCT327735:WCT327737 WMP327735:WMP327737 WWL327735:WWL327737 AD393271:AD393273 JZ393271:JZ393273 TV393271:TV393273 ADR393271:ADR393273 ANN393271:ANN393273 AXJ393271:AXJ393273 BHF393271:BHF393273 BRB393271:BRB393273 CAX393271:CAX393273 CKT393271:CKT393273 CUP393271:CUP393273 DEL393271:DEL393273 DOH393271:DOH393273 DYD393271:DYD393273 EHZ393271:EHZ393273 ERV393271:ERV393273 FBR393271:FBR393273 FLN393271:FLN393273 FVJ393271:FVJ393273 GFF393271:GFF393273 GPB393271:GPB393273 GYX393271:GYX393273 HIT393271:HIT393273 HSP393271:HSP393273 ICL393271:ICL393273 IMH393271:IMH393273 IWD393271:IWD393273 JFZ393271:JFZ393273 JPV393271:JPV393273 JZR393271:JZR393273 KJN393271:KJN393273 KTJ393271:KTJ393273 LDF393271:LDF393273 LNB393271:LNB393273 LWX393271:LWX393273 MGT393271:MGT393273 MQP393271:MQP393273 NAL393271:NAL393273 NKH393271:NKH393273 NUD393271:NUD393273 ODZ393271:ODZ393273 ONV393271:ONV393273 OXR393271:OXR393273 PHN393271:PHN393273 PRJ393271:PRJ393273 QBF393271:QBF393273 QLB393271:QLB393273 QUX393271:QUX393273 RET393271:RET393273 ROP393271:ROP393273 RYL393271:RYL393273 SIH393271:SIH393273 SSD393271:SSD393273 TBZ393271:TBZ393273 TLV393271:TLV393273 TVR393271:TVR393273 UFN393271:UFN393273 UPJ393271:UPJ393273 UZF393271:UZF393273 VJB393271:VJB393273 VSX393271:VSX393273 WCT393271:WCT393273 WMP393271:WMP393273 WWL393271:WWL393273 AD458807:AD458809 JZ458807:JZ458809 TV458807:TV458809 ADR458807:ADR458809 ANN458807:ANN458809 AXJ458807:AXJ458809 BHF458807:BHF458809 BRB458807:BRB458809 CAX458807:CAX458809 CKT458807:CKT458809 CUP458807:CUP458809 DEL458807:DEL458809 DOH458807:DOH458809 DYD458807:DYD458809 EHZ458807:EHZ458809 ERV458807:ERV458809 FBR458807:FBR458809 FLN458807:FLN458809 FVJ458807:FVJ458809 GFF458807:GFF458809 GPB458807:GPB458809 GYX458807:GYX458809 HIT458807:HIT458809 HSP458807:HSP458809 ICL458807:ICL458809 IMH458807:IMH458809 IWD458807:IWD458809 JFZ458807:JFZ458809 JPV458807:JPV458809 JZR458807:JZR458809 KJN458807:KJN458809 KTJ458807:KTJ458809 LDF458807:LDF458809 LNB458807:LNB458809 LWX458807:LWX458809 MGT458807:MGT458809 MQP458807:MQP458809 NAL458807:NAL458809 NKH458807:NKH458809 NUD458807:NUD458809 ODZ458807:ODZ458809 ONV458807:ONV458809 OXR458807:OXR458809 PHN458807:PHN458809 PRJ458807:PRJ458809 QBF458807:QBF458809 QLB458807:QLB458809 QUX458807:QUX458809 RET458807:RET458809 ROP458807:ROP458809 RYL458807:RYL458809 SIH458807:SIH458809 SSD458807:SSD458809 TBZ458807:TBZ458809 TLV458807:TLV458809 TVR458807:TVR458809 UFN458807:UFN458809 UPJ458807:UPJ458809 UZF458807:UZF458809 VJB458807:VJB458809 VSX458807:VSX458809 WCT458807:WCT458809 WMP458807:WMP458809 WWL458807:WWL458809 AD524343:AD524345 JZ524343:JZ524345 TV524343:TV524345 ADR524343:ADR524345 ANN524343:ANN524345 AXJ524343:AXJ524345 BHF524343:BHF524345 BRB524343:BRB524345 CAX524343:CAX524345 CKT524343:CKT524345 CUP524343:CUP524345 DEL524343:DEL524345 DOH524343:DOH524345 DYD524343:DYD524345 EHZ524343:EHZ524345 ERV524343:ERV524345 FBR524343:FBR524345 FLN524343:FLN524345 FVJ524343:FVJ524345 GFF524343:GFF524345 GPB524343:GPB524345 GYX524343:GYX524345 HIT524343:HIT524345 HSP524343:HSP524345 ICL524343:ICL524345 IMH524343:IMH524345 IWD524343:IWD524345 JFZ524343:JFZ524345 JPV524343:JPV524345 JZR524343:JZR524345 KJN524343:KJN524345 KTJ524343:KTJ524345 LDF524343:LDF524345 LNB524343:LNB524345 LWX524343:LWX524345 MGT524343:MGT524345 MQP524343:MQP524345 NAL524343:NAL524345 NKH524343:NKH524345 NUD524343:NUD524345 ODZ524343:ODZ524345 ONV524343:ONV524345 OXR524343:OXR524345 PHN524343:PHN524345 PRJ524343:PRJ524345 QBF524343:QBF524345 QLB524343:QLB524345 QUX524343:QUX524345 RET524343:RET524345 ROP524343:ROP524345 RYL524343:RYL524345 SIH524343:SIH524345 SSD524343:SSD524345 TBZ524343:TBZ524345 TLV524343:TLV524345 TVR524343:TVR524345 UFN524343:UFN524345 UPJ524343:UPJ524345 UZF524343:UZF524345 VJB524343:VJB524345 VSX524343:VSX524345 WCT524343:WCT524345 WMP524343:WMP524345 WWL524343:WWL524345 AD589879:AD589881 JZ589879:JZ589881 TV589879:TV589881 ADR589879:ADR589881 ANN589879:ANN589881 AXJ589879:AXJ589881 BHF589879:BHF589881 BRB589879:BRB589881 CAX589879:CAX589881 CKT589879:CKT589881 CUP589879:CUP589881 DEL589879:DEL589881 DOH589879:DOH589881 DYD589879:DYD589881 EHZ589879:EHZ589881 ERV589879:ERV589881 FBR589879:FBR589881 FLN589879:FLN589881 FVJ589879:FVJ589881 GFF589879:GFF589881 GPB589879:GPB589881 GYX589879:GYX589881 HIT589879:HIT589881 HSP589879:HSP589881 ICL589879:ICL589881 IMH589879:IMH589881 IWD589879:IWD589881 JFZ589879:JFZ589881 JPV589879:JPV589881 JZR589879:JZR589881 KJN589879:KJN589881 KTJ589879:KTJ589881 LDF589879:LDF589881 LNB589879:LNB589881 LWX589879:LWX589881 MGT589879:MGT589881 MQP589879:MQP589881 NAL589879:NAL589881 NKH589879:NKH589881 NUD589879:NUD589881 ODZ589879:ODZ589881 ONV589879:ONV589881 OXR589879:OXR589881 PHN589879:PHN589881 PRJ589879:PRJ589881 QBF589879:QBF589881 QLB589879:QLB589881 QUX589879:QUX589881 RET589879:RET589881 ROP589879:ROP589881 RYL589879:RYL589881 SIH589879:SIH589881 SSD589879:SSD589881 TBZ589879:TBZ589881 TLV589879:TLV589881 TVR589879:TVR589881 UFN589879:UFN589881 UPJ589879:UPJ589881 UZF589879:UZF589881 VJB589879:VJB589881 VSX589879:VSX589881 WCT589879:WCT589881 WMP589879:WMP589881 WWL589879:WWL589881 AD655415:AD655417 JZ655415:JZ655417 TV655415:TV655417 ADR655415:ADR655417 ANN655415:ANN655417 AXJ655415:AXJ655417 BHF655415:BHF655417 BRB655415:BRB655417 CAX655415:CAX655417 CKT655415:CKT655417 CUP655415:CUP655417 DEL655415:DEL655417 DOH655415:DOH655417 DYD655415:DYD655417 EHZ655415:EHZ655417 ERV655415:ERV655417 FBR655415:FBR655417 FLN655415:FLN655417 FVJ655415:FVJ655417 GFF655415:GFF655417 GPB655415:GPB655417 GYX655415:GYX655417 HIT655415:HIT655417 HSP655415:HSP655417 ICL655415:ICL655417 IMH655415:IMH655417 IWD655415:IWD655417 JFZ655415:JFZ655417 JPV655415:JPV655417 JZR655415:JZR655417 KJN655415:KJN655417 KTJ655415:KTJ655417 LDF655415:LDF655417 LNB655415:LNB655417 LWX655415:LWX655417 MGT655415:MGT655417 MQP655415:MQP655417 NAL655415:NAL655417 NKH655415:NKH655417 NUD655415:NUD655417 ODZ655415:ODZ655417 ONV655415:ONV655417 OXR655415:OXR655417 PHN655415:PHN655417 PRJ655415:PRJ655417 QBF655415:QBF655417 QLB655415:QLB655417 QUX655415:QUX655417 RET655415:RET655417 ROP655415:ROP655417 RYL655415:RYL655417 SIH655415:SIH655417 SSD655415:SSD655417 TBZ655415:TBZ655417 TLV655415:TLV655417 TVR655415:TVR655417 UFN655415:UFN655417 UPJ655415:UPJ655417 UZF655415:UZF655417 VJB655415:VJB655417 VSX655415:VSX655417 WCT655415:WCT655417 WMP655415:WMP655417 WWL655415:WWL655417 AD720951:AD720953 JZ720951:JZ720953 TV720951:TV720953 ADR720951:ADR720953 ANN720951:ANN720953 AXJ720951:AXJ720953 BHF720951:BHF720953 BRB720951:BRB720953 CAX720951:CAX720953 CKT720951:CKT720953 CUP720951:CUP720953 DEL720951:DEL720953 DOH720951:DOH720953 DYD720951:DYD720953 EHZ720951:EHZ720953 ERV720951:ERV720953 FBR720951:FBR720953 FLN720951:FLN720953 FVJ720951:FVJ720953 GFF720951:GFF720953 GPB720951:GPB720953 GYX720951:GYX720953 HIT720951:HIT720953 HSP720951:HSP720953 ICL720951:ICL720953 IMH720951:IMH720953 IWD720951:IWD720953 JFZ720951:JFZ720953 JPV720951:JPV720953 JZR720951:JZR720953 KJN720951:KJN720953 KTJ720951:KTJ720953 LDF720951:LDF720953 LNB720951:LNB720953 LWX720951:LWX720953 MGT720951:MGT720953 MQP720951:MQP720953 NAL720951:NAL720953 NKH720951:NKH720953 NUD720951:NUD720953 ODZ720951:ODZ720953 ONV720951:ONV720953 OXR720951:OXR720953 PHN720951:PHN720953 PRJ720951:PRJ720953 QBF720951:QBF720953 QLB720951:QLB720953 QUX720951:QUX720953 RET720951:RET720953 ROP720951:ROP720953 RYL720951:RYL720953 SIH720951:SIH720953 SSD720951:SSD720953 TBZ720951:TBZ720953 TLV720951:TLV720953 TVR720951:TVR720953 UFN720951:UFN720953 UPJ720951:UPJ720953 UZF720951:UZF720953 VJB720951:VJB720953 VSX720951:VSX720953 WCT720951:WCT720953 WMP720951:WMP720953 WWL720951:WWL720953 AD786487:AD786489 JZ786487:JZ786489 TV786487:TV786489 ADR786487:ADR786489 ANN786487:ANN786489 AXJ786487:AXJ786489 BHF786487:BHF786489 BRB786487:BRB786489 CAX786487:CAX786489 CKT786487:CKT786489 CUP786487:CUP786489 DEL786487:DEL786489 DOH786487:DOH786489 DYD786487:DYD786489 EHZ786487:EHZ786489 ERV786487:ERV786489 FBR786487:FBR786489 FLN786487:FLN786489 FVJ786487:FVJ786489 GFF786487:GFF786489 GPB786487:GPB786489 GYX786487:GYX786489 HIT786487:HIT786489 HSP786487:HSP786489 ICL786487:ICL786489 IMH786487:IMH786489 IWD786487:IWD786489 JFZ786487:JFZ786489 JPV786487:JPV786489 JZR786487:JZR786489 KJN786487:KJN786489 KTJ786487:KTJ786489 LDF786487:LDF786489 LNB786487:LNB786489 LWX786487:LWX786489 MGT786487:MGT786489 MQP786487:MQP786489 NAL786487:NAL786489 NKH786487:NKH786489 NUD786487:NUD786489 ODZ786487:ODZ786489 ONV786487:ONV786489 OXR786487:OXR786489 PHN786487:PHN786489 PRJ786487:PRJ786489 QBF786487:QBF786489 QLB786487:QLB786489 QUX786487:QUX786489 RET786487:RET786489 ROP786487:ROP786489 RYL786487:RYL786489 SIH786487:SIH786489 SSD786487:SSD786489 TBZ786487:TBZ786489 TLV786487:TLV786489 TVR786487:TVR786489 UFN786487:UFN786489 UPJ786487:UPJ786489 UZF786487:UZF786489 VJB786487:VJB786489 VSX786487:VSX786489 WCT786487:WCT786489 WMP786487:WMP786489 WWL786487:WWL786489 AD852023:AD852025 JZ852023:JZ852025 TV852023:TV852025 ADR852023:ADR852025 ANN852023:ANN852025 AXJ852023:AXJ852025 BHF852023:BHF852025 BRB852023:BRB852025 CAX852023:CAX852025 CKT852023:CKT852025 CUP852023:CUP852025 DEL852023:DEL852025 DOH852023:DOH852025 DYD852023:DYD852025 EHZ852023:EHZ852025 ERV852023:ERV852025 FBR852023:FBR852025 FLN852023:FLN852025 FVJ852023:FVJ852025 GFF852023:GFF852025 GPB852023:GPB852025 GYX852023:GYX852025 HIT852023:HIT852025 HSP852023:HSP852025 ICL852023:ICL852025 IMH852023:IMH852025 IWD852023:IWD852025 JFZ852023:JFZ852025 JPV852023:JPV852025 JZR852023:JZR852025 KJN852023:KJN852025 KTJ852023:KTJ852025 LDF852023:LDF852025 LNB852023:LNB852025 LWX852023:LWX852025 MGT852023:MGT852025 MQP852023:MQP852025 NAL852023:NAL852025 NKH852023:NKH852025 NUD852023:NUD852025 ODZ852023:ODZ852025 ONV852023:ONV852025 OXR852023:OXR852025 PHN852023:PHN852025 PRJ852023:PRJ852025 QBF852023:QBF852025 QLB852023:QLB852025 QUX852023:QUX852025 RET852023:RET852025 ROP852023:ROP852025 RYL852023:RYL852025 SIH852023:SIH852025 SSD852023:SSD852025 TBZ852023:TBZ852025 TLV852023:TLV852025 TVR852023:TVR852025 UFN852023:UFN852025 UPJ852023:UPJ852025 UZF852023:UZF852025 VJB852023:VJB852025 VSX852023:VSX852025 WCT852023:WCT852025 WMP852023:WMP852025 WWL852023:WWL852025 AD917559:AD917561 JZ917559:JZ917561 TV917559:TV917561 ADR917559:ADR917561 ANN917559:ANN917561 AXJ917559:AXJ917561 BHF917559:BHF917561 BRB917559:BRB917561 CAX917559:CAX917561 CKT917559:CKT917561 CUP917559:CUP917561 DEL917559:DEL917561 DOH917559:DOH917561 DYD917559:DYD917561 EHZ917559:EHZ917561 ERV917559:ERV917561 FBR917559:FBR917561 FLN917559:FLN917561 FVJ917559:FVJ917561 GFF917559:GFF917561 GPB917559:GPB917561 GYX917559:GYX917561 HIT917559:HIT917561 HSP917559:HSP917561 ICL917559:ICL917561 IMH917559:IMH917561 IWD917559:IWD917561 JFZ917559:JFZ917561 JPV917559:JPV917561 JZR917559:JZR917561 KJN917559:KJN917561 KTJ917559:KTJ917561 LDF917559:LDF917561 LNB917559:LNB917561 LWX917559:LWX917561 MGT917559:MGT917561 MQP917559:MQP917561 NAL917559:NAL917561 NKH917559:NKH917561 NUD917559:NUD917561 ODZ917559:ODZ917561 ONV917559:ONV917561 OXR917559:OXR917561 PHN917559:PHN917561 PRJ917559:PRJ917561 QBF917559:QBF917561 QLB917559:QLB917561 QUX917559:QUX917561 RET917559:RET917561 ROP917559:ROP917561 RYL917559:RYL917561 SIH917559:SIH917561 SSD917559:SSD917561 TBZ917559:TBZ917561 TLV917559:TLV917561 TVR917559:TVR917561 UFN917559:UFN917561 UPJ917559:UPJ917561 UZF917559:UZF917561 VJB917559:VJB917561 VSX917559:VSX917561 WCT917559:WCT917561 WMP917559:WMP917561 WWL917559:WWL917561 AD983095:AD983097 JZ983095:JZ983097 TV983095:TV983097 ADR983095:ADR983097 ANN983095:ANN983097 AXJ983095:AXJ983097 BHF983095:BHF983097 BRB983095:BRB983097 CAX983095:CAX983097 CKT983095:CKT983097 CUP983095:CUP983097 DEL983095:DEL983097 DOH983095:DOH983097 DYD983095:DYD983097 EHZ983095:EHZ983097 ERV983095:ERV983097 FBR983095:FBR983097 FLN983095:FLN983097 FVJ983095:FVJ983097 GFF983095:GFF983097 GPB983095:GPB983097 GYX983095:GYX983097 HIT983095:HIT983097 HSP983095:HSP983097 ICL983095:ICL983097 IMH983095:IMH983097 IWD983095:IWD983097 JFZ983095:JFZ983097 JPV983095:JPV983097 JZR983095:JZR983097 KJN983095:KJN983097 KTJ983095:KTJ983097 LDF983095:LDF983097 LNB983095:LNB983097 LWX983095:LWX983097 MGT983095:MGT983097 MQP983095:MQP983097 NAL983095:NAL983097 NKH983095:NKH983097 NUD983095:NUD983097 ODZ983095:ODZ983097 ONV983095:ONV983097 OXR983095:OXR983097 PHN983095:PHN983097 PRJ983095:PRJ983097 QBF983095:QBF983097 QLB983095:QLB983097 QUX983095:QUX983097 RET983095:RET983097 ROP983095:ROP983097 RYL983095:RYL983097 SIH983095:SIH983097 SSD983095:SSD983097 TBZ983095:TBZ983097 TLV983095:TLV983097 TVR983095:TVR983097 UFN983095:UFN983097 UPJ983095:UPJ983097 UZF983095:UZF983097 VJB983095:VJB983097 VSX983095:VSX983097 WCT983095:WCT983097 WMP983095:WMP983097 WWL983095:WWL983097 AD60:AD62 JZ60:JZ62 TV60:TV62 ADR60:ADR62 ANN60:ANN62 AXJ60:AXJ62 BHF60:BHF62 BRB60:BRB62 CAX60:CAX62 CKT60:CKT62 CUP60:CUP62 DEL60:DEL62 DOH60:DOH62 DYD60:DYD62 EHZ60:EHZ62 ERV60:ERV62 FBR60:FBR62 FLN60:FLN62 FVJ60:FVJ62 GFF60:GFF62 GPB60:GPB62 GYX60:GYX62 HIT60:HIT62 HSP60:HSP62 ICL60:ICL62 IMH60:IMH62 IWD60:IWD62 JFZ60:JFZ62 JPV60:JPV62 JZR60:JZR62 KJN60:KJN62 KTJ60:KTJ62 LDF60:LDF62 LNB60:LNB62 LWX60:LWX62 MGT60:MGT62 MQP60:MQP62 NAL60:NAL62 NKH60:NKH62 NUD60:NUD62 ODZ60:ODZ62 ONV60:ONV62 OXR60:OXR62 PHN60:PHN62 PRJ60:PRJ62 QBF60:QBF62 QLB60:QLB62 QUX60:QUX62 RET60:RET62 ROP60:ROP62 RYL60:RYL62 SIH60:SIH62 SSD60:SSD62 TBZ60:TBZ62 TLV60:TLV62 TVR60:TVR62 UFN60:UFN62 UPJ60:UPJ62 UZF60:UZF62 VJB60:VJB62 VSX60:VSX62 WCT60:WCT62 WMP60:WMP62 WWL60:WWL62 AD65596:AD65598 JZ65596:JZ65598 TV65596:TV65598 ADR65596:ADR65598 ANN65596:ANN65598 AXJ65596:AXJ65598 BHF65596:BHF65598 BRB65596:BRB65598 CAX65596:CAX65598 CKT65596:CKT65598 CUP65596:CUP65598 DEL65596:DEL65598 DOH65596:DOH65598 DYD65596:DYD65598 EHZ65596:EHZ65598 ERV65596:ERV65598 FBR65596:FBR65598 FLN65596:FLN65598 FVJ65596:FVJ65598 GFF65596:GFF65598 GPB65596:GPB65598 GYX65596:GYX65598 HIT65596:HIT65598 HSP65596:HSP65598 ICL65596:ICL65598 IMH65596:IMH65598 IWD65596:IWD65598 JFZ65596:JFZ65598 JPV65596:JPV65598 JZR65596:JZR65598 KJN65596:KJN65598 KTJ65596:KTJ65598 LDF65596:LDF65598 LNB65596:LNB65598 LWX65596:LWX65598 MGT65596:MGT65598 MQP65596:MQP65598 NAL65596:NAL65598 NKH65596:NKH65598 NUD65596:NUD65598 ODZ65596:ODZ65598 ONV65596:ONV65598 OXR65596:OXR65598 PHN65596:PHN65598 PRJ65596:PRJ65598 QBF65596:QBF65598 QLB65596:QLB65598 QUX65596:QUX65598 RET65596:RET65598 ROP65596:ROP65598 RYL65596:RYL65598 SIH65596:SIH65598 SSD65596:SSD65598 TBZ65596:TBZ65598 TLV65596:TLV65598 TVR65596:TVR65598 UFN65596:UFN65598 UPJ65596:UPJ65598 UZF65596:UZF65598 VJB65596:VJB65598 VSX65596:VSX65598 WCT65596:WCT65598 WMP65596:WMP65598 WWL65596:WWL65598 AD131132:AD131134 JZ131132:JZ131134 TV131132:TV131134 ADR131132:ADR131134 ANN131132:ANN131134 AXJ131132:AXJ131134 BHF131132:BHF131134 BRB131132:BRB131134 CAX131132:CAX131134 CKT131132:CKT131134 CUP131132:CUP131134 DEL131132:DEL131134 DOH131132:DOH131134 DYD131132:DYD131134 EHZ131132:EHZ131134 ERV131132:ERV131134 FBR131132:FBR131134 FLN131132:FLN131134 FVJ131132:FVJ131134 GFF131132:GFF131134 GPB131132:GPB131134 GYX131132:GYX131134 HIT131132:HIT131134 HSP131132:HSP131134 ICL131132:ICL131134 IMH131132:IMH131134 IWD131132:IWD131134 JFZ131132:JFZ131134 JPV131132:JPV131134 JZR131132:JZR131134 KJN131132:KJN131134 KTJ131132:KTJ131134 LDF131132:LDF131134 LNB131132:LNB131134 LWX131132:LWX131134 MGT131132:MGT131134 MQP131132:MQP131134 NAL131132:NAL131134 NKH131132:NKH131134 NUD131132:NUD131134 ODZ131132:ODZ131134 ONV131132:ONV131134 OXR131132:OXR131134 PHN131132:PHN131134 PRJ131132:PRJ131134 QBF131132:QBF131134 QLB131132:QLB131134 QUX131132:QUX131134 RET131132:RET131134 ROP131132:ROP131134 RYL131132:RYL131134 SIH131132:SIH131134 SSD131132:SSD131134 TBZ131132:TBZ131134 TLV131132:TLV131134 TVR131132:TVR131134 UFN131132:UFN131134 UPJ131132:UPJ131134 UZF131132:UZF131134 VJB131132:VJB131134 VSX131132:VSX131134 WCT131132:WCT131134 WMP131132:WMP131134 WWL131132:WWL131134 AD196668:AD196670 JZ196668:JZ196670 TV196668:TV196670 ADR196668:ADR196670 ANN196668:ANN196670 AXJ196668:AXJ196670 BHF196668:BHF196670 BRB196668:BRB196670 CAX196668:CAX196670 CKT196668:CKT196670 CUP196668:CUP196670 DEL196668:DEL196670 DOH196668:DOH196670 DYD196668:DYD196670 EHZ196668:EHZ196670 ERV196668:ERV196670 FBR196668:FBR196670 FLN196668:FLN196670 FVJ196668:FVJ196670 GFF196668:GFF196670 GPB196668:GPB196670 GYX196668:GYX196670 HIT196668:HIT196670 HSP196668:HSP196670 ICL196668:ICL196670 IMH196668:IMH196670 IWD196668:IWD196670 JFZ196668:JFZ196670 JPV196668:JPV196670 JZR196668:JZR196670 KJN196668:KJN196670 KTJ196668:KTJ196670 LDF196668:LDF196670 LNB196668:LNB196670 LWX196668:LWX196670 MGT196668:MGT196670 MQP196668:MQP196670 NAL196668:NAL196670 NKH196668:NKH196670 NUD196668:NUD196670 ODZ196668:ODZ196670 ONV196668:ONV196670 OXR196668:OXR196670 PHN196668:PHN196670 PRJ196668:PRJ196670 QBF196668:QBF196670 QLB196668:QLB196670 QUX196668:QUX196670 RET196668:RET196670 ROP196668:ROP196670 RYL196668:RYL196670 SIH196668:SIH196670 SSD196668:SSD196670 TBZ196668:TBZ196670 TLV196668:TLV196670 TVR196668:TVR196670 UFN196668:UFN196670 UPJ196668:UPJ196670 UZF196668:UZF196670 VJB196668:VJB196670 VSX196668:VSX196670 WCT196668:WCT196670 WMP196668:WMP196670 WWL196668:WWL196670 AD262204:AD262206 JZ262204:JZ262206 TV262204:TV262206 ADR262204:ADR262206 ANN262204:ANN262206 AXJ262204:AXJ262206 BHF262204:BHF262206 BRB262204:BRB262206 CAX262204:CAX262206 CKT262204:CKT262206 CUP262204:CUP262206 DEL262204:DEL262206 DOH262204:DOH262206 DYD262204:DYD262206 EHZ262204:EHZ262206 ERV262204:ERV262206 FBR262204:FBR262206 FLN262204:FLN262206 FVJ262204:FVJ262206 GFF262204:GFF262206 GPB262204:GPB262206 GYX262204:GYX262206 HIT262204:HIT262206 HSP262204:HSP262206 ICL262204:ICL262206 IMH262204:IMH262206 IWD262204:IWD262206 JFZ262204:JFZ262206 JPV262204:JPV262206 JZR262204:JZR262206 KJN262204:KJN262206 KTJ262204:KTJ262206 LDF262204:LDF262206 LNB262204:LNB262206 LWX262204:LWX262206 MGT262204:MGT262206 MQP262204:MQP262206 NAL262204:NAL262206 NKH262204:NKH262206 NUD262204:NUD262206 ODZ262204:ODZ262206 ONV262204:ONV262206 OXR262204:OXR262206 PHN262204:PHN262206 PRJ262204:PRJ262206 QBF262204:QBF262206 QLB262204:QLB262206 QUX262204:QUX262206 RET262204:RET262206 ROP262204:ROP262206 RYL262204:RYL262206 SIH262204:SIH262206 SSD262204:SSD262206 TBZ262204:TBZ262206 TLV262204:TLV262206 TVR262204:TVR262206 UFN262204:UFN262206 UPJ262204:UPJ262206 UZF262204:UZF262206 VJB262204:VJB262206 VSX262204:VSX262206 WCT262204:WCT262206 WMP262204:WMP262206 WWL262204:WWL262206 AD327740:AD327742 JZ327740:JZ327742 TV327740:TV327742 ADR327740:ADR327742 ANN327740:ANN327742 AXJ327740:AXJ327742 BHF327740:BHF327742 BRB327740:BRB327742 CAX327740:CAX327742 CKT327740:CKT327742 CUP327740:CUP327742 DEL327740:DEL327742 DOH327740:DOH327742 DYD327740:DYD327742 EHZ327740:EHZ327742 ERV327740:ERV327742 FBR327740:FBR327742 FLN327740:FLN327742 FVJ327740:FVJ327742 GFF327740:GFF327742 GPB327740:GPB327742 GYX327740:GYX327742 HIT327740:HIT327742 HSP327740:HSP327742 ICL327740:ICL327742 IMH327740:IMH327742 IWD327740:IWD327742 JFZ327740:JFZ327742 JPV327740:JPV327742 JZR327740:JZR327742 KJN327740:KJN327742 KTJ327740:KTJ327742 LDF327740:LDF327742 LNB327740:LNB327742 LWX327740:LWX327742 MGT327740:MGT327742 MQP327740:MQP327742 NAL327740:NAL327742 NKH327740:NKH327742 NUD327740:NUD327742 ODZ327740:ODZ327742 ONV327740:ONV327742 OXR327740:OXR327742 PHN327740:PHN327742 PRJ327740:PRJ327742 QBF327740:QBF327742 QLB327740:QLB327742 QUX327740:QUX327742 RET327740:RET327742 ROP327740:ROP327742 RYL327740:RYL327742 SIH327740:SIH327742 SSD327740:SSD327742 TBZ327740:TBZ327742 TLV327740:TLV327742 TVR327740:TVR327742 UFN327740:UFN327742 UPJ327740:UPJ327742 UZF327740:UZF327742 VJB327740:VJB327742 VSX327740:VSX327742 WCT327740:WCT327742 WMP327740:WMP327742 WWL327740:WWL327742 AD393276:AD393278 JZ393276:JZ393278 TV393276:TV393278 ADR393276:ADR393278 ANN393276:ANN393278 AXJ393276:AXJ393278 BHF393276:BHF393278 BRB393276:BRB393278 CAX393276:CAX393278 CKT393276:CKT393278 CUP393276:CUP393278 DEL393276:DEL393278 DOH393276:DOH393278 DYD393276:DYD393278 EHZ393276:EHZ393278 ERV393276:ERV393278 FBR393276:FBR393278 FLN393276:FLN393278 FVJ393276:FVJ393278 GFF393276:GFF393278 GPB393276:GPB393278 GYX393276:GYX393278 HIT393276:HIT393278 HSP393276:HSP393278 ICL393276:ICL393278 IMH393276:IMH393278 IWD393276:IWD393278 JFZ393276:JFZ393278 JPV393276:JPV393278 JZR393276:JZR393278 KJN393276:KJN393278 KTJ393276:KTJ393278 LDF393276:LDF393278 LNB393276:LNB393278 LWX393276:LWX393278 MGT393276:MGT393278 MQP393276:MQP393278 NAL393276:NAL393278 NKH393276:NKH393278 NUD393276:NUD393278 ODZ393276:ODZ393278 ONV393276:ONV393278 OXR393276:OXR393278 PHN393276:PHN393278 PRJ393276:PRJ393278 QBF393276:QBF393278 QLB393276:QLB393278 QUX393276:QUX393278 RET393276:RET393278 ROP393276:ROP393278 RYL393276:RYL393278 SIH393276:SIH393278 SSD393276:SSD393278 TBZ393276:TBZ393278 TLV393276:TLV393278 TVR393276:TVR393278 UFN393276:UFN393278 UPJ393276:UPJ393278 UZF393276:UZF393278 VJB393276:VJB393278 VSX393276:VSX393278 WCT393276:WCT393278 WMP393276:WMP393278 WWL393276:WWL393278 AD458812:AD458814 JZ458812:JZ458814 TV458812:TV458814 ADR458812:ADR458814 ANN458812:ANN458814 AXJ458812:AXJ458814 BHF458812:BHF458814 BRB458812:BRB458814 CAX458812:CAX458814 CKT458812:CKT458814 CUP458812:CUP458814 DEL458812:DEL458814 DOH458812:DOH458814 DYD458812:DYD458814 EHZ458812:EHZ458814 ERV458812:ERV458814 FBR458812:FBR458814 FLN458812:FLN458814 FVJ458812:FVJ458814 GFF458812:GFF458814 GPB458812:GPB458814 GYX458812:GYX458814 HIT458812:HIT458814 HSP458812:HSP458814 ICL458812:ICL458814 IMH458812:IMH458814 IWD458812:IWD458814 JFZ458812:JFZ458814 JPV458812:JPV458814 JZR458812:JZR458814 KJN458812:KJN458814 KTJ458812:KTJ458814 LDF458812:LDF458814 LNB458812:LNB458814 LWX458812:LWX458814 MGT458812:MGT458814 MQP458812:MQP458814 NAL458812:NAL458814 NKH458812:NKH458814 NUD458812:NUD458814 ODZ458812:ODZ458814 ONV458812:ONV458814 OXR458812:OXR458814 PHN458812:PHN458814 PRJ458812:PRJ458814 QBF458812:QBF458814 QLB458812:QLB458814 QUX458812:QUX458814 RET458812:RET458814 ROP458812:ROP458814 RYL458812:RYL458814 SIH458812:SIH458814 SSD458812:SSD458814 TBZ458812:TBZ458814 TLV458812:TLV458814 TVR458812:TVR458814 UFN458812:UFN458814 UPJ458812:UPJ458814 UZF458812:UZF458814 VJB458812:VJB458814 VSX458812:VSX458814 WCT458812:WCT458814 WMP458812:WMP458814 WWL458812:WWL458814 AD524348:AD524350 JZ524348:JZ524350 TV524348:TV524350 ADR524348:ADR524350 ANN524348:ANN524350 AXJ524348:AXJ524350 BHF524348:BHF524350 BRB524348:BRB524350 CAX524348:CAX524350 CKT524348:CKT524350 CUP524348:CUP524350 DEL524348:DEL524350 DOH524348:DOH524350 DYD524348:DYD524350 EHZ524348:EHZ524350 ERV524348:ERV524350 FBR524348:FBR524350 FLN524348:FLN524350 FVJ524348:FVJ524350 GFF524348:GFF524350 GPB524348:GPB524350 GYX524348:GYX524350 HIT524348:HIT524350 HSP524348:HSP524350 ICL524348:ICL524350 IMH524348:IMH524350 IWD524348:IWD524350 JFZ524348:JFZ524350 JPV524348:JPV524350 JZR524348:JZR524350 KJN524348:KJN524350 KTJ524348:KTJ524350 LDF524348:LDF524350 LNB524348:LNB524350 LWX524348:LWX524350 MGT524348:MGT524350 MQP524348:MQP524350 NAL524348:NAL524350 NKH524348:NKH524350 NUD524348:NUD524350 ODZ524348:ODZ524350 ONV524348:ONV524350 OXR524348:OXR524350 PHN524348:PHN524350 PRJ524348:PRJ524350 QBF524348:QBF524350 QLB524348:QLB524350 QUX524348:QUX524350 RET524348:RET524350 ROP524348:ROP524350 RYL524348:RYL524350 SIH524348:SIH524350 SSD524348:SSD524350 TBZ524348:TBZ524350 TLV524348:TLV524350 TVR524348:TVR524350 UFN524348:UFN524350 UPJ524348:UPJ524350 UZF524348:UZF524350 VJB524348:VJB524350 VSX524348:VSX524350 WCT524348:WCT524350 WMP524348:WMP524350 WWL524348:WWL524350 AD589884:AD589886 JZ589884:JZ589886 TV589884:TV589886 ADR589884:ADR589886 ANN589884:ANN589886 AXJ589884:AXJ589886 BHF589884:BHF589886 BRB589884:BRB589886 CAX589884:CAX589886 CKT589884:CKT589886 CUP589884:CUP589886 DEL589884:DEL589886 DOH589884:DOH589886 DYD589884:DYD589886 EHZ589884:EHZ589886 ERV589884:ERV589886 FBR589884:FBR589886 FLN589884:FLN589886 FVJ589884:FVJ589886 GFF589884:GFF589886 GPB589884:GPB589886 GYX589884:GYX589886 HIT589884:HIT589886 HSP589884:HSP589886 ICL589884:ICL589886 IMH589884:IMH589886 IWD589884:IWD589886 JFZ589884:JFZ589886 JPV589884:JPV589886 JZR589884:JZR589886 KJN589884:KJN589886 KTJ589884:KTJ589886 LDF589884:LDF589886 LNB589884:LNB589886 LWX589884:LWX589886 MGT589884:MGT589886 MQP589884:MQP589886 NAL589884:NAL589886 NKH589884:NKH589886 NUD589884:NUD589886 ODZ589884:ODZ589886 ONV589884:ONV589886 OXR589884:OXR589886 PHN589884:PHN589886 PRJ589884:PRJ589886 QBF589884:QBF589886 QLB589884:QLB589886 QUX589884:QUX589886 RET589884:RET589886 ROP589884:ROP589886 RYL589884:RYL589886 SIH589884:SIH589886 SSD589884:SSD589886 TBZ589884:TBZ589886 TLV589884:TLV589886 TVR589884:TVR589886 UFN589884:UFN589886 UPJ589884:UPJ589886 UZF589884:UZF589886 VJB589884:VJB589886 VSX589884:VSX589886 WCT589884:WCT589886 WMP589884:WMP589886 WWL589884:WWL589886 AD655420:AD655422 JZ655420:JZ655422 TV655420:TV655422 ADR655420:ADR655422 ANN655420:ANN655422 AXJ655420:AXJ655422 BHF655420:BHF655422 BRB655420:BRB655422 CAX655420:CAX655422 CKT655420:CKT655422 CUP655420:CUP655422 DEL655420:DEL655422 DOH655420:DOH655422 DYD655420:DYD655422 EHZ655420:EHZ655422 ERV655420:ERV655422 FBR655420:FBR655422 FLN655420:FLN655422 FVJ655420:FVJ655422 GFF655420:GFF655422 GPB655420:GPB655422 GYX655420:GYX655422 HIT655420:HIT655422 HSP655420:HSP655422 ICL655420:ICL655422 IMH655420:IMH655422 IWD655420:IWD655422 JFZ655420:JFZ655422 JPV655420:JPV655422 JZR655420:JZR655422 KJN655420:KJN655422 KTJ655420:KTJ655422 LDF655420:LDF655422 LNB655420:LNB655422 LWX655420:LWX655422 MGT655420:MGT655422 MQP655420:MQP655422 NAL655420:NAL655422 NKH655420:NKH655422 NUD655420:NUD655422 ODZ655420:ODZ655422 ONV655420:ONV655422 OXR655420:OXR655422 PHN655420:PHN655422 PRJ655420:PRJ655422 QBF655420:QBF655422 QLB655420:QLB655422 QUX655420:QUX655422 RET655420:RET655422 ROP655420:ROP655422 RYL655420:RYL655422 SIH655420:SIH655422 SSD655420:SSD655422 TBZ655420:TBZ655422 TLV655420:TLV655422 TVR655420:TVR655422 UFN655420:UFN655422 UPJ655420:UPJ655422 UZF655420:UZF655422 VJB655420:VJB655422 VSX655420:VSX655422 WCT655420:WCT655422 WMP655420:WMP655422 WWL655420:WWL655422 AD720956:AD720958 JZ720956:JZ720958 TV720956:TV720958 ADR720956:ADR720958 ANN720956:ANN720958 AXJ720956:AXJ720958 BHF720956:BHF720958 BRB720956:BRB720958 CAX720956:CAX720958 CKT720956:CKT720958 CUP720956:CUP720958 DEL720956:DEL720958 DOH720956:DOH720958 DYD720956:DYD720958 EHZ720956:EHZ720958 ERV720956:ERV720958 FBR720956:FBR720958 FLN720956:FLN720958 FVJ720956:FVJ720958 GFF720956:GFF720958 GPB720956:GPB720958 GYX720956:GYX720958 HIT720956:HIT720958 HSP720956:HSP720958 ICL720956:ICL720958 IMH720956:IMH720958 IWD720956:IWD720958 JFZ720956:JFZ720958 JPV720956:JPV720958 JZR720956:JZR720958 KJN720956:KJN720958 KTJ720956:KTJ720958 LDF720956:LDF720958 LNB720956:LNB720958 LWX720956:LWX720958 MGT720956:MGT720958 MQP720956:MQP720958 NAL720956:NAL720958 NKH720956:NKH720958 NUD720956:NUD720958 ODZ720956:ODZ720958 ONV720956:ONV720958 OXR720956:OXR720958 PHN720956:PHN720958 PRJ720956:PRJ720958 QBF720956:QBF720958 QLB720956:QLB720958 QUX720956:QUX720958 RET720956:RET720958 ROP720956:ROP720958 RYL720956:RYL720958 SIH720956:SIH720958 SSD720956:SSD720958 TBZ720956:TBZ720958 TLV720956:TLV720958 TVR720956:TVR720958 UFN720956:UFN720958 UPJ720956:UPJ720958 UZF720956:UZF720958 VJB720956:VJB720958 VSX720956:VSX720958 WCT720956:WCT720958 WMP720956:WMP720958 WWL720956:WWL720958 AD786492:AD786494 JZ786492:JZ786494 TV786492:TV786494 ADR786492:ADR786494 ANN786492:ANN786494 AXJ786492:AXJ786494 BHF786492:BHF786494 BRB786492:BRB786494 CAX786492:CAX786494 CKT786492:CKT786494 CUP786492:CUP786494 DEL786492:DEL786494 DOH786492:DOH786494 DYD786492:DYD786494 EHZ786492:EHZ786494 ERV786492:ERV786494 FBR786492:FBR786494 FLN786492:FLN786494 FVJ786492:FVJ786494 GFF786492:GFF786494 GPB786492:GPB786494 GYX786492:GYX786494 HIT786492:HIT786494 HSP786492:HSP786494 ICL786492:ICL786494 IMH786492:IMH786494 IWD786492:IWD786494 JFZ786492:JFZ786494 JPV786492:JPV786494 JZR786492:JZR786494 KJN786492:KJN786494 KTJ786492:KTJ786494 LDF786492:LDF786494 LNB786492:LNB786494 LWX786492:LWX786494 MGT786492:MGT786494 MQP786492:MQP786494 NAL786492:NAL786494 NKH786492:NKH786494 NUD786492:NUD786494 ODZ786492:ODZ786494 ONV786492:ONV786494 OXR786492:OXR786494 PHN786492:PHN786494 PRJ786492:PRJ786494 QBF786492:QBF786494 QLB786492:QLB786494 QUX786492:QUX786494 RET786492:RET786494 ROP786492:ROP786494 RYL786492:RYL786494 SIH786492:SIH786494 SSD786492:SSD786494 TBZ786492:TBZ786494 TLV786492:TLV786494 TVR786492:TVR786494 UFN786492:UFN786494 UPJ786492:UPJ786494 UZF786492:UZF786494 VJB786492:VJB786494 VSX786492:VSX786494 WCT786492:WCT786494 WMP786492:WMP786494 WWL786492:WWL786494 AD852028:AD852030 JZ852028:JZ852030 TV852028:TV852030 ADR852028:ADR852030 ANN852028:ANN852030 AXJ852028:AXJ852030 BHF852028:BHF852030 BRB852028:BRB852030 CAX852028:CAX852030 CKT852028:CKT852030 CUP852028:CUP852030 DEL852028:DEL852030 DOH852028:DOH852030 DYD852028:DYD852030 EHZ852028:EHZ852030 ERV852028:ERV852030 FBR852028:FBR852030 FLN852028:FLN852030 FVJ852028:FVJ852030 GFF852028:GFF852030 GPB852028:GPB852030 GYX852028:GYX852030 HIT852028:HIT852030 HSP852028:HSP852030 ICL852028:ICL852030 IMH852028:IMH852030 IWD852028:IWD852030 JFZ852028:JFZ852030 JPV852028:JPV852030 JZR852028:JZR852030 KJN852028:KJN852030 KTJ852028:KTJ852030 LDF852028:LDF852030 LNB852028:LNB852030 LWX852028:LWX852030 MGT852028:MGT852030 MQP852028:MQP852030 NAL852028:NAL852030 NKH852028:NKH852030 NUD852028:NUD852030 ODZ852028:ODZ852030 ONV852028:ONV852030 OXR852028:OXR852030 PHN852028:PHN852030 PRJ852028:PRJ852030 QBF852028:QBF852030 QLB852028:QLB852030 QUX852028:QUX852030 RET852028:RET852030 ROP852028:ROP852030 RYL852028:RYL852030 SIH852028:SIH852030 SSD852028:SSD852030 TBZ852028:TBZ852030 TLV852028:TLV852030 TVR852028:TVR852030 UFN852028:UFN852030 UPJ852028:UPJ852030 UZF852028:UZF852030 VJB852028:VJB852030 VSX852028:VSX852030 WCT852028:WCT852030 WMP852028:WMP852030 WWL852028:WWL852030 AD917564:AD917566 JZ917564:JZ917566 TV917564:TV917566 ADR917564:ADR917566 ANN917564:ANN917566 AXJ917564:AXJ917566 BHF917564:BHF917566 BRB917564:BRB917566 CAX917564:CAX917566 CKT917564:CKT917566 CUP917564:CUP917566 DEL917564:DEL917566 DOH917564:DOH917566 DYD917564:DYD917566 EHZ917564:EHZ917566 ERV917564:ERV917566 FBR917564:FBR917566 FLN917564:FLN917566 FVJ917564:FVJ917566 GFF917564:GFF917566 GPB917564:GPB917566 GYX917564:GYX917566 HIT917564:HIT917566 HSP917564:HSP917566 ICL917564:ICL917566 IMH917564:IMH917566 IWD917564:IWD917566 JFZ917564:JFZ917566 JPV917564:JPV917566 JZR917564:JZR917566 KJN917564:KJN917566 KTJ917564:KTJ917566 LDF917564:LDF917566 LNB917564:LNB917566 LWX917564:LWX917566 MGT917564:MGT917566 MQP917564:MQP917566 NAL917564:NAL917566 NKH917564:NKH917566 NUD917564:NUD917566 ODZ917564:ODZ917566 ONV917564:ONV917566 OXR917564:OXR917566 PHN917564:PHN917566 PRJ917564:PRJ917566 QBF917564:QBF917566 QLB917564:QLB917566 QUX917564:QUX917566 RET917564:RET917566 ROP917564:ROP917566 RYL917564:RYL917566 SIH917564:SIH917566 SSD917564:SSD917566 TBZ917564:TBZ917566 TLV917564:TLV917566 TVR917564:TVR917566 UFN917564:UFN917566 UPJ917564:UPJ917566 UZF917564:UZF917566 VJB917564:VJB917566 VSX917564:VSX917566 WCT917564:WCT917566 WMP917564:WMP917566 WWL917564:WWL917566 AD983100:AD983102 JZ983100:JZ983102 TV983100:TV983102 ADR983100:ADR983102 ANN983100:ANN983102 AXJ983100:AXJ983102 BHF983100:BHF983102 BRB983100:BRB983102 CAX983100:CAX983102 CKT983100:CKT983102 CUP983100:CUP983102 DEL983100:DEL983102 DOH983100:DOH983102 DYD983100:DYD983102 EHZ983100:EHZ983102 ERV983100:ERV983102 FBR983100:FBR983102 FLN983100:FLN983102 FVJ983100:FVJ983102 GFF983100:GFF983102 GPB983100:GPB983102 GYX983100:GYX983102 HIT983100:HIT983102 HSP983100:HSP983102 ICL983100:ICL983102 IMH983100:IMH983102 IWD983100:IWD983102 JFZ983100:JFZ983102 JPV983100:JPV983102 JZR983100:JZR983102 KJN983100:KJN983102 KTJ983100:KTJ983102 LDF983100:LDF983102 LNB983100:LNB983102 LWX983100:LWX983102 MGT983100:MGT983102 MQP983100:MQP983102 NAL983100:NAL983102 NKH983100:NKH983102 NUD983100:NUD983102 ODZ983100:ODZ983102 ONV983100:ONV983102 OXR983100:OXR983102 PHN983100:PHN983102 PRJ983100:PRJ983102 QBF983100:QBF983102 QLB983100:QLB983102 QUX983100:QUX983102 RET983100:RET983102 ROP983100:ROP983102 RYL983100:RYL983102 SIH983100:SIH983102 SSD983100:SSD983102 TBZ983100:TBZ983102 TLV983100:TLV983102 TVR983100:TVR983102 UFN983100:UFN983102 UPJ983100:UPJ983102 UZF983100:UZF983102 VJB983100:VJB983102 VSX983100:VSX983102 WCT983100:WCT983102 WMP983100:WMP983102 WWL983100:WWL983102 AD65:AD67 JZ65:JZ67 TV65:TV67 ADR65:ADR67 ANN65:ANN67 AXJ65:AXJ67 BHF65:BHF67 BRB65:BRB67 CAX65:CAX67 CKT65:CKT67 CUP65:CUP67 DEL65:DEL67 DOH65:DOH67 DYD65:DYD67 EHZ65:EHZ67 ERV65:ERV67 FBR65:FBR67 FLN65:FLN67 FVJ65:FVJ67 GFF65:GFF67 GPB65:GPB67 GYX65:GYX67 HIT65:HIT67 HSP65:HSP67 ICL65:ICL67 IMH65:IMH67 IWD65:IWD67 JFZ65:JFZ67 JPV65:JPV67 JZR65:JZR67 KJN65:KJN67 KTJ65:KTJ67 LDF65:LDF67 LNB65:LNB67 LWX65:LWX67 MGT65:MGT67 MQP65:MQP67 NAL65:NAL67 NKH65:NKH67 NUD65:NUD67 ODZ65:ODZ67 ONV65:ONV67 OXR65:OXR67 PHN65:PHN67 PRJ65:PRJ67 QBF65:QBF67 QLB65:QLB67 QUX65:QUX67 RET65:RET67 ROP65:ROP67 RYL65:RYL67 SIH65:SIH67 SSD65:SSD67 TBZ65:TBZ67 TLV65:TLV67 TVR65:TVR67 UFN65:UFN67 UPJ65:UPJ67 UZF65:UZF67 VJB65:VJB67 VSX65:VSX67 WCT65:WCT67 WMP65:WMP67 WWL65:WWL67 AD65601:AD65603 JZ65601:JZ65603 TV65601:TV65603 ADR65601:ADR65603 ANN65601:ANN65603 AXJ65601:AXJ65603 BHF65601:BHF65603 BRB65601:BRB65603 CAX65601:CAX65603 CKT65601:CKT65603 CUP65601:CUP65603 DEL65601:DEL65603 DOH65601:DOH65603 DYD65601:DYD65603 EHZ65601:EHZ65603 ERV65601:ERV65603 FBR65601:FBR65603 FLN65601:FLN65603 FVJ65601:FVJ65603 GFF65601:GFF65603 GPB65601:GPB65603 GYX65601:GYX65603 HIT65601:HIT65603 HSP65601:HSP65603 ICL65601:ICL65603 IMH65601:IMH65603 IWD65601:IWD65603 JFZ65601:JFZ65603 JPV65601:JPV65603 JZR65601:JZR65603 KJN65601:KJN65603 KTJ65601:KTJ65603 LDF65601:LDF65603 LNB65601:LNB65603 LWX65601:LWX65603 MGT65601:MGT65603 MQP65601:MQP65603 NAL65601:NAL65603 NKH65601:NKH65603 NUD65601:NUD65603 ODZ65601:ODZ65603 ONV65601:ONV65603 OXR65601:OXR65603 PHN65601:PHN65603 PRJ65601:PRJ65603 QBF65601:QBF65603 QLB65601:QLB65603 QUX65601:QUX65603 RET65601:RET65603 ROP65601:ROP65603 RYL65601:RYL65603 SIH65601:SIH65603 SSD65601:SSD65603 TBZ65601:TBZ65603 TLV65601:TLV65603 TVR65601:TVR65603 UFN65601:UFN65603 UPJ65601:UPJ65603 UZF65601:UZF65603 VJB65601:VJB65603 VSX65601:VSX65603 WCT65601:WCT65603 WMP65601:WMP65603 WWL65601:WWL65603 AD131137:AD131139 JZ131137:JZ131139 TV131137:TV131139 ADR131137:ADR131139 ANN131137:ANN131139 AXJ131137:AXJ131139 BHF131137:BHF131139 BRB131137:BRB131139 CAX131137:CAX131139 CKT131137:CKT131139 CUP131137:CUP131139 DEL131137:DEL131139 DOH131137:DOH131139 DYD131137:DYD131139 EHZ131137:EHZ131139 ERV131137:ERV131139 FBR131137:FBR131139 FLN131137:FLN131139 FVJ131137:FVJ131139 GFF131137:GFF131139 GPB131137:GPB131139 GYX131137:GYX131139 HIT131137:HIT131139 HSP131137:HSP131139 ICL131137:ICL131139 IMH131137:IMH131139 IWD131137:IWD131139 JFZ131137:JFZ131139 JPV131137:JPV131139 JZR131137:JZR131139 KJN131137:KJN131139 KTJ131137:KTJ131139 LDF131137:LDF131139 LNB131137:LNB131139 LWX131137:LWX131139 MGT131137:MGT131139 MQP131137:MQP131139 NAL131137:NAL131139 NKH131137:NKH131139 NUD131137:NUD131139 ODZ131137:ODZ131139 ONV131137:ONV131139 OXR131137:OXR131139 PHN131137:PHN131139 PRJ131137:PRJ131139 QBF131137:QBF131139 QLB131137:QLB131139 QUX131137:QUX131139 RET131137:RET131139 ROP131137:ROP131139 RYL131137:RYL131139 SIH131137:SIH131139 SSD131137:SSD131139 TBZ131137:TBZ131139 TLV131137:TLV131139 TVR131137:TVR131139 UFN131137:UFN131139 UPJ131137:UPJ131139 UZF131137:UZF131139 VJB131137:VJB131139 VSX131137:VSX131139 WCT131137:WCT131139 WMP131137:WMP131139 WWL131137:WWL131139 AD196673:AD196675 JZ196673:JZ196675 TV196673:TV196675 ADR196673:ADR196675 ANN196673:ANN196675 AXJ196673:AXJ196675 BHF196673:BHF196675 BRB196673:BRB196675 CAX196673:CAX196675 CKT196673:CKT196675 CUP196673:CUP196675 DEL196673:DEL196675 DOH196673:DOH196675 DYD196673:DYD196675 EHZ196673:EHZ196675 ERV196673:ERV196675 FBR196673:FBR196675 FLN196673:FLN196675 FVJ196673:FVJ196675 GFF196673:GFF196675 GPB196673:GPB196675 GYX196673:GYX196675 HIT196673:HIT196675 HSP196673:HSP196675 ICL196673:ICL196675 IMH196673:IMH196675 IWD196673:IWD196675 JFZ196673:JFZ196675 JPV196673:JPV196675 JZR196673:JZR196675 KJN196673:KJN196675 KTJ196673:KTJ196675 LDF196673:LDF196675 LNB196673:LNB196675 LWX196673:LWX196675 MGT196673:MGT196675 MQP196673:MQP196675 NAL196673:NAL196675 NKH196673:NKH196675 NUD196673:NUD196675 ODZ196673:ODZ196675 ONV196673:ONV196675 OXR196673:OXR196675 PHN196673:PHN196675 PRJ196673:PRJ196675 QBF196673:QBF196675 QLB196673:QLB196675 QUX196673:QUX196675 RET196673:RET196675 ROP196673:ROP196675 RYL196673:RYL196675 SIH196673:SIH196675 SSD196673:SSD196675 TBZ196673:TBZ196675 TLV196673:TLV196675 TVR196673:TVR196675 UFN196673:UFN196675 UPJ196673:UPJ196675 UZF196673:UZF196675 VJB196673:VJB196675 VSX196673:VSX196675 WCT196673:WCT196675 WMP196673:WMP196675 WWL196673:WWL196675 AD262209:AD262211 JZ262209:JZ262211 TV262209:TV262211 ADR262209:ADR262211 ANN262209:ANN262211 AXJ262209:AXJ262211 BHF262209:BHF262211 BRB262209:BRB262211 CAX262209:CAX262211 CKT262209:CKT262211 CUP262209:CUP262211 DEL262209:DEL262211 DOH262209:DOH262211 DYD262209:DYD262211 EHZ262209:EHZ262211 ERV262209:ERV262211 FBR262209:FBR262211 FLN262209:FLN262211 FVJ262209:FVJ262211 GFF262209:GFF262211 GPB262209:GPB262211 GYX262209:GYX262211 HIT262209:HIT262211 HSP262209:HSP262211 ICL262209:ICL262211 IMH262209:IMH262211 IWD262209:IWD262211 JFZ262209:JFZ262211 JPV262209:JPV262211 JZR262209:JZR262211 KJN262209:KJN262211 KTJ262209:KTJ262211 LDF262209:LDF262211 LNB262209:LNB262211 LWX262209:LWX262211 MGT262209:MGT262211 MQP262209:MQP262211 NAL262209:NAL262211 NKH262209:NKH262211 NUD262209:NUD262211 ODZ262209:ODZ262211 ONV262209:ONV262211 OXR262209:OXR262211 PHN262209:PHN262211 PRJ262209:PRJ262211 QBF262209:QBF262211 QLB262209:QLB262211 QUX262209:QUX262211 RET262209:RET262211 ROP262209:ROP262211 RYL262209:RYL262211 SIH262209:SIH262211 SSD262209:SSD262211 TBZ262209:TBZ262211 TLV262209:TLV262211 TVR262209:TVR262211 UFN262209:UFN262211 UPJ262209:UPJ262211 UZF262209:UZF262211 VJB262209:VJB262211 VSX262209:VSX262211 WCT262209:WCT262211 WMP262209:WMP262211 WWL262209:WWL262211 AD327745:AD327747 JZ327745:JZ327747 TV327745:TV327747 ADR327745:ADR327747 ANN327745:ANN327747 AXJ327745:AXJ327747 BHF327745:BHF327747 BRB327745:BRB327747 CAX327745:CAX327747 CKT327745:CKT327747 CUP327745:CUP327747 DEL327745:DEL327747 DOH327745:DOH327747 DYD327745:DYD327747 EHZ327745:EHZ327747 ERV327745:ERV327747 FBR327745:FBR327747 FLN327745:FLN327747 FVJ327745:FVJ327747 GFF327745:GFF327747 GPB327745:GPB327747 GYX327745:GYX327747 HIT327745:HIT327747 HSP327745:HSP327747 ICL327745:ICL327747 IMH327745:IMH327747 IWD327745:IWD327747 JFZ327745:JFZ327747 JPV327745:JPV327747 JZR327745:JZR327747 KJN327745:KJN327747 KTJ327745:KTJ327747 LDF327745:LDF327747 LNB327745:LNB327747 LWX327745:LWX327747 MGT327745:MGT327747 MQP327745:MQP327747 NAL327745:NAL327747 NKH327745:NKH327747 NUD327745:NUD327747 ODZ327745:ODZ327747 ONV327745:ONV327747 OXR327745:OXR327747 PHN327745:PHN327747 PRJ327745:PRJ327747 QBF327745:QBF327747 QLB327745:QLB327747 QUX327745:QUX327747 RET327745:RET327747 ROP327745:ROP327747 RYL327745:RYL327747 SIH327745:SIH327747 SSD327745:SSD327747 TBZ327745:TBZ327747 TLV327745:TLV327747 TVR327745:TVR327747 UFN327745:UFN327747 UPJ327745:UPJ327747 UZF327745:UZF327747 VJB327745:VJB327747 VSX327745:VSX327747 WCT327745:WCT327747 WMP327745:WMP327747 WWL327745:WWL327747 AD393281:AD393283 JZ393281:JZ393283 TV393281:TV393283 ADR393281:ADR393283 ANN393281:ANN393283 AXJ393281:AXJ393283 BHF393281:BHF393283 BRB393281:BRB393283 CAX393281:CAX393283 CKT393281:CKT393283 CUP393281:CUP393283 DEL393281:DEL393283 DOH393281:DOH393283 DYD393281:DYD393283 EHZ393281:EHZ393283 ERV393281:ERV393283 FBR393281:FBR393283 FLN393281:FLN393283 FVJ393281:FVJ393283 GFF393281:GFF393283 GPB393281:GPB393283 GYX393281:GYX393283 HIT393281:HIT393283 HSP393281:HSP393283 ICL393281:ICL393283 IMH393281:IMH393283 IWD393281:IWD393283 JFZ393281:JFZ393283 JPV393281:JPV393283 JZR393281:JZR393283 KJN393281:KJN393283 KTJ393281:KTJ393283 LDF393281:LDF393283 LNB393281:LNB393283 LWX393281:LWX393283 MGT393281:MGT393283 MQP393281:MQP393283 NAL393281:NAL393283 NKH393281:NKH393283 NUD393281:NUD393283 ODZ393281:ODZ393283 ONV393281:ONV393283 OXR393281:OXR393283 PHN393281:PHN393283 PRJ393281:PRJ393283 QBF393281:QBF393283 QLB393281:QLB393283 QUX393281:QUX393283 RET393281:RET393283 ROP393281:ROP393283 RYL393281:RYL393283 SIH393281:SIH393283 SSD393281:SSD393283 TBZ393281:TBZ393283 TLV393281:TLV393283 TVR393281:TVR393283 UFN393281:UFN393283 UPJ393281:UPJ393283 UZF393281:UZF393283 VJB393281:VJB393283 VSX393281:VSX393283 WCT393281:WCT393283 WMP393281:WMP393283 WWL393281:WWL393283 AD458817:AD458819 JZ458817:JZ458819 TV458817:TV458819 ADR458817:ADR458819 ANN458817:ANN458819 AXJ458817:AXJ458819 BHF458817:BHF458819 BRB458817:BRB458819 CAX458817:CAX458819 CKT458817:CKT458819 CUP458817:CUP458819 DEL458817:DEL458819 DOH458817:DOH458819 DYD458817:DYD458819 EHZ458817:EHZ458819 ERV458817:ERV458819 FBR458817:FBR458819 FLN458817:FLN458819 FVJ458817:FVJ458819 GFF458817:GFF458819 GPB458817:GPB458819 GYX458817:GYX458819 HIT458817:HIT458819 HSP458817:HSP458819 ICL458817:ICL458819 IMH458817:IMH458819 IWD458817:IWD458819 JFZ458817:JFZ458819 JPV458817:JPV458819 JZR458817:JZR458819 KJN458817:KJN458819 KTJ458817:KTJ458819 LDF458817:LDF458819 LNB458817:LNB458819 LWX458817:LWX458819 MGT458817:MGT458819 MQP458817:MQP458819 NAL458817:NAL458819 NKH458817:NKH458819 NUD458817:NUD458819 ODZ458817:ODZ458819 ONV458817:ONV458819 OXR458817:OXR458819 PHN458817:PHN458819 PRJ458817:PRJ458819 QBF458817:QBF458819 QLB458817:QLB458819 QUX458817:QUX458819 RET458817:RET458819 ROP458817:ROP458819 RYL458817:RYL458819 SIH458817:SIH458819 SSD458817:SSD458819 TBZ458817:TBZ458819 TLV458817:TLV458819 TVR458817:TVR458819 UFN458817:UFN458819 UPJ458817:UPJ458819 UZF458817:UZF458819 VJB458817:VJB458819 VSX458817:VSX458819 WCT458817:WCT458819 WMP458817:WMP458819 WWL458817:WWL458819 AD524353:AD524355 JZ524353:JZ524355 TV524353:TV524355 ADR524353:ADR524355 ANN524353:ANN524355 AXJ524353:AXJ524355 BHF524353:BHF524355 BRB524353:BRB524355 CAX524353:CAX524355 CKT524353:CKT524355 CUP524353:CUP524355 DEL524353:DEL524355 DOH524353:DOH524355 DYD524353:DYD524355 EHZ524353:EHZ524355 ERV524353:ERV524355 FBR524353:FBR524355 FLN524353:FLN524355 FVJ524353:FVJ524355 GFF524353:GFF524355 GPB524353:GPB524355 GYX524353:GYX524355 HIT524353:HIT524355 HSP524353:HSP524355 ICL524353:ICL524355 IMH524353:IMH524355 IWD524353:IWD524355 JFZ524353:JFZ524355 JPV524353:JPV524355 JZR524353:JZR524355 KJN524353:KJN524355 KTJ524353:KTJ524355 LDF524353:LDF524355 LNB524353:LNB524355 LWX524353:LWX524355 MGT524353:MGT524355 MQP524353:MQP524355 NAL524353:NAL524355 NKH524353:NKH524355 NUD524353:NUD524355 ODZ524353:ODZ524355 ONV524353:ONV524355 OXR524353:OXR524355 PHN524353:PHN524355 PRJ524353:PRJ524355 QBF524353:QBF524355 QLB524353:QLB524355 QUX524353:QUX524355 RET524353:RET524355 ROP524353:ROP524355 RYL524353:RYL524355 SIH524353:SIH524355 SSD524353:SSD524355 TBZ524353:TBZ524355 TLV524353:TLV524355 TVR524353:TVR524355 UFN524353:UFN524355 UPJ524353:UPJ524355 UZF524353:UZF524355 VJB524353:VJB524355 VSX524353:VSX524355 WCT524353:WCT524355 WMP524353:WMP524355 WWL524353:WWL524355 AD589889:AD589891 JZ589889:JZ589891 TV589889:TV589891 ADR589889:ADR589891 ANN589889:ANN589891 AXJ589889:AXJ589891 BHF589889:BHF589891 BRB589889:BRB589891 CAX589889:CAX589891 CKT589889:CKT589891 CUP589889:CUP589891 DEL589889:DEL589891 DOH589889:DOH589891 DYD589889:DYD589891 EHZ589889:EHZ589891 ERV589889:ERV589891 FBR589889:FBR589891 FLN589889:FLN589891 FVJ589889:FVJ589891 GFF589889:GFF589891 GPB589889:GPB589891 GYX589889:GYX589891 HIT589889:HIT589891 HSP589889:HSP589891 ICL589889:ICL589891 IMH589889:IMH589891 IWD589889:IWD589891 JFZ589889:JFZ589891 JPV589889:JPV589891 JZR589889:JZR589891 KJN589889:KJN589891 KTJ589889:KTJ589891 LDF589889:LDF589891 LNB589889:LNB589891 LWX589889:LWX589891 MGT589889:MGT589891 MQP589889:MQP589891 NAL589889:NAL589891 NKH589889:NKH589891 NUD589889:NUD589891 ODZ589889:ODZ589891 ONV589889:ONV589891 OXR589889:OXR589891 PHN589889:PHN589891 PRJ589889:PRJ589891 QBF589889:QBF589891 QLB589889:QLB589891 QUX589889:QUX589891 RET589889:RET589891 ROP589889:ROP589891 RYL589889:RYL589891 SIH589889:SIH589891 SSD589889:SSD589891 TBZ589889:TBZ589891 TLV589889:TLV589891 TVR589889:TVR589891 UFN589889:UFN589891 UPJ589889:UPJ589891 UZF589889:UZF589891 VJB589889:VJB589891 VSX589889:VSX589891 WCT589889:WCT589891 WMP589889:WMP589891 WWL589889:WWL589891 AD655425:AD655427 JZ655425:JZ655427 TV655425:TV655427 ADR655425:ADR655427 ANN655425:ANN655427 AXJ655425:AXJ655427 BHF655425:BHF655427 BRB655425:BRB655427 CAX655425:CAX655427 CKT655425:CKT655427 CUP655425:CUP655427 DEL655425:DEL655427 DOH655425:DOH655427 DYD655425:DYD655427 EHZ655425:EHZ655427 ERV655425:ERV655427 FBR655425:FBR655427 FLN655425:FLN655427 FVJ655425:FVJ655427 GFF655425:GFF655427 GPB655425:GPB655427 GYX655425:GYX655427 HIT655425:HIT655427 HSP655425:HSP655427 ICL655425:ICL655427 IMH655425:IMH655427 IWD655425:IWD655427 JFZ655425:JFZ655427 JPV655425:JPV655427 JZR655425:JZR655427 KJN655425:KJN655427 KTJ655425:KTJ655427 LDF655425:LDF655427 LNB655425:LNB655427 LWX655425:LWX655427 MGT655425:MGT655427 MQP655425:MQP655427 NAL655425:NAL655427 NKH655425:NKH655427 NUD655425:NUD655427 ODZ655425:ODZ655427 ONV655425:ONV655427 OXR655425:OXR655427 PHN655425:PHN655427 PRJ655425:PRJ655427 QBF655425:QBF655427 QLB655425:QLB655427 QUX655425:QUX655427 RET655425:RET655427 ROP655425:ROP655427 RYL655425:RYL655427 SIH655425:SIH655427 SSD655425:SSD655427 TBZ655425:TBZ655427 TLV655425:TLV655427 TVR655425:TVR655427 UFN655425:UFN655427 UPJ655425:UPJ655427 UZF655425:UZF655427 VJB655425:VJB655427 VSX655425:VSX655427 WCT655425:WCT655427 WMP655425:WMP655427 WWL655425:WWL655427 AD720961:AD720963 JZ720961:JZ720963 TV720961:TV720963 ADR720961:ADR720963 ANN720961:ANN720963 AXJ720961:AXJ720963 BHF720961:BHF720963 BRB720961:BRB720963 CAX720961:CAX720963 CKT720961:CKT720963 CUP720961:CUP720963 DEL720961:DEL720963 DOH720961:DOH720963 DYD720961:DYD720963 EHZ720961:EHZ720963 ERV720961:ERV720963 FBR720961:FBR720963 FLN720961:FLN720963 FVJ720961:FVJ720963 GFF720961:GFF720963 GPB720961:GPB720963 GYX720961:GYX720963 HIT720961:HIT720963 HSP720961:HSP720963 ICL720961:ICL720963 IMH720961:IMH720963 IWD720961:IWD720963 JFZ720961:JFZ720963 JPV720961:JPV720963 JZR720961:JZR720963 KJN720961:KJN720963 KTJ720961:KTJ720963 LDF720961:LDF720963 LNB720961:LNB720963 LWX720961:LWX720963 MGT720961:MGT720963 MQP720961:MQP720963 NAL720961:NAL720963 NKH720961:NKH720963 NUD720961:NUD720963 ODZ720961:ODZ720963 ONV720961:ONV720963 OXR720961:OXR720963 PHN720961:PHN720963 PRJ720961:PRJ720963 QBF720961:QBF720963 QLB720961:QLB720963 QUX720961:QUX720963 RET720961:RET720963 ROP720961:ROP720963 RYL720961:RYL720963 SIH720961:SIH720963 SSD720961:SSD720963 TBZ720961:TBZ720963 TLV720961:TLV720963 TVR720961:TVR720963 UFN720961:UFN720963 UPJ720961:UPJ720963 UZF720961:UZF720963 VJB720961:VJB720963 VSX720961:VSX720963 WCT720961:WCT720963 WMP720961:WMP720963 WWL720961:WWL720963 AD786497:AD786499 JZ786497:JZ786499 TV786497:TV786499 ADR786497:ADR786499 ANN786497:ANN786499 AXJ786497:AXJ786499 BHF786497:BHF786499 BRB786497:BRB786499 CAX786497:CAX786499 CKT786497:CKT786499 CUP786497:CUP786499 DEL786497:DEL786499 DOH786497:DOH786499 DYD786497:DYD786499 EHZ786497:EHZ786499 ERV786497:ERV786499 FBR786497:FBR786499 FLN786497:FLN786499 FVJ786497:FVJ786499 GFF786497:GFF786499 GPB786497:GPB786499 GYX786497:GYX786499 HIT786497:HIT786499 HSP786497:HSP786499 ICL786497:ICL786499 IMH786497:IMH786499 IWD786497:IWD786499 JFZ786497:JFZ786499 JPV786497:JPV786499 JZR786497:JZR786499 KJN786497:KJN786499 KTJ786497:KTJ786499 LDF786497:LDF786499 LNB786497:LNB786499 LWX786497:LWX786499 MGT786497:MGT786499 MQP786497:MQP786499 NAL786497:NAL786499 NKH786497:NKH786499 NUD786497:NUD786499 ODZ786497:ODZ786499 ONV786497:ONV786499 OXR786497:OXR786499 PHN786497:PHN786499 PRJ786497:PRJ786499 QBF786497:QBF786499 QLB786497:QLB786499 QUX786497:QUX786499 RET786497:RET786499 ROP786497:ROP786499 RYL786497:RYL786499 SIH786497:SIH786499 SSD786497:SSD786499 TBZ786497:TBZ786499 TLV786497:TLV786499 TVR786497:TVR786499 UFN786497:UFN786499 UPJ786497:UPJ786499 UZF786497:UZF786499 VJB786497:VJB786499 VSX786497:VSX786499 WCT786497:WCT786499 WMP786497:WMP786499 WWL786497:WWL786499 AD852033:AD852035 JZ852033:JZ852035 TV852033:TV852035 ADR852033:ADR852035 ANN852033:ANN852035 AXJ852033:AXJ852035 BHF852033:BHF852035 BRB852033:BRB852035 CAX852033:CAX852035 CKT852033:CKT852035 CUP852033:CUP852035 DEL852033:DEL852035 DOH852033:DOH852035 DYD852033:DYD852035 EHZ852033:EHZ852035 ERV852033:ERV852035 FBR852033:FBR852035 FLN852033:FLN852035 FVJ852033:FVJ852035 GFF852033:GFF852035 GPB852033:GPB852035 GYX852033:GYX852035 HIT852033:HIT852035 HSP852033:HSP852035 ICL852033:ICL852035 IMH852033:IMH852035 IWD852033:IWD852035 JFZ852033:JFZ852035 JPV852033:JPV852035 JZR852033:JZR852035 KJN852033:KJN852035 KTJ852033:KTJ852035 LDF852033:LDF852035 LNB852033:LNB852035 LWX852033:LWX852035 MGT852033:MGT852035 MQP852033:MQP852035 NAL852033:NAL852035 NKH852033:NKH852035 NUD852033:NUD852035 ODZ852033:ODZ852035 ONV852033:ONV852035 OXR852033:OXR852035 PHN852033:PHN852035 PRJ852033:PRJ852035 QBF852033:QBF852035 QLB852033:QLB852035 QUX852033:QUX852035 RET852033:RET852035 ROP852033:ROP852035 RYL852033:RYL852035 SIH852033:SIH852035 SSD852033:SSD852035 TBZ852033:TBZ852035 TLV852033:TLV852035 TVR852033:TVR852035 UFN852033:UFN852035 UPJ852033:UPJ852035 UZF852033:UZF852035 VJB852033:VJB852035 VSX852033:VSX852035 WCT852033:WCT852035 WMP852033:WMP852035 WWL852033:WWL852035 AD917569:AD917571 JZ917569:JZ917571 TV917569:TV917571 ADR917569:ADR917571 ANN917569:ANN917571 AXJ917569:AXJ917571 BHF917569:BHF917571 BRB917569:BRB917571 CAX917569:CAX917571 CKT917569:CKT917571 CUP917569:CUP917571 DEL917569:DEL917571 DOH917569:DOH917571 DYD917569:DYD917571 EHZ917569:EHZ917571 ERV917569:ERV917571 FBR917569:FBR917571 FLN917569:FLN917571 FVJ917569:FVJ917571 GFF917569:GFF917571 GPB917569:GPB917571 GYX917569:GYX917571 HIT917569:HIT917571 HSP917569:HSP917571 ICL917569:ICL917571 IMH917569:IMH917571 IWD917569:IWD917571 JFZ917569:JFZ917571 JPV917569:JPV917571 JZR917569:JZR917571 KJN917569:KJN917571 KTJ917569:KTJ917571 LDF917569:LDF917571 LNB917569:LNB917571 LWX917569:LWX917571 MGT917569:MGT917571 MQP917569:MQP917571 NAL917569:NAL917571 NKH917569:NKH917571 NUD917569:NUD917571 ODZ917569:ODZ917571 ONV917569:ONV917571 OXR917569:OXR917571 PHN917569:PHN917571 PRJ917569:PRJ917571 QBF917569:QBF917571 QLB917569:QLB917571 QUX917569:QUX917571 RET917569:RET917571 ROP917569:ROP917571 RYL917569:RYL917571 SIH917569:SIH917571 SSD917569:SSD917571 TBZ917569:TBZ917571 TLV917569:TLV917571 TVR917569:TVR917571 UFN917569:UFN917571 UPJ917569:UPJ917571 UZF917569:UZF917571 VJB917569:VJB917571 VSX917569:VSX917571 WCT917569:WCT917571 WMP917569:WMP917571 WWL917569:WWL917571 AD983105:AD983107 JZ983105:JZ983107 TV983105:TV983107 ADR983105:ADR983107 ANN983105:ANN983107 AXJ983105:AXJ983107 BHF983105:BHF983107 BRB983105:BRB983107 CAX983105:CAX983107 CKT983105:CKT983107 CUP983105:CUP983107 DEL983105:DEL983107 DOH983105:DOH983107 DYD983105:DYD983107 EHZ983105:EHZ983107 ERV983105:ERV983107 FBR983105:FBR983107 FLN983105:FLN983107 FVJ983105:FVJ983107 GFF983105:GFF983107 GPB983105:GPB983107 GYX983105:GYX983107 HIT983105:HIT983107 HSP983105:HSP983107 ICL983105:ICL983107 IMH983105:IMH983107 IWD983105:IWD983107 JFZ983105:JFZ983107 JPV983105:JPV983107 JZR983105:JZR983107 KJN983105:KJN983107 KTJ983105:KTJ983107 LDF983105:LDF983107 LNB983105:LNB983107 LWX983105:LWX983107 MGT983105:MGT983107 MQP983105:MQP983107 NAL983105:NAL983107 NKH983105:NKH983107 NUD983105:NUD983107 ODZ983105:ODZ983107 ONV983105:ONV983107 OXR983105:OXR983107 PHN983105:PHN983107 PRJ983105:PRJ983107 QBF983105:QBF983107 QLB983105:QLB983107 QUX983105:QUX983107 RET983105:RET983107 ROP983105:ROP983107 RYL983105:RYL983107 SIH983105:SIH983107 SSD983105:SSD983107 TBZ983105:TBZ983107 TLV983105:TLV983107 TVR983105:TVR983107 UFN983105:UFN983107 UPJ983105:UPJ983107 UZF983105:UZF983107 VJB983105:VJB983107 VSX983105:VSX983107 WCT983105:WCT983107 WMP983105:WMP983107 WWL983105:WWL983107 AD43:AD46 JZ43:JZ46 TV43:TV46 ADR43:ADR46 ANN43:ANN46 AXJ43:AXJ46 BHF43:BHF46 BRB43:BRB46 CAX43:CAX46 CKT43:CKT46 CUP43:CUP46 DEL43:DEL46 DOH43:DOH46 DYD43:DYD46 EHZ43:EHZ46 ERV43:ERV46 FBR43:FBR46 FLN43:FLN46 FVJ43:FVJ46 GFF43:GFF46 GPB43:GPB46 GYX43:GYX46 HIT43:HIT46 HSP43:HSP46 ICL43:ICL46 IMH43:IMH46 IWD43:IWD46 JFZ43:JFZ46 JPV43:JPV46 JZR43:JZR46 KJN43:KJN46 KTJ43:KTJ46 LDF43:LDF46 LNB43:LNB46 LWX43:LWX46 MGT43:MGT46 MQP43:MQP46 NAL43:NAL46 NKH43:NKH46 NUD43:NUD46 ODZ43:ODZ46 ONV43:ONV46 OXR43:OXR46 PHN43:PHN46 PRJ43:PRJ46 QBF43:QBF46 QLB43:QLB46 QUX43:QUX46 RET43:RET46 ROP43:ROP46 RYL43:RYL46 SIH43:SIH46 SSD43:SSD46 TBZ43:TBZ46 TLV43:TLV46 TVR43:TVR46 UFN43:UFN46 UPJ43:UPJ46 UZF43:UZF46 VJB43:VJB46 VSX43:VSX46 WCT43:WCT46 WMP43:WMP46 WWL43:WWL46 AD65579:AD65582 JZ65579:JZ65582 TV65579:TV65582 ADR65579:ADR65582 ANN65579:ANN65582 AXJ65579:AXJ65582 BHF65579:BHF65582 BRB65579:BRB65582 CAX65579:CAX65582 CKT65579:CKT65582 CUP65579:CUP65582 DEL65579:DEL65582 DOH65579:DOH65582 DYD65579:DYD65582 EHZ65579:EHZ65582 ERV65579:ERV65582 FBR65579:FBR65582 FLN65579:FLN65582 FVJ65579:FVJ65582 GFF65579:GFF65582 GPB65579:GPB65582 GYX65579:GYX65582 HIT65579:HIT65582 HSP65579:HSP65582 ICL65579:ICL65582 IMH65579:IMH65582 IWD65579:IWD65582 JFZ65579:JFZ65582 JPV65579:JPV65582 JZR65579:JZR65582 KJN65579:KJN65582 KTJ65579:KTJ65582 LDF65579:LDF65582 LNB65579:LNB65582 LWX65579:LWX65582 MGT65579:MGT65582 MQP65579:MQP65582 NAL65579:NAL65582 NKH65579:NKH65582 NUD65579:NUD65582 ODZ65579:ODZ65582 ONV65579:ONV65582 OXR65579:OXR65582 PHN65579:PHN65582 PRJ65579:PRJ65582 QBF65579:QBF65582 QLB65579:QLB65582 QUX65579:QUX65582 RET65579:RET65582 ROP65579:ROP65582 RYL65579:RYL65582 SIH65579:SIH65582 SSD65579:SSD65582 TBZ65579:TBZ65582 TLV65579:TLV65582 TVR65579:TVR65582 UFN65579:UFN65582 UPJ65579:UPJ65582 UZF65579:UZF65582 VJB65579:VJB65582 VSX65579:VSX65582 WCT65579:WCT65582 WMP65579:WMP65582 WWL65579:WWL65582 AD131115:AD131118 JZ131115:JZ131118 TV131115:TV131118 ADR131115:ADR131118 ANN131115:ANN131118 AXJ131115:AXJ131118 BHF131115:BHF131118 BRB131115:BRB131118 CAX131115:CAX131118 CKT131115:CKT131118 CUP131115:CUP131118 DEL131115:DEL131118 DOH131115:DOH131118 DYD131115:DYD131118 EHZ131115:EHZ131118 ERV131115:ERV131118 FBR131115:FBR131118 FLN131115:FLN131118 FVJ131115:FVJ131118 GFF131115:GFF131118 GPB131115:GPB131118 GYX131115:GYX131118 HIT131115:HIT131118 HSP131115:HSP131118 ICL131115:ICL131118 IMH131115:IMH131118 IWD131115:IWD131118 JFZ131115:JFZ131118 JPV131115:JPV131118 JZR131115:JZR131118 KJN131115:KJN131118 KTJ131115:KTJ131118 LDF131115:LDF131118 LNB131115:LNB131118 LWX131115:LWX131118 MGT131115:MGT131118 MQP131115:MQP131118 NAL131115:NAL131118 NKH131115:NKH131118 NUD131115:NUD131118 ODZ131115:ODZ131118 ONV131115:ONV131118 OXR131115:OXR131118 PHN131115:PHN131118 PRJ131115:PRJ131118 QBF131115:QBF131118 QLB131115:QLB131118 QUX131115:QUX131118 RET131115:RET131118 ROP131115:ROP131118 RYL131115:RYL131118 SIH131115:SIH131118 SSD131115:SSD131118 TBZ131115:TBZ131118 TLV131115:TLV131118 TVR131115:TVR131118 UFN131115:UFN131118 UPJ131115:UPJ131118 UZF131115:UZF131118 VJB131115:VJB131118 VSX131115:VSX131118 WCT131115:WCT131118 WMP131115:WMP131118 WWL131115:WWL131118 AD196651:AD196654 JZ196651:JZ196654 TV196651:TV196654 ADR196651:ADR196654 ANN196651:ANN196654 AXJ196651:AXJ196654 BHF196651:BHF196654 BRB196651:BRB196654 CAX196651:CAX196654 CKT196651:CKT196654 CUP196651:CUP196654 DEL196651:DEL196654 DOH196651:DOH196654 DYD196651:DYD196654 EHZ196651:EHZ196654 ERV196651:ERV196654 FBR196651:FBR196654 FLN196651:FLN196654 FVJ196651:FVJ196654 GFF196651:GFF196654 GPB196651:GPB196654 GYX196651:GYX196654 HIT196651:HIT196654 HSP196651:HSP196654 ICL196651:ICL196654 IMH196651:IMH196654 IWD196651:IWD196654 JFZ196651:JFZ196654 JPV196651:JPV196654 JZR196651:JZR196654 KJN196651:KJN196654 KTJ196651:KTJ196654 LDF196651:LDF196654 LNB196651:LNB196654 LWX196651:LWX196654 MGT196651:MGT196654 MQP196651:MQP196654 NAL196651:NAL196654 NKH196651:NKH196654 NUD196651:NUD196654 ODZ196651:ODZ196654 ONV196651:ONV196654 OXR196651:OXR196654 PHN196651:PHN196654 PRJ196651:PRJ196654 QBF196651:QBF196654 QLB196651:QLB196654 QUX196651:QUX196654 RET196651:RET196654 ROP196651:ROP196654 RYL196651:RYL196654 SIH196651:SIH196654 SSD196651:SSD196654 TBZ196651:TBZ196654 TLV196651:TLV196654 TVR196651:TVR196654 UFN196651:UFN196654 UPJ196651:UPJ196654 UZF196651:UZF196654 VJB196651:VJB196654 VSX196651:VSX196654 WCT196651:WCT196654 WMP196651:WMP196654 WWL196651:WWL196654 AD262187:AD262190 JZ262187:JZ262190 TV262187:TV262190 ADR262187:ADR262190 ANN262187:ANN262190 AXJ262187:AXJ262190 BHF262187:BHF262190 BRB262187:BRB262190 CAX262187:CAX262190 CKT262187:CKT262190 CUP262187:CUP262190 DEL262187:DEL262190 DOH262187:DOH262190 DYD262187:DYD262190 EHZ262187:EHZ262190 ERV262187:ERV262190 FBR262187:FBR262190 FLN262187:FLN262190 FVJ262187:FVJ262190 GFF262187:GFF262190 GPB262187:GPB262190 GYX262187:GYX262190 HIT262187:HIT262190 HSP262187:HSP262190 ICL262187:ICL262190 IMH262187:IMH262190 IWD262187:IWD262190 JFZ262187:JFZ262190 JPV262187:JPV262190 JZR262187:JZR262190 KJN262187:KJN262190 KTJ262187:KTJ262190 LDF262187:LDF262190 LNB262187:LNB262190 LWX262187:LWX262190 MGT262187:MGT262190 MQP262187:MQP262190 NAL262187:NAL262190 NKH262187:NKH262190 NUD262187:NUD262190 ODZ262187:ODZ262190 ONV262187:ONV262190 OXR262187:OXR262190 PHN262187:PHN262190 PRJ262187:PRJ262190 QBF262187:QBF262190 QLB262187:QLB262190 QUX262187:QUX262190 RET262187:RET262190 ROP262187:ROP262190 RYL262187:RYL262190 SIH262187:SIH262190 SSD262187:SSD262190 TBZ262187:TBZ262190 TLV262187:TLV262190 TVR262187:TVR262190 UFN262187:UFN262190 UPJ262187:UPJ262190 UZF262187:UZF262190 VJB262187:VJB262190 VSX262187:VSX262190 WCT262187:WCT262190 WMP262187:WMP262190 WWL262187:WWL262190 AD327723:AD327726 JZ327723:JZ327726 TV327723:TV327726 ADR327723:ADR327726 ANN327723:ANN327726 AXJ327723:AXJ327726 BHF327723:BHF327726 BRB327723:BRB327726 CAX327723:CAX327726 CKT327723:CKT327726 CUP327723:CUP327726 DEL327723:DEL327726 DOH327723:DOH327726 DYD327723:DYD327726 EHZ327723:EHZ327726 ERV327723:ERV327726 FBR327723:FBR327726 FLN327723:FLN327726 FVJ327723:FVJ327726 GFF327723:GFF327726 GPB327723:GPB327726 GYX327723:GYX327726 HIT327723:HIT327726 HSP327723:HSP327726 ICL327723:ICL327726 IMH327723:IMH327726 IWD327723:IWD327726 JFZ327723:JFZ327726 JPV327723:JPV327726 JZR327723:JZR327726 KJN327723:KJN327726 KTJ327723:KTJ327726 LDF327723:LDF327726 LNB327723:LNB327726 LWX327723:LWX327726 MGT327723:MGT327726 MQP327723:MQP327726 NAL327723:NAL327726 NKH327723:NKH327726 NUD327723:NUD327726 ODZ327723:ODZ327726 ONV327723:ONV327726 OXR327723:OXR327726 PHN327723:PHN327726 PRJ327723:PRJ327726 QBF327723:QBF327726 QLB327723:QLB327726 QUX327723:QUX327726 RET327723:RET327726 ROP327723:ROP327726 RYL327723:RYL327726 SIH327723:SIH327726 SSD327723:SSD327726 TBZ327723:TBZ327726 TLV327723:TLV327726 TVR327723:TVR327726 UFN327723:UFN327726 UPJ327723:UPJ327726 UZF327723:UZF327726 VJB327723:VJB327726 VSX327723:VSX327726 WCT327723:WCT327726 WMP327723:WMP327726 WWL327723:WWL327726 AD393259:AD393262 JZ393259:JZ393262 TV393259:TV393262 ADR393259:ADR393262 ANN393259:ANN393262 AXJ393259:AXJ393262 BHF393259:BHF393262 BRB393259:BRB393262 CAX393259:CAX393262 CKT393259:CKT393262 CUP393259:CUP393262 DEL393259:DEL393262 DOH393259:DOH393262 DYD393259:DYD393262 EHZ393259:EHZ393262 ERV393259:ERV393262 FBR393259:FBR393262 FLN393259:FLN393262 FVJ393259:FVJ393262 GFF393259:GFF393262 GPB393259:GPB393262 GYX393259:GYX393262 HIT393259:HIT393262 HSP393259:HSP393262 ICL393259:ICL393262 IMH393259:IMH393262 IWD393259:IWD393262 JFZ393259:JFZ393262 JPV393259:JPV393262 JZR393259:JZR393262 KJN393259:KJN393262 KTJ393259:KTJ393262 LDF393259:LDF393262 LNB393259:LNB393262 LWX393259:LWX393262 MGT393259:MGT393262 MQP393259:MQP393262 NAL393259:NAL393262 NKH393259:NKH393262 NUD393259:NUD393262 ODZ393259:ODZ393262 ONV393259:ONV393262 OXR393259:OXR393262 PHN393259:PHN393262 PRJ393259:PRJ393262 QBF393259:QBF393262 QLB393259:QLB393262 QUX393259:QUX393262 RET393259:RET393262 ROP393259:ROP393262 RYL393259:RYL393262 SIH393259:SIH393262 SSD393259:SSD393262 TBZ393259:TBZ393262 TLV393259:TLV393262 TVR393259:TVR393262 UFN393259:UFN393262 UPJ393259:UPJ393262 UZF393259:UZF393262 VJB393259:VJB393262 VSX393259:VSX393262 WCT393259:WCT393262 WMP393259:WMP393262 WWL393259:WWL393262 AD458795:AD458798 JZ458795:JZ458798 TV458795:TV458798 ADR458795:ADR458798 ANN458795:ANN458798 AXJ458795:AXJ458798 BHF458795:BHF458798 BRB458795:BRB458798 CAX458795:CAX458798 CKT458795:CKT458798 CUP458795:CUP458798 DEL458795:DEL458798 DOH458795:DOH458798 DYD458795:DYD458798 EHZ458795:EHZ458798 ERV458795:ERV458798 FBR458795:FBR458798 FLN458795:FLN458798 FVJ458795:FVJ458798 GFF458795:GFF458798 GPB458795:GPB458798 GYX458795:GYX458798 HIT458795:HIT458798 HSP458795:HSP458798 ICL458795:ICL458798 IMH458795:IMH458798 IWD458795:IWD458798 JFZ458795:JFZ458798 JPV458795:JPV458798 JZR458795:JZR458798 KJN458795:KJN458798 KTJ458795:KTJ458798 LDF458795:LDF458798 LNB458795:LNB458798 LWX458795:LWX458798 MGT458795:MGT458798 MQP458795:MQP458798 NAL458795:NAL458798 NKH458795:NKH458798 NUD458795:NUD458798 ODZ458795:ODZ458798 ONV458795:ONV458798 OXR458795:OXR458798 PHN458795:PHN458798 PRJ458795:PRJ458798 QBF458795:QBF458798 QLB458795:QLB458798 QUX458795:QUX458798 RET458795:RET458798 ROP458795:ROP458798 RYL458795:RYL458798 SIH458795:SIH458798 SSD458795:SSD458798 TBZ458795:TBZ458798 TLV458795:TLV458798 TVR458795:TVR458798 UFN458795:UFN458798 UPJ458795:UPJ458798 UZF458795:UZF458798 VJB458795:VJB458798 VSX458795:VSX458798 WCT458795:WCT458798 WMP458795:WMP458798 WWL458795:WWL458798 AD524331:AD524334 JZ524331:JZ524334 TV524331:TV524334 ADR524331:ADR524334 ANN524331:ANN524334 AXJ524331:AXJ524334 BHF524331:BHF524334 BRB524331:BRB524334 CAX524331:CAX524334 CKT524331:CKT524334 CUP524331:CUP524334 DEL524331:DEL524334 DOH524331:DOH524334 DYD524331:DYD524334 EHZ524331:EHZ524334 ERV524331:ERV524334 FBR524331:FBR524334 FLN524331:FLN524334 FVJ524331:FVJ524334 GFF524331:GFF524334 GPB524331:GPB524334 GYX524331:GYX524334 HIT524331:HIT524334 HSP524331:HSP524334 ICL524331:ICL524334 IMH524331:IMH524334 IWD524331:IWD524334 JFZ524331:JFZ524334 JPV524331:JPV524334 JZR524331:JZR524334 KJN524331:KJN524334 KTJ524331:KTJ524334 LDF524331:LDF524334 LNB524331:LNB524334 LWX524331:LWX524334 MGT524331:MGT524334 MQP524331:MQP524334 NAL524331:NAL524334 NKH524331:NKH524334 NUD524331:NUD524334 ODZ524331:ODZ524334 ONV524331:ONV524334 OXR524331:OXR524334 PHN524331:PHN524334 PRJ524331:PRJ524334 QBF524331:QBF524334 QLB524331:QLB524334 QUX524331:QUX524334 RET524331:RET524334 ROP524331:ROP524334 RYL524331:RYL524334 SIH524331:SIH524334 SSD524331:SSD524334 TBZ524331:TBZ524334 TLV524331:TLV524334 TVR524331:TVR524334 UFN524331:UFN524334 UPJ524331:UPJ524334 UZF524331:UZF524334 VJB524331:VJB524334 VSX524331:VSX524334 WCT524331:WCT524334 WMP524331:WMP524334 WWL524331:WWL524334 AD589867:AD589870 JZ589867:JZ589870 TV589867:TV589870 ADR589867:ADR589870 ANN589867:ANN589870 AXJ589867:AXJ589870 BHF589867:BHF589870 BRB589867:BRB589870 CAX589867:CAX589870 CKT589867:CKT589870 CUP589867:CUP589870 DEL589867:DEL589870 DOH589867:DOH589870 DYD589867:DYD589870 EHZ589867:EHZ589870 ERV589867:ERV589870 FBR589867:FBR589870 FLN589867:FLN589870 FVJ589867:FVJ589870 GFF589867:GFF589870 GPB589867:GPB589870 GYX589867:GYX589870 HIT589867:HIT589870 HSP589867:HSP589870 ICL589867:ICL589870 IMH589867:IMH589870 IWD589867:IWD589870 JFZ589867:JFZ589870 JPV589867:JPV589870 JZR589867:JZR589870 KJN589867:KJN589870 KTJ589867:KTJ589870 LDF589867:LDF589870 LNB589867:LNB589870 LWX589867:LWX589870 MGT589867:MGT589870 MQP589867:MQP589870 NAL589867:NAL589870 NKH589867:NKH589870 NUD589867:NUD589870 ODZ589867:ODZ589870 ONV589867:ONV589870 OXR589867:OXR589870 PHN589867:PHN589870 PRJ589867:PRJ589870 QBF589867:QBF589870 QLB589867:QLB589870 QUX589867:QUX589870 RET589867:RET589870 ROP589867:ROP589870 RYL589867:RYL589870 SIH589867:SIH589870 SSD589867:SSD589870 TBZ589867:TBZ589870 TLV589867:TLV589870 TVR589867:TVR589870 UFN589867:UFN589870 UPJ589867:UPJ589870 UZF589867:UZF589870 VJB589867:VJB589870 VSX589867:VSX589870 WCT589867:WCT589870 WMP589867:WMP589870 WWL589867:WWL589870 AD655403:AD655406 JZ655403:JZ655406 TV655403:TV655406 ADR655403:ADR655406 ANN655403:ANN655406 AXJ655403:AXJ655406 BHF655403:BHF655406 BRB655403:BRB655406 CAX655403:CAX655406 CKT655403:CKT655406 CUP655403:CUP655406 DEL655403:DEL655406 DOH655403:DOH655406 DYD655403:DYD655406 EHZ655403:EHZ655406 ERV655403:ERV655406 FBR655403:FBR655406 FLN655403:FLN655406 FVJ655403:FVJ655406 GFF655403:GFF655406 GPB655403:GPB655406 GYX655403:GYX655406 HIT655403:HIT655406 HSP655403:HSP655406 ICL655403:ICL655406 IMH655403:IMH655406 IWD655403:IWD655406 JFZ655403:JFZ655406 JPV655403:JPV655406 JZR655403:JZR655406 KJN655403:KJN655406 KTJ655403:KTJ655406 LDF655403:LDF655406 LNB655403:LNB655406 LWX655403:LWX655406 MGT655403:MGT655406 MQP655403:MQP655406 NAL655403:NAL655406 NKH655403:NKH655406 NUD655403:NUD655406 ODZ655403:ODZ655406 ONV655403:ONV655406 OXR655403:OXR655406 PHN655403:PHN655406 PRJ655403:PRJ655406 QBF655403:QBF655406 QLB655403:QLB655406 QUX655403:QUX655406 RET655403:RET655406 ROP655403:ROP655406 RYL655403:RYL655406 SIH655403:SIH655406 SSD655403:SSD655406 TBZ655403:TBZ655406 TLV655403:TLV655406 TVR655403:TVR655406 UFN655403:UFN655406 UPJ655403:UPJ655406 UZF655403:UZF655406 VJB655403:VJB655406 VSX655403:VSX655406 WCT655403:WCT655406 WMP655403:WMP655406 WWL655403:WWL655406 AD720939:AD720942 JZ720939:JZ720942 TV720939:TV720942 ADR720939:ADR720942 ANN720939:ANN720942 AXJ720939:AXJ720942 BHF720939:BHF720942 BRB720939:BRB720942 CAX720939:CAX720942 CKT720939:CKT720942 CUP720939:CUP720942 DEL720939:DEL720942 DOH720939:DOH720942 DYD720939:DYD720942 EHZ720939:EHZ720942 ERV720939:ERV720942 FBR720939:FBR720942 FLN720939:FLN720942 FVJ720939:FVJ720942 GFF720939:GFF720942 GPB720939:GPB720942 GYX720939:GYX720942 HIT720939:HIT720942 HSP720939:HSP720942 ICL720939:ICL720942 IMH720939:IMH720942 IWD720939:IWD720942 JFZ720939:JFZ720942 JPV720939:JPV720942 JZR720939:JZR720942 KJN720939:KJN720942 KTJ720939:KTJ720942 LDF720939:LDF720942 LNB720939:LNB720942 LWX720939:LWX720942 MGT720939:MGT720942 MQP720939:MQP720942 NAL720939:NAL720942 NKH720939:NKH720942 NUD720939:NUD720942 ODZ720939:ODZ720942 ONV720939:ONV720942 OXR720939:OXR720942 PHN720939:PHN720942 PRJ720939:PRJ720942 QBF720939:QBF720942 QLB720939:QLB720942 QUX720939:QUX720942 RET720939:RET720942 ROP720939:ROP720942 RYL720939:RYL720942 SIH720939:SIH720942 SSD720939:SSD720942 TBZ720939:TBZ720942 TLV720939:TLV720942 TVR720939:TVR720942 UFN720939:UFN720942 UPJ720939:UPJ720942 UZF720939:UZF720942 VJB720939:VJB720942 VSX720939:VSX720942 WCT720939:WCT720942 WMP720939:WMP720942 WWL720939:WWL720942 AD786475:AD786478 JZ786475:JZ786478 TV786475:TV786478 ADR786475:ADR786478 ANN786475:ANN786478 AXJ786475:AXJ786478 BHF786475:BHF786478 BRB786475:BRB786478 CAX786475:CAX786478 CKT786475:CKT786478 CUP786475:CUP786478 DEL786475:DEL786478 DOH786475:DOH786478 DYD786475:DYD786478 EHZ786475:EHZ786478 ERV786475:ERV786478 FBR786475:FBR786478 FLN786475:FLN786478 FVJ786475:FVJ786478 GFF786475:GFF786478 GPB786475:GPB786478 GYX786475:GYX786478 HIT786475:HIT786478 HSP786475:HSP786478 ICL786475:ICL786478 IMH786475:IMH786478 IWD786475:IWD786478 JFZ786475:JFZ786478 JPV786475:JPV786478 JZR786475:JZR786478 KJN786475:KJN786478 KTJ786475:KTJ786478 LDF786475:LDF786478 LNB786475:LNB786478 LWX786475:LWX786478 MGT786475:MGT786478 MQP786475:MQP786478 NAL786475:NAL786478 NKH786475:NKH786478 NUD786475:NUD786478 ODZ786475:ODZ786478 ONV786475:ONV786478 OXR786475:OXR786478 PHN786475:PHN786478 PRJ786475:PRJ786478 QBF786475:QBF786478 QLB786475:QLB786478 QUX786475:QUX786478 RET786475:RET786478 ROP786475:ROP786478 RYL786475:RYL786478 SIH786475:SIH786478 SSD786475:SSD786478 TBZ786475:TBZ786478 TLV786475:TLV786478 TVR786475:TVR786478 UFN786475:UFN786478 UPJ786475:UPJ786478 UZF786475:UZF786478 VJB786475:VJB786478 VSX786475:VSX786478 WCT786475:WCT786478 WMP786475:WMP786478 WWL786475:WWL786478 AD852011:AD852014 JZ852011:JZ852014 TV852011:TV852014 ADR852011:ADR852014 ANN852011:ANN852014 AXJ852011:AXJ852014 BHF852011:BHF852014 BRB852011:BRB852014 CAX852011:CAX852014 CKT852011:CKT852014 CUP852011:CUP852014 DEL852011:DEL852014 DOH852011:DOH852014 DYD852011:DYD852014 EHZ852011:EHZ852014 ERV852011:ERV852014 FBR852011:FBR852014 FLN852011:FLN852014 FVJ852011:FVJ852014 GFF852011:GFF852014 GPB852011:GPB852014 GYX852011:GYX852014 HIT852011:HIT852014 HSP852011:HSP852014 ICL852011:ICL852014 IMH852011:IMH852014 IWD852011:IWD852014 JFZ852011:JFZ852014 JPV852011:JPV852014 JZR852011:JZR852014 KJN852011:KJN852014 KTJ852011:KTJ852014 LDF852011:LDF852014 LNB852011:LNB852014 LWX852011:LWX852014 MGT852011:MGT852014 MQP852011:MQP852014 NAL852011:NAL852014 NKH852011:NKH852014 NUD852011:NUD852014 ODZ852011:ODZ852014 ONV852011:ONV852014 OXR852011:OXR852014 PHN852011:PHN852014 PRJ852011:PRJ852014 QBF852011:QBF852014 QLB852011:QLB852014 QUX852011:QUX852014 RET852011:RET852014 ROP852011:ROP852014 RYL852011:RYL852014 SIH852011:SIH852014 SSD852011:SSD852014 TBZ852011:TBZ852014 TLV852011:TLV852014 TVR852011:TVR852014 UFN852011:UFN852014 UPJ852011:UPJ852014 UZF852011:UZF852014 VJB852011:VJB852014 VSX852011:VSX852014 WCT852011:WCT852014 WMP852011:WMP852014 WWL852011:WWL852014 AD917547:AD917550 JZ917547:JZ917550 TV917547:TV917550 ADR917547:ADR917550 ANN917547:ANN917550 AXJ917547:AXJ917550 BHF917547:BHF917550 BRB917547:BRB917550 CAX917547:CAX917550 CKT917547:CKT917550 CUP917547:CUP917550 DEL917547:DEL917550 DOH917547:DOH917550 DYD917547:DYD917550 EHZ917547:EHZ917550 ERV917547:ERV917550 FBR917547:FBR917550 FLN917547:FLN917550 FVJ917547:FVJ917550 GFF917547:GFF917550 GPB917547:GPB917550 GYX917547:GYX917550 HIT917547:HIT917550 HSP917547:HSP917550 ICL917547:ICL917550 IMH917547:IMH917550 IWD917547:IWD917550 JFZ917547:JFZ917550 JPV917547:JPV917550 JZR917547:JZR917550 KJN917547:KJN917550 KTJ917547:KTJ917550 LDF917547:LDF917550 LNB917547:LNB917550 LWX917547:LWX917550 MGT917547:MGT917550 MQP917547:MQP917550 NAL917547:NAL917550 NKH917547:NKH917550 NUD917547:NUD917550 ODZ917547:ODZ917550 ONV917547:ONV917550 OXR917547:OXR917550 PHN917547:PHN917550 PRJ917547:PRJ917550 QBF917547:QBF917550 QLB917547:QLB917550 QUX917547:QUX917550 RET917547:RET917550 ROP917547:ROP917550 RYL917547:RYL917550 SIH917547:SIH917550 SSD917547:SSD917550 TBZ917547:TBZ917550 TLV917547:TLV917550 TVR917547:TVR917550 UFN917547:UFN917550 UPJ917547:UPJ917550 UZF917547:UZF917550 VJB917547:VJB917550 VSX917547:VSX917550 WCT917547:WCT917550 WMP917547:WMP917550 WWL917547:WWL917550 AD983083:AD983086 JZ983083:JZ983086 TV983083:TV983086 ADR983083:ADR983086 ANN983083:ANN983086 AXJ983083:AXJ983086 BHF983083:BHF983086 BRB983083:BRB983086 CAX983083:CAX983086 CKT983083:CKT983086 CUP983083:CUP983086 DEL983083:DEL983086 DOH983083:DOH983086 DYD983083:DYD983086 EHZ983083:EHZ983086 ERV983083:ERV983086 FBR983083:FBR983086 FLN983083:FLN983086 FVJ983083:FVJ983086 GFF983083:GFF983086 GPB983083:GPB983086 GYX983083:GYX983086 HIT983083:HIT983086 HSP983083:HSP983086 ICL983083:ICL983086 IMH983083:IMH983086 IWD983083:IWD983086 JFZ983083:JFZ983086 JPV983083:JPV983086 JZR983083:JZR983086 KJN983083:KJN983086 KTJ983083:KTJ983086 LDF983083:LDF983086 LNB983083:LNB983086 LWX983083:LWX983086 MGT983083:MGT983086 MQP983083:MQP983086 NAL983083:NAL983086 NKH983083:NKH983086 NUD983083:NUD983086 ODZ983083:ODZ983086 ONV983083:ONV983086 OXR983083:OXR983086 PHN983083:PHN983086 PRJ983083:PRJ983086 QBF983083:QBF983086 QLB983083:QLB983086 QUX983083:QUX983086 RET983083:RET983086 ROP983083:ROP983086 RYL983083:RYL983086 SIH983083:SIH983086 SSD983083:SSD983086 TBZ983083:TBZ983086 TLV983083:TLV983086 TVR983083:TVR983086 UFN983083:UFN983086 UPJ983083:UPJ983086 UZF983083:UZF983086 VJB983083:VJB983086 VSX983083:VSX983086 WCT983083:WCT983086 WMP983083:WMP983086 WWL983083:WWL983086 AC77:AC80 JY77:JY80 TU77:TU80 ADQ77:ADQ80 ANM77:ANM80 AXI77:AXI80 BHE77:BHE80 BRA77:BRA80 CAW77:CAW80 CKS77:CKS80 CUO77:CUO80 DEK77:DEK80 DOG77:DOG80 DYC77:DYC80 EHY77:EHY80 ERU77:ERU80 FBQ77:FBQ80 FLM77:FLM80 FVI77:FVI80 GFE77:GFE80 GPA77:GPA80 GYW77:GYW80 HIS77:HIS80 HSO77:HSO80 ICK77:ICK80 IMG77:IMG80 IWC77:IWC80 JFY77:JFY80 JPU77:JPU80 JZQ77:JZQ80 KJM77:KJM80 KTI77:KTI80 LDE77:LDE80 LNA77:LNA80 LWW77:LWW80 MGS77:MGS80 MQO77:MQO80 NAK77:NAK80 NKG77:NKG80 NUC77:NUC80 ODY77:ODY80 ONU77:ONU80 OXQ77:OXQ80 PHM77:PHM80 PRI77:PRI80 QBE77:QBE80 QLA77:QLA80 QUW77:QUW80 RES77:RES80 ROO77:ROO80 RYK77:RYK80 SIG77:SIG80 SSC77:SSC80 TBY77:TBY80 TLU77:TLU80 TVQ77:TVQ80 UFM77:UFM80 UPI77:UPI80 UZE77:UZE80 VJA77:VJA80 VSW77:VSW80 WCS77:WCS80 WMO77:WMO80 WWK77:WWK80 AC65613:AC65616 JY65613:JY65616 TU65613:TU65616 ADQ65613:ADQ65616 ANM65613:ANM65616 AXI65613:AXI65616 BHE65613:BHE65616 BRA65613:BRA65616 CAW65613:CAW65616 CKS65613:CKS65616 CUO65613:CUO65616 DEK65613:DEK65616 DOG65613:DOG65616 DYC65613:DYC65616 EHY65613:EHY65616 ERU65613:ERU65616 FBQ65613:FBQ65616 FLM65613:FLM65616 FVI65613:FVI65616 GFE65613:GFE65616 GPA65613:GPA65616 GYW65613:GYW65616 HIS65613:HIS65616 HSO65613:HSO65616 ICK65613:ICK65616 IMG65613:IMG65616 IWC65613:IWC65616 JFY65613:JFY65616 JPU65613:JPU65616 JZQ65613:JZQ65616 KJM65613:KJM65616 KTI65613:KTI65616 LDE65613:LDE65616 LNA65613:LNA65616 LWW65613:LWW65616 MGS65613:MGS65616 MQO65613:MQO65616 NAK65613:NAK65616 NKG65613:NKG65616 NUC65613:NUC65616 ODY65613:ODY65616 ONU65613:ONU65616 OXQ65613:OXQ65616 PHM65613:PHM65616 PRI65613:PRI65616 QBE65613:QBE65616 QLA65613:QLA65616 QUW65613:QUW65616 RES65613:RES65616 ROO65613:ROO65616 RYK65613:RYK65616 SIG65613:SIG65616 SSC65613:SSC65616 TBY65613:TBY65616 TLU65613:TLU65616 TVQ65613:TVQ65616 UFM65613:UFM65616 UPI65613:UPI65616 UZE65613:UZE65616 VJA65613:VJA65616 VSW65613:VSW65616 WCS65613:WCS65616 WMO65613:WMO65616 WWK65613:WWK65616 AC131149:AC131152 JY131149:JY131152 TU131149:TU131152 ADQ131149:ADQ131152 ANM131149:ANM131152 AXI131149:AXI131152 BHE131149:BHE131152 BRA131149:BRA131152 CAW131149:CAW131152 CKS131149:CKS131152 CUO131149:CUO131152 DEK131149:DEK131152 DOG131149:DOG131152 DYC131149:DYC131152 EHY131149:EHY131152 ERU131149:ERU131152 FBQ131149:FBQ131152 FLM131149:FLM131152 FVI131149:FVI131152 GFE131149:GFE131152 GPA131149:GPA131152 GYW131149:GYW131152 HIS131149:HIS131152 HSO131149:HSO131152 ICK131149:ICK131152 IMG131149:IMG131152 IWC131149:IWC131152 JFY131149:JFY131152 JPU131149:JPU131152 JZQ131149:JZQ131152 KJM131149:KJM131152 KTI131149:KTI131152 LDE131149:LDE131152 LNA131149:LNA131152 LWW131149:LWW131152 MGS131149:MGS131152 MQO131149:MQO131152 NAK131149:NAK131152 NKG131149:NKG131152 NUC131149:NUC131152 ODY131149:ODY131152 ONU131149:ONU131152 OXQ131149:OXQ131152 PHM131149:PHM131152 PRI131149:PRI131152 QBE131149:QBE131152 QLA131149:QLA131152 QUW131149:QUW131152 RES131149:RES131152 ROO131149:ROO131152 RYK131149:RYK131152 SIG131149:SIG131152 SSC131149:SSC131152 TBY131149:TBY131152 TLU131149:TLU131152 TVQ131149:TVQ131152 UFM131149:UFM131152 UPI131149:UPI131152 UZE131149:UZE131152 VJA131149:VJA131152 VSW131149:VSW131152 WCS131149:WCS131152 WMO131149:WMO131152 WWK131149:WWK131152 AC196685:AC196688 JY196685:JY196688 TU196685:TU196688 ADQ196685:ADQ196688 ANM196685:ANM196688 AXI196685:AXI196688 BHE196685:BHE196688 BRA196685:BRA196688 CAW196685:CAW196688 CKS196685:CKS196688 CUO196685:CUO196688 DEK196685:DEK196688 DOG196685:DOG196688 DYC196685:DYC196688 EHY196685:EHY196688 ERU196685:ERU196688 FBQ196685:FBQ196688 FLM196685:FLM196688 FVI196685:FVI196688 GFE196685:GFE196688 GPA196685:GPA196688 GYW196685:GYW196688 HIS196685:HIS196688 HSO196685:HSO196688 ICK196685:ICK196688 IMG196685:IMG196688 IWC196685:IWC196688 JFY196685:JFY196688 JPU196685:JPU196688 JZQ196685:JZQ196688 KJM196685:KJM196688 KTI196685:KTI196688 LDE196685:LDE196688 LNA196685:LNA196688 LWW196685:LWW196688 MGS196685:MGS196688 MQO196685:MQO196688 NAK196685:NAK196688 NKG196685:NKG196688 NUC196685:NUC196688 ODY196685:ODY196688 ONU196685:ONU196688 OXQ196685:OXQ196688 PHM196685:PHM196688 PRI196685:PRI196688 QBE196685:QBE196688 QLA196685:QLA196688 QUW196685:QUW196688 RES196685:RES196688 ROO196685:ROO196688 RYK196685:RYK196688 SIG196685:SIG196688 SSC196685:SSC196688 TBY196685:TBY196688 TLU196685:TLU196688 TVQ196685:TVQ196688 UFM196685:UFM196688 UPI196685:UPI196688 UZE196685:UZE196688 VJA196685:VJA196688 VSW196685:VSW196688 WCS196685:WCS196688 WMO196685:WMO196688 WWK196685:WWK196688 AC262221:AC262224 JY262221:JY262224 TU262221:TU262224 ADQ262221:ADQ262224 ANM262221:ANM262224 AXI262221:AXI262224 BHE262221:BHE262224 BRA262221:BRA262224 CAW262221:CAW262224 CKS262221:CKS262224 CUO262221:CUO262224 DEK262221:DEK262224 DOG262221:DOG262224 DYC262221:DYC262224 EHY262221:EHY262224 ERU262221:ERU262224 FBQ262221:FBQ262224 FLM262221:FLM262224 FVI262221:FVI262224 GFE262221:GFE262224 GPA262221:GPA262224 GYW262221:GYW262224 HIS262221:HIS262224 HSO262221:HSO262224 ICK262221:ICK262224 IMG262221:IMG262224 IWC262221:IWC262224 JFY262221:JFY262224 JPU262221:JPU262224 JZQ262221:JZQ262224 KJM262221:KJM262224 KTI262221:KTI262224 LDE262221:LDE262224 LNA262221:LNA262224 LWW262221:LWW262224 MGS262221:MGS262224 MQO262221:MQO262224 NAK262221:NAK262224 NKG262221:NKG262224 NUC262221:NUC262224 ODY262221:ODY262224 ONU262221:ONU262224 OXQ262221:OXQ262224 PHM262221:PHM262224 PRI262221:PRI262224 QBE262221:QBE262224 QLA262221:QLA262224 QUW262221:QUW262224 RES262221:RES262224 ROO262221:ROO262224 RYK262221:RYK262224 SIG262221:SIG262224 SSC262221:SSC262224 TBY262221:TBY262224 TLU262221:TLU262224 TVQ262221:TVQ262224 UFM262221:UFM262224 UPI262221:UPI262224 UZE262221:UZE262224 VJA262221:VJA262224 VSW262221:VSW262224 WCS262221:WCS262224 WMO262221:WMO262224 WWK262221:WWK262224 AC327757:AC327760 JY327757:JY327760 TU327757:TU327760 ADQ327757:ADQ327760 ANM327757:ANM327760 AXI327757:AXI327760 BHE327757:BHE327760 BRA327757:BRA327760 CAW327757:CAW327760 CKS327757:CKS327760 CUO327757:CUO327760 DEK327757:DEK327760 DOG327757:DOG327760 DYC327757:DYC327760 EHY327757:EHY327760 ERU327757:ERU327760 FBQ327757:FBQ327760 FLM327757:FLM327760 FVI327757:FVI327760 GFE327757:GFE327760 GPA327757:GPA327760 GYW327757:GYW327760 HIS327757:HIS327760 HSO327757:HSO327760 ICK327757:ICK327760 IMG327757:IMG327760 IWC327757:IWC327760 JFY327757:JFY327760 JPU327757:JPU327760 JZQ327757:JZQ327760 KJM327757:KJM327760 KTI327757:KTI327760 LDE327757:LDE327760 LNA327757:LNA327760 LWW327757:LWW327760 MGS327757:MGS327760 MQO327757:MQO327760 NAK327757:NAK327760 NKG327757:NKG327760 NUC327757:NUC327760 ODY327757:ODY327760 ONU327757:ONU327760 OXQ327757:OXQ327760 PHM327757:PHM327760 PRI327757:PRI327760 QBE327757:QBE327760 QLA327757:QLA327760 QUW327757:QUW327760 RES327757:RES327760 ROO327757:ROO327760 RYK327757:RYK327760 SIG327757:SIG327760 SSC327757:SSC327760 TBY327757:TBY327760 TLU327757:TLU327760 TVQ327757:TVQ327760 UFM327757:UFM327760 UPI327757:UPI327760 UZE327757:UZE327760 VJA327757:VJA327760 VSW327757:VSW327760 WCS327757:WCS327760 WMO327757:WMO327760 WWK327757:WWK327760 AC393293:AC393296 JY393293:JY393296 TU393293:TU393296 ADQ393293:ADQ393296 ANM393293:ANM393296 AXI393293:AXI393296 BHE393293:BHE393296 BRA393293:BRA393296 CAW393293:CAW393296 CKS393293:CKS393296 CUO393293:CUO393296 DEK393293:DEK393296 DOG393293:DOG393296 DYC393293:DYC393296 EHY393293:EHY393296 ERU393293:ERU393296 FBQ393293:FBQ393296 FLM393293:FLM393296 FVI393293:FVI393296 GFE393293:GFE393296 GPA393293:GPA393296 GYW393293:GYW393296 HIS393293:HIS393296 HSO393293:HSO393296 ICK393293:ICK393296 IMG393293:IMG393296 IWC393293:IWC393296 JFY393293:JFY393296 JPU393293:JPU393296 JZQ393293:JZQ393296 KJM393293:KJM393296 KTI393293:KTI393296 LDE393293:LDE393296 LNA393293:LNA393296 LWW393293:LWW393296 MGS393293:MGS393296 MQO393293:MQO393296 NAK393293:NAK393296 NKG393293:NKG393296 NUC393293:NUC393296 ODY393293:ODY393296 ONU393293:ONU393296 OXQ393293:OXQ393296 PHM393293:PHM393296 PRI393293:PRI393296 QBE393293:QBE393296 QLA393293:QLA393296 QUW393293:QUW393296 RES393293:RES393296 ROO393293:ROO393296 RYK393293:RYK393296 SIG393293:SIG393296 SSC393293:SSC393296 TBY393293:TBY393296 TLU393293:TLU393296 TVQ393293:TVQ393296 UFM393293:UFM393296 UPI393293:UPI393296 UZE393293:UZE393296 VJA393293:VJA393296 VSW393293:VSW393296 WCS393293:WCS393296 WMO393293:WMO393296 WWK393293:WWK393296 AC458829:AC458832 JY458829:JY458832 TU458829:TU458832 ADQ458829:ADQ458832 ANM458829:ANM458832 AXI458829:AXI458832 BHE458829:BHE458832 BRA458829:BRA458832 CAW458829:CAW458832 CKS458829:CKS458832 CUO458829:CUO458832 DEK458829:DEK458832 DOG458829:DOG458832 DYC458829:DYC458832 EHY458829:EHY458832 ERU458829:ERU458832 FBQ458829:FBQ458832 FLM458829:FLM458832 FVI458829:FVI458832 GFE458829:GFE458832 GPA458829:GPA458832 GYW458829:GYW458832 HIS458829:HIS458832 HSO458829:HSO458832 ICK458829:ICK458832 IMG458829:IMG458832 IWC458829:IWC458832 JFY458829:JFY458832 JPU458829:JPU458832 JZQ458829:JZQ458832 KJM458829:KJM458832 KTI458829:KTI458832 LDE458829:LDE458832 LNA458829:LNA458832 LWW458829:LWW458832 MGS458829:MGS458832 MQO458829:MQO458832 NAK458829:NAK458832 NKG458829:NKG458832 NUC458829:NUC458832 ODY458829:ODY458832 ONU458829:ONU458832 OXQ458829:OXQ458832 PHM458829:PHM458832 PRI458829:PRI458832 QBE458829:QBE458832 QLA458829:QLA458832 QUW458829:QUW458832 RES458829:RES458832 ROO458829:ROO458832 RYK458829:RYK458832 SIG458829:SIG458832 SSC458829:SSC458832 TBY458829:TBY458832 TLU458829:TLU458832 TVQ458829:TVQ458832 UFM458829:UFM458832 UPI458829:UPI458832 UZE458829:UZE458832 VJA458829:VJA458832 VSW458829:VSW458832 WCS458829:WCS458832 WMO458829:WMO458832 WWK458829:WWK458832 AC524365:AC524368 JY524365:JY524368 TU524365:TU524368 ADQ524365:ADQ524368 ANM524365:ANM524368 AXI524365:AXI524368 BHE524365:BHE524368 BRA524365:BRA524368 CAW524365:CAW524368 CKS524365:CKS524368 CUO524365:CUO524368 DEK524365:DEK524368 DOG524365:DOG524368 DYC524365:DYC524368 EHY524365:EHY524368 ERU524365:ERU524368 FBQ524365:FBQ524368 FLM524365:FLM524368 FVI524365:FVI524368 GFE524365:GFE524368 GPA524365:GPA524368 GYW524365:GYW524368 HIS524365:HIS524368 HSO524365:HSO524368 ICK524365:ICK524368 IMG524365:IMG524368 IWC524365:IWC524368 JFY524365:JFY524368 JPU524365:JPU524368 JZQ524365:JZQ524368 KJM524365:KJM524368 KTI524365:KTI524368 LDE524365:LDE524368 LNA524365:LNA524368 LWW524365:LWW524368 MGS524365:MGS524368 MQO524365:MQO524368 NAK524365:NAK524368 NKG524365:NKG524368 NUC524365:NUC524368 ODY524365:ODY524368 ONU524365:ONU524368 OXQ524365:OXQ524368 PHM524365:PHM524368 PRI524365:PRI524368 QBE524365:QBE524368 QLA524365:QLA524368 QUW524365:QUW524368 RES524365:RES524368 ROO524365:ROO524368 RYK524365:RYK524368 SIG524365:SIG524368 SSC524365:SSC524368 TBY524365:TBY524368 TLU524365:TLU524368 TVQ524365:TVQ524368 UFM524365:UFM524368 UPI524365:UPI524368 UZE524365:UZE524368 VJA524365:VJA524368 VSW524365:VSW524368 WCS524365:WCS524368 WMO524365:WMO524368 WWK524365:WWK524368 AC589901:AC589904 JY589901:JY589904 TU589901:TU589904 ADQ589901:ADQ589904 ANM589901:ANM589904 AXI589901:AXI589904 BHE589901:BHE589904 BRA589901:BRA589904 CAW589901:CAW589904 CKS589901:CKS589904 CUO589901:CUO589904 DEK589901:DEK589904 DOG589901:DOG589904 DYC589901:DYC589904 EHY589901:EHY589904 ERU589901:ERU589904 FBQ589901:FBQ589904 FLM589901:FLM589904 FVI589901:FVI589904 GFE589901:GFE589904 GPA589901:GPA589904 GYW589901:GYW589904 HIS589901:HIS589904 HSO589901:HSO589904 ICK589901:ICK589904 IMG589901:IMG589904 IWC589901:IWC589904 JFY589901:JFY589904 JPU589901:JPU589904 JZQ589901:JZQ589904 KJM589901:KJM589904 KTI589901:KTI589904 LDE589901:LDE589904 LNA589901:LNA589904 LWW589901:LWW589904 MGS589901:MGS589904 MQO589901:MQO589904 NAK589901:NAK589904 NKG589901:NKG589904 NUC589901:NUC589904 ODY589901:ODY589904 ONU589901:ONU589904 OXQ589901:OXQ589904 PHM589901:PHM589904 PRI589901:PRI589904 QBE589901:QBE589904 QLA589901:QLA589904 QUW589901:QUW589904 RES589901:RES589904 ROO589901:ROO589904 RYK589901:RYK589904 SIG589901:SIG589904 SSC589901:SSC589904 TBY589901:TBY589904 TLU589901:TLU589904 TVQ589901:TVQ589904 UFM589901:UFM589904 UPI589901:UPI589904 UZE589901:UZE589904 VJA589901:VJA589904 VSW589901:VSW589904 WCS589901:WCS589904 WMO589901:WMO589904 WWK589901:WWK589904 AC655437:AC655440 JY655437:JY655440 TU655437:TU655440 ADQ655437:ADQ655440 ANM655437:ANM655440 AXI655437:AXI655440 BHE655437:BHE655440 BRA655437:BRA655440 CAW655437:CAW655440 CKS655437:CKS655440 CUO655437:CUO655440 DEK655437:DEK655440 DOG655437:DOG655440 DYC655437:DYC655440 EHY655437:EHY655440 ERU655437:ERU655440 FBQ655437:FBQ655440 FLM655437:FLM655440 FVI655437:FVI655440 GFE655437:GFE655440 GPA655437:GPA655440 GYW655437:GYW655440 HIS655437:HIS655440 HSO655437:HSO655440 ICK655437:ICK655440 IMG655437:IMG655440 IWC655437:IWC655440 JFY655437:JFY655440 JPU655437:JPU655440 JZQ655437:JZQ655440 KJM655437:KJM655440 KTI655437:KTI655440 LDE655437:LDE655440 LNA655437:LNA655440 LWW655437:LWW655440 MGS655437:MGS655440 MQO655437:MQO655440 NAK655437:NAK655440 NKG655437:NKG655440 NUC655437:NUC655440 ODY655437:ODY655440 ONU655437:ONU655440 OXQ655437:OXQ655440 PHM655437:PHM655440 PRI655437:PRI655440 QBE655437:QBE655440 QLA655437:QLA655440 QUW655437:QUW655440 RES655437:RES655440 ROO655437:ROO655440 RYK655437:RYK655440 SIG655437:SIG655440 SSC655437:SSC655440 TBY655437:TBY655440 TLU655437:TLU655440 TVQ655437:TVQ655440 UFM655437:UFM655440 UPI655437:UPI655440 UZE655437:UZE655440 VJA655437:VJA655440 VSW655437:VSW655440 WCS655437:WCS655440 WMO655437:WMO655440 WWK655437:WWK655440 AC720973:AC720976 JY720973:JY720976 TU720973:TU720976 ADQ720973:ADQ720976 ANM720973:ANM720976 AXI720973:AXI720976 BHE720973:BHE720976 BRA720973:BRA720976 CAW720973:CAW720976 CKS720973:CKS720976 CUO720973:CUO720976 DEK720973:DEK720976 DOG720973:DOG720976 DYC720973:DYC720976 EHY720973:EHY720976 ERU720973:ERU720976 FBQ720973:FBQ720976 FLM720973:FLM720976 FVI720973:FVI720976 GFE720973:GFE720976 GPA720973:GPA720976 GYW720973:GYW720976 HIS720973:HIS720976 HSO720973:HSO720976 ICK720973:ICK720976 IMG720973:IMG720976 IWC720973:IWC720976 JFY720973:JFY720976 JPU720973:JPU720976 JZQ720973:JZQ720976 KJM720973:KJM720976 KTI720973:KTI720976 LDE720973:LDE720976 LNA720973:LNA720976 LWW720973:LWW720976 MGS720973:MGS720976 MQO720973:MQO720976 NAK720973:NAK720976 NKG720973:NKG720976 NUC720973:NUC720976 ODY720973:ODY720976 ONU720973:ONU720976 OXQ720973:OXQ720976 PHM720973:PHM720976 PRI720973:PRI720976 QBE720973:QBE720976 QLA720973:QLA720976 QUW720973:QUW720976 RES720973:RES720976 ROO720973:ROO720976 RYK720973:RYK720976 SIG720973:SIG720976 SSC720973:SSC720976 TBY720973:TBY720976 TLU720973:TLU720976 TVQ720973:TVQ720976 UFM720973:UFM720976 UPI720973:UPI720976 UZE720973:UZE720976 VJA720973:VJA720976 VSW720973:VSW720976 WCS720973:WCS720976 WMO720973:WMO720976 WWK720973:WWK720976 AC786509:AC786512 JY786509:JY786512 TU786509:TU786512 ADQ786509:ADQ786512 ANM786509:ANM786512 AXI786509:AXI786512 BHE786509:BHE786512 BRA786509:BRA786512 CAW786509:CAW786512 CKS786509:CKS786512 CUO786509:CUO786512 DEK786509:DEK786512 DOG786509:DOG786512 DYC786509:DYC786512 EHY786509:EHY786512 ERU786509:ERU786512 FBQ786509:FBQ786512 FLM786509:FLM786512 FVI786509:FVI786512 GFE786509:GFE786512 GPA786509:GPA786512 GYW786509:GYW786512 HIS786509:HIS786512 HSO786509:HSO786512 ICK786509:ICK786512 IMG786509:IMG786512 IWC786509:IWC786512 JFY786509:JFY786512 JPU786509:JPU786512 JZQ786509:JZQ786512 KJM786509:KJM786512 KTI786509:KTI786512 LDE786509:LDE786512 LNA786509:LNA786512 LWW786509:LWW786512 MGS786509:MGS786512 MQO786509:MQO786512 NAK786509:NAK786512 NKG786509:NKG786512 NUC786509:NUC786512 ODY786509:ODY786512 ONU786509:ONU786512 OXQ786509:OXQ786512 PHM786509:PHM786512 PRI786509:PRI786512 QBE786509:QBE786512 QLA786509:QLA786512 QUW786509:QUW786512 RES786509:RES786512 ROO786509:ROO786512 RYK786509:RYK786512 SIG786509:SIG786512 SSC786509:SSC786512 TBY786509:TBY786512 TLU786509:TLU786512 TVQ786509:TVQ786512 UFM786509:UFM786512 UPI786509:UPI786512 UZE786509:UZE786512 VJA786509:VJA786512 VSW786509:VSW786512 WCS786509:WCS786512 WMO786509:WMO786512 WWK786509:WWK786512 AC852045:AC852048 JY852045:JY852048 TU852045:TU852048 ADQ852045:ADQ852048 ANM852045:ANM852048 AXI852045:AXI852048 BHE852045:BHE852048 BRA852045:BRA852048 CAW852045:CAW852048 CKS852045:CKS852048 CUO852045:CUO852048 DEK852045:DEK852048 DOG852045:DOG852048 DYC852045:DYC852048 EHY852045:EHY852048 ERU852045:ERU852048 FBQ852045:FBQ852048 FLM852045:FLM852048 FVI852045:FVI852048 GFE852045:GFE852048 GPA852045:GPA852048 GYW852045:GYW852048 HIS852045:HIS852048 HSO852045:HSO852048 ICK852045:ICK852048 IMG852045:IMG852048 IWC852045:IWC852048 JFY852045:JFY852048 JPU852045:JPU852048 JZQ852045:JZQ852048 KJM852045:KJM852048 KTI852045:KTI852048 LDE852045:LDE852048 LNA852045:LNA852048 LWW852045:LWW852048 MGS852045:MGS852048 MQO852045:MQO852048 NAK852045:NAK852048 NKG852045:NKG852048 NUC852045:NUC852048 ODY852045:ODY852048 ONU852045:ONU852048 OXQ852045:OXQ852048 PHM852045:PHM852048 PRI852045:PRI852048 QBE852045:QBE852048 QLA852045:QLA852048 QUW852045:QUW852048 RES852045:RES852048 ROO852045:ROO852048 RYK852045:RYK852048 SIG852045:SIG852048 SSC852045:SSC852048 TBY852045:TBY852048 TLU852045:TLU852048 TVQ852045:TVQ852048 UFM852045:UFM852048 UPI852045:UPI852048 UZE852045:UZE852048 VJA852045:VJA852048 VSW852045:VSW852048 WCS852045:WCS852048 WMO852045:WMO852048 WWK852045:WWK852048 AC917581:AC917584 JY917581:JY917584 TU917581:TU917584 ADQ917581:ADQ917584 ANM917581:ANM917584 AXI917581:AXI917584 BHE917581:BHE917584 BRA917581:BRA917584 CAW917581:CAW917584 CKS917581:CKS917584 CUO917581:CUO917584 DEK917581:DEK917584 DOG917581:DOG917584 DYC917581:DYC917584 EHY917581:EHY917584 ERU917581:ERU917584 FBQ917581:FBQ917584 FLM917581:FLM917584 FVI917581:FVI917584 GFE917581:GFE917584 GPA917581:GPA917584 GYW917581:GYW917584 HIS917581:HIS917584 HSO917581:HSO917584 ICK917581:ICK917584 IMG917581:IMG917584 IWC917581:IWC917584 JFY917581:JFY917584 JPU917581:JPU917584 JZQ917581:JZQ917584 KJM917581:KJM917584 KTI917581:KTI917584 LDE917581:LDE917584 LNA917581:LNA917584 LWW917581:LWW917584 MGS917581:MGS917584 MQO917581:MQO917584 NAK917581:NAK917584 NKG917581:NKG917584 NUC917581:NUC917584 ODY917581:ODY917584 ONU917581:ONU917584 OXQ917581:OXQ917584 PHM917581:PHM917584 PRI917581:PRI917584 QBE917581:QBE917584 QLA917581:QLA917584 QUW917581:QUW917584 RES917581:RES917584 ROO917581:ROO917584 RYK917581:RYK917584 SIG917581:SIG917584 SSC917581:SSC917584 TBY917581:TBY917584 TLU917581:TLU917584 TVQ917581:TVQ917584 UFM917581:UFM917584 UPI917581:UPI917584 UZE917581:UZE917584 VJA917581:VJA917584 VSW917581:VSW917584 WCS917581:WCS917584 WMO917581:WMO917584 WWK917581:WWK917584 AC983117:AC983120 JY983117:JY983120 TU983117:TU983120 ADQ983117:ADQ983120 ANM983117:ANM983120 AXI983117:AXI983120 BHE983117:BHE983120 BRA983117:BRA983120 CAW983117:CAW983120 CKS983117:CKS983120 CUO983117:CUO983120 DEK983117:DEK983120 DOG983117:DOG983120 DYC983117:DYC983120 EHY983117:EHY983120 ERU983117:ERU983120 FBQ983117:FBQ983120 FLM983117:FLM983120 FVI983117:FVI983120 GFE983117:GFE983120 GPA983117:GPA983120 GYW983117:GYW983120 HIS983117:HIS983120 HSO983117:HSO983120 ICK983117:ICK983120 IMG983117:IMG983120 IWC983117:IWC983120 JFY983117:JFY983120 JPU983117:JPU983120 JZQ983117:JZQ983120 KJM983117:KJM983120 KTI983117:KTI983120 LDE983117:LDE983120 LNA983117:LNA983120 LWW983117:LWW983120 MGS983117:MGS983120 MQO983117:MQO983120 NAK983117:NAK983120 NKG983117:NKG983120 NUC983117:NUC983120 ODY983117:ODY983120 ONU983117:ONU983120 OXQ983117:OXQ983120 PHM983117:PHM983120 PRI983117:PRI983120 QBE983117:QBE983120 QLA983117:QLA983120 QUW983117:QUW983120 RES983117:RES983120 ROO983117:ROO983120 RYK983117:RYK983120 SIG983117:SIG983120 SSC983117:SSC983120 TBY983117:TBY983120 TLU983117:TLU983120 TVQ983117:TVQ983120 UFM983117:UFM983120 UPI983117:UPI983120 UZE983117:UZE983120 VJA983117:VJA983120 VSW983117:VSW983120 WCS983117:WCS983120 WMO983117:WMO983120 WWK983117:WWK983120 AC95:AC97 JY95:JY97 TU95:TU97 ADQ95:ADQ97 ANM95:ANM97 AXI95:AXI97 BHE95:BHE97 BRA95:BRA97 CAW95:CAW97 CKS95:CKS97 CUO95:CUO97 DEK95:DEK97 DOG95:DOG97 DYC95:DYC97 EHY95:EHY97 ERU95:ERU97 FBQ95:FBQ97 FLM95:FLM97 FVI95:FVI97 GFE95:GFE97 GPA95:GPA97 GYW95:GYW97 HIS95:HIS97 HSO95:HSO97 ICK95:ICK97 IMG95:IMG97 IWC95:IWC97 JFY95:JFY97 JPU95:JPU97 JZQ95:JZQ97 KJM95:KJM97 KTI95:KTI97 LDE95:LDE97 LNA95:LNA97 LWW95:LWW97 MGS95:MGS97 MQO95:MQO97 NAK95:NAK97 NKG95:NKG97 NUC95:NUC97 ODY95:ODY97 ONU95:ONU97 OXQ95:OXQ97 PHM95:PHM97 PRI95:PRI97 QBE95:QBE97 QLA95:QLA97 QUW95:QUW97 RES95:RES97 ROO95:ROO97 RYK95:RYK97 SIG95:SIG97 SSC95:SSC97 TBY95:TBY97 TLU95:TLU97 TVQ95:TVQ97 UFM95:UFM97 UPI95:UPI97 UZE95:UZE97 VJA95:VJA97 VSW95:VSW97 WCS95:WCS97 WMO95:WMO97 WWK95:WWK97 AC65631:AC65633 JY65631:JY65633 TU65631:TU65633 ADQ65631:ADQ65633 ANM65631:ANM65633 AXI65631:AXI65633 BHE65631:BHE65633 BRA65631:BRA65633 CAW65631:CAW65633 CKS65631:CKS65633 CUO65631:CUO65633 DEK65631:DEK65633 DOG65631:DOG65633 DYC65631:DYC65633 EHY65631:EHY65633 ERU65631:ERU65633 FBQ65631:FBQ65633 FLM65631:FLM65633 FVI65631:FVI65633 GFE65631:GFE65633 GPA65631:GPA65633 GYW65631:GYW65633 HIS65631:HIS65633 HSO65631:HSO65633 ICK65631:ICK65633 IMG65631:IMG65633 IWC65631:IWC65633 JFY65631:JFY65633 JPU65631:JPU65633 JZQ65631:JZQ65633 KJM65631:KJM65633 KTI65631:KTI65633 LDE65631:LDE65633 LNA65631:LNA65633 LWW65631:LWW65633 MGS65631:MGS65633 MQO65631:MQO65633 NAK65631:NAK65633 NKG65631:NKG65633 NUC65631:NUC65633 ODY65631:ODY65633 ONU65631:ONU65633 OXQ65631:OXQ65633 PHM65631:PHM65633 PRI65631:PRI65633 QBE65631:QBE65633 QLA65631:QLA65633 QUW65631:QUW65633 RES65631:RES65633 ROO65631:ROO65633 RYK65631:RYK65633 SIG65631:SIG65633 SSC65631:SSC65633 TBY65631:TBY65633 TLU65631:TLU65633 TVQ65631:TVQ65633 UFM65631:UFM65633 UPI65631:UPI65633 UZE65631:UZE65633 VJA65631:VJA65633 VSW65631:VSW65633 WCS65631:WCS65633 WMO65631:WMO65633 WWK65631:WWK65633 AC131167:AC131169 JY131167:JY131169 TU131167:TU131169 ADQ131167:ADQ131169 ANM131167:ANM131169 AXI131167:AXI131169 BHE131167:BHE131169 BRA131167:BRA131169 CAW131167:CAW131169 CKS131167:CKS131169 CUO131167:CUO131169 DEK131167:DEK131169 DOG131167:DOG131169 DYC131167:DYC131169 EHY131167:EHY131169 ERU131167:ERU131169 FBQ131167:FBQ131169 FLM131167:FLM131169 FVI131167:FVI131169 GFE131167:GFE131169 GPA131167:GPA131169 GYW131167:GYW131169 HIS131167:HIS131169 HSO131167:HSO131169 ICK131167:ICK131169 IMG131167:IMG131169 IWC131167:IWC131169 JFY131167:JFY131169 JPU131167:JPU131169 JZQ131167:JZQ131169 KJM131167:KJM131169 KTI131167:KTI131169 LDE131167:LDE131169 LNA131167:LNA131169 LWW131167:LWW131169 MGS131167:MGS131169 MQO131167:MQO131169 NAK131167:NAK131169 NKG131167:NKG131169 NUC131167:NUC131169 ODY131167:ODY131169 ONU131167:ONU131169 OXQ131167:OXQ131169 PHM131167:PHM131169 PRI131167:PRI131169 QBE131167:QBE131169 QLA131167:QLA131169 QUW131167:QUW131169 RES131167:RES131169 ROO131167:ROO131169 RYK131167:RYK131169 SIG131167:SIG131169 SSC131167:SSC131169 TBY131167:TBY131169 TLU131167:TLU131169 TVQ131167:TVQ131169 UFM131167:UFM131169 UPI131167:UPI131169 UZE131167:UZE131169 VJA131167:VJA131169 VSW131167:VSW131169 WCS131167:WCS131169 WMO131167:WMO131169 WWK131167:WWK131169 AC196703:AC196705 JY196703:JY196705 TU196703:TU196705 ADQ196703:ADQ196705 ANM196703:ANM196705 AXI196703:AXI196705 BHE196703:BHE196705 BRA196703:BRA196705 CAW196703:CAW196705 CKS196703:CKS196705 CUO196703:CUO196705 DEK196703:DEK196705 DOG196703:DOG196705 DYC196703:DYC196705 EHY196703:EHY196705 ERU196703:ERU196705 FBQ196703:FBQ196705 FLM196703:FLM196705 FVI196703:FVI196705 GFE196703:GFE196705 GPA196703:GPA196705 GYW196703:GYW196705 HIS196703:HIS196705 HSO196703:HSO196705 ICK196703:ICK196705 IMG196703:IMG196705 IWC196703:IWC196705 JFY196703:JFY196705 JPU196703:JPU196705 JZQ196703:JZQ196705 KJM196703:KJM196705 KTI196703:KTI196705 LDE196703:LDE196705 LNA196703:LNA196705 LWW196703:LWW196705 MGS196703:MGS196705 MQO196703:MQO196705 NAK196703:NAK196705 NKG196703:NKG196705 NUC196703:NUC196705 ODY196703:ODY196705 ONU196703:ONU196705 OXQ196703:OXQ196705 PHM196703:PHM196705 PRI196703:PRI196705 QBE196703:QBE196705 QLA196703:QLA196705 QUW196703:QUW196705 RES196703:RES196705 ROO196703:ROO196705 RYK196703:RYK196705 SIG196703:SIG196705 SSC196703:SSC196705 TBY196703:TBY196705 TLU196703:TLU196705 TVQ196703:TVQ196705 UFM196703:UFM196705 UPI196703:UPI196705 UZE196703:UZE196705 VJA196703:VJA196705 VSW196703:VSW196705 WCS196703:WCS196705 WMO196703:WMO196705 WWK196703:WWK196705 AC262239:AC262241 JY262239:JY262241 TU262239:TU262241 ADQ262239:ADQ262241 ANM262239:ANM262241 AXI262239:AXI262241 BHE262239:BHE262241 BRA262239:BRA262241 CAW262239:CAW262241 CKS262239:CKS262241 CUO262239:CUO262241 DEK262239:DEK262241 DOG262239:DOG262241 DYC262239:DYC262241 EHY262239:EHY262241 ERU262239:ERU262241 FBQ262239:FBQ262241 FLM262239:FLM262241 FVI262239:FVI262241 GFE262239:GFE262241 GPA262239:GPA262241 GYW262239:GYW262241 HIS262239:HIS262241 HSO262239:HSO262241 ICK262239:ICK262241 IMG262239:IMG262241 IWC262239:IWC262241 JFY262239:JFY262241 JPU262239:JPU262241 JZQ262239:JZQ262241 KJM262239:KJM262241 KTI262239:KTI262241 LDE262239:LDE262241 LNA262239:LNA262241 LWW262239:LWW262241 MGS262239:MGS262241 MQO262239:MQO262241 NAK262239:NAK262241 NKG262239:NKG262241 NUC262239:NUC262241 ODY262239:ODY262241 ONU262239:ONU262241 OXQ262239:OXQ262241 PHM262239:PHM262241 PRI262239:PRI262241 QBE262239:QBE262241 QLA262239:QLA262241 QUW262239:QUW262241 RES262239:RES262241 ROO262239:ROO262241 RYK262239:RYK262241 SIG262239:SIG262241 SSC262239:SSC262241 TBY262239:TBY262241 TLU262239:TLU262241 TVQ262239:TVQ262241 UFM262239:UFM262241 UPI262239:UPI262241 UZE262239:UZE262241 VJA262239:VJA262241 VSW262239:VSW262241 WCS262239:WCS262241 WMO262239:WMO262241 WWK262239:WWK262241 AC327775:AC327777 JY327775:JY327777 TU327775:TU327777 ADQ327775:ADQ327777 ANM327775:ANM327777 AXI327775:AXI327777 BHE327775:BHE327777 BRA327775:BRA327777 CAW327775:CAW327777 CKS327775:CKS327777 CUO327775:CUO327777 DEK327775:DEK327777 DOG327775:DOG327777 DYC327775:DYC327777 EHY327775:EHY327777 ERU327775:ERU327777 FBQ327775:FBQ327777 FLM327775:FLM327777 FVI327775:FVI327777 GFE327775:GFE327777 GPA327775:GPA327777 GYW327775:GYW327777 HIS327775:HIS327777 HSO327775:HSO327777 ICK327775:ICK327777 IMG327775:IMG327777 IWC327775:IWC327777 JFY327775:JFY327777 JPU327775:JPU327777 JZQ327775:JZQ327777 KJM327775:KJM327777 KTI327775:KTI327777 LDE327775:LDE327777 LNA327775:LNA327777 LWW327775:LWW327777 MGS327775:MGS327777 MQO327775:MQO327777 NAK327775:NAK327777 NKG327775:NKG327777 NUC327775:NUC327777 ODY327775:ODY327777 ONU327775:ONU327777 OXQ327775:OXQ327777 PHM327775:PHM327777 PRI327775:PRI327777 QBE327775:QBE327777 QLA327775:QLA327777 QUW327775:QUW327777 RES327775:RES327777 ROO327775:ROO327777 RYK327775:RYK327777 SIG327775:SIG327777 SSC327775:SSC327777 TBY327775:TBY327777 TLU327775:TLU327777 TVQ327775:TVQ327777 UFM327775:UFM327777 UPI327775:UPI327777 UZE327775:UZE327777 VJA327775:VJA327777 VSW327775:VSW327777 WCS327775:WCS327777 WMO327775:WMO327777 WWK327775:WWK327777 AC393311:AC393313 JY393311:JY393313 TU393311:TU393313 ADQ393311:ADQ393313 ANM393311:ANM393313 AXI393311:AXI393313 BHE393311:BHE393313 BRA393311:BRA393313 CAW393311:CAW393313 CKS393311:CKS393313 CUO393311:CUO393313 DEK393311:DEK393313 DOG393311:DOG393313 DYC393311:DYC393313 EHY393311:EHY393313 ERU393311:ERU393313 FBQ393311:FBQ393313 FLM393311:FLM393313 FVI393311:FVI393313 GFE393311:GFE393313 GPA393311:GPA393313 GYW393311:GYW393313 HIS393311:HIS393313 HSO393311:HSO393313 ICK393311:ICK393313 IMG393311:IMG393313 IWC393311:IWC393313 JFY393311:JFY393313 JPU393311:JPU393313 JZQ393311:JZQ393313 KJM393311:KJM393313 KTI393311:KTI393313 LDE393311:LDE393313 LNA393311:LNA393313 LWW393311:LWW393313 MGS393311:MGS393313 MQO393311:MQO393313 NAK393311:NAK393313 NKG393311:NKG393313 NUC393311:NUC393313 ODY393311:ODY393313 ONU393311:ONU393313 OXQ393311:OXQ393313 PHM393311:PHM393313 PRI393311:PRI393313 QBE393311:QBE393313 QLA393311:QLA393313 QUW393311:QUW393313 RES393311:RES393313 ROO393311:ROO393313 RYK393311:RYK393313 SIG393311:SIG393313 SSC393311:SSC393313 TBY393311:TBY393313 TLU393311:TLU393313 TVQ393311:TVQ393313 UFM393311:UFM393313 UPI393311:UPI393313 UZE393311:UZE393313 VJA393311:VJA393313 VSW393311:VSW393313 WCS393311:WCS393313 WMO393311:WMO393313 WWK393311:WWK393313 AC458847:AC458849 JY458847:JY458849 TU458847:TU458849 ADQ458847:ADQ458849 ANM458847:ANM458849 AXI458847:AXI458849 BHE458847:BHE458849 BRA458847:BRA458849 CAW458847:CAW458849 CKS458847:CKS458849 CUO458847:CUO458849 DEK458847:DEK458849 DOG458847:DOG458849 DYC458847:DYC458849 EHY458847:EHY458849 ERU458847:ERU458849 FBQ458847:FBQ458849 FLM458847:FLM458849 FVI458847:FVI458849 GFE458847:GFE458849 GPA458847:GPA458849 GYW458847:GYW458849 HIS458847:HIS458849 HSO458847:HSO458849 ICK458847:ICK458849 IMG458847:IMG458849 IWC458847:IWC458849 JFY458847:JFY458849 JPU458847:JPU458849 JZQ458847:JZQ458849 KJM458847:KJM458849 KTI458847:KTI458849 LDE458847:LDE458849 LNA458847:LNA458849 LWW458847:LWW458849 MGS458847:MGS458849 MQO458847:MQO458849 NAK458847:NAK458849 NKG458847:NKG458849 NUC458847:NUC458849 ODY458847:ODY458849 ONU458847:ONU458849 OXQ458847:OXQ458849 PHM458847:PHM458849 PRI458847:PRI458849 QBE458847:QBE458849 QLA458847:QLA458849 QUW458847:QUW458849 RES458847:RES458849 ROO458847:ROO458849 RYK458847:RYK458849 SIG458847:SIG458849 SSC458847:SSC458849 TBY458847:TBY458849 TLU458847:TLU458849 TVQ458847:TVQ458849 UFM458847:UFM458849 UPI458847:UPI458849 UZE458847:UZE458849 VJA458847:VJA458849 VSW458847:VSW458849 WCS458847:WCS458849 WMO458847:WMO458849 WWK458847:WWK458849 AC524383:AC524385 JY524383:JY524385 TU524383:TU524385 ADQ524383:ADQ524385 ANM524383:ANM524385 AXI524383:AXI524385 BHE524383:BHE524385 BRA524383:BRA524385 CAW524383:CAW524385 CKS524383:CKS524385 CUO524383:CUO524385 DEK524383:DEK524385 DOG524383:DOG524385 DYC524383:DYC524385 EHY524383:EHY524385 ERU524383:ERU524385 FBQ524383:FBQ524385 FLM524383:FLM524385 FVI524383:FVI524385 GFE524383:GFE524385 GPA524383:GPA524385 GYW524383:GYW524385 HIS524383:HIS524385 HSO524383:HSO524385 ICK524383:ICK524385 IMG524383:IMG524385 IWC524383:IWC524385 JFY524383:JFY524385 JPU524383:JPU524385 JZQ524383:JZQ524385 KJM524383:KJM524385 KTI524383:KTI524385 LDE524383:LDE524385 LNA524383:LNA524385 LWW524383:LWW524385 MGS524383:MGS524385 MQO524383:MQO524385 NAK524383:NAK524385 NKG524383:NKG524385 NUC524383:NUC524385 ODY524383:ODY524385 ONU524383:ONU524385 OXQ524383:OXQ524385 PHM524383:PHM524385 PRI524383:PRI524385 QBE524383:QBE524385 QLA524383:QLA524385 QUW524383:QUW524385 RES524383:RES524385 ROO524383:ROO524385 RYK524383:RYK524385 SIG524383:SIG524385 SSC524383:SSC524385 TBY524383:TBY524385 TLU524383:TLU524385 TVQ524383:TVQ524385 UFM524383:UFM524385 UPI524383:UPI524385 UZE524383:UZE524385 VJA524383:VJA524385 VSW524383:VSW524385 WCS524383:WCS524385 WMO524383:WMO524385 WWK524383:WWK524385 AC589919:AC589921 JY589919:JY589921 TU589919:TU589921 ADQ589919:ADQ589921 ANM589919:ANM589921 AXI589919:AXI589921 BHE589919:BHE589921 BRA589919:BRA589921 CAW589919:CAW589921 CKS589919:CKS589921 CUO589919:CUO589921 DEK589919:DEK589921 DOG589919:DOG589921 DYC589919:DYC589921 EHY589919:EHY589921 ERU589919:ERU589921 FBQ589919:FBQ589921 FLM589919:FLM589921 FVI589919:FVI589921 GFE589919:GFE589921 GPA589919:GPA589921 GYW589919:GYW589921 HIS589919:HIS589921 HSO589919:HSO589921 ICK589919:ICK589921 IMG589919:IMG589921 IWC589919:IWC589921 JFY589919:JFY589921 JPU589919:JPU589921 JZQ589919:JZQ589921 KJM589919:KJM589921 KTI589919:KTI589921 LDE589919:LDE589921 LNA589919:LNA589921 LWW589919:LWW589921 MGS589919:MGS589921 MQO589919:MQO589921 NAK589919:NAK589921 NKG589919:NKG589921 NUC589919:NUC589921 ODY589919:ODY589921 ONU589919:ONU589921 OXQ589919:OXQ589921 PHM589919:PHM589921 PRI589919:PRI589921 QBE589919:QBE589921 QLA589919:QLA589921 QUW589919:QUW589921 RES589919:RES589921 ROO589919:ROO589921 RYK589919:RYK589921 SIG589919:SIG589921 SSC589919:SSC589921 TBY589919:TBY589921 TLU589919:TLU589921 TVQ589919:TVQ589921 UFM589919:UFM589921 UPI589919:UPI589921 UZE589919:UZE589921 VJA589919:VJA589921 VSW589919:VSW589921 WCS589919:WCS589921 WMO589919:WMO589921 WWK589919:WWK589921 AC655455:AC655457 JY655455:JY655457 TU655455:TU655457 ADQ655455:ADQ655457 ANM655455:ANM655457 AXI655455:AXI655457 BHE655455:BHE655457 BRA655455:BRA655457 CAW655455:CAW655457 CKS655455:CKS655457 CUO655455:CUO655457 DEK655455:DEK655457 DOG655455:DOG655457 DYC655455:DYC655457 EHY655455:EHY655457 ERU655455:ERU655457 FBQ655455:FBQ655457 FLM655455:FLM655457 FVI655455:FVI655457 GFE655455:GFE655457 GPA655455:GPA655457 GYW655455:GYW655457 HIS655455:HIS655457 HSO655455:HSO655457 ICK655455:ICK655457 IMG655455:IMG655457 IWC655455:IWC655457 JFY655455:JFY655457 JPU655455:JPU655457 JZQ655455:JZQ655457 KJM655455:KJM655457 KTI655455:KTI655457 LDE655455:LDE655457 LNA655455:LNA655457 LWW655455:LWW655457 MGS655455:MGS655457 MQO655455:MQO655457 NAK655455:NAK655457 NKG655455:NKG655457 NUC655455:NUC655457 ODY655455:ODY655457 ONU655455:ONU655457 OXQ655455:OXQ655457 PHM655455:PHM655457 PRI655455:PRI655457 QBE655455:QBE655457 QLA655455:QLA655457 QUW655455:QUW655457 RES655455:RES655457 ROO655455:ROO655457 RYK655455:RYK655457 SIG655455:SIG655457 SSC655455:SSC655457 TBY655455:TBY655457 TLU655455:TLU655457 TVQ655455:TVQ655457 UFM655455:UFM655457 UPI655455:UPI655457 UZE655455:UZE655457 VJA655455:VJA655457 VSW655455:VSW655457 WCS655455:WCS655457 WMO655455:WMO655457 WWK655455:WWK655457 AC720991:AC720993 JY720991:JY720993 TU720991:TU720993 ADQ720991:ADQ720993 ANM720991:ANM720993 AXI720991:AXI720993 BHE720991:BHE720993 BRA720991:BRA720993 CAW720991:CAW720993 CKS720991:CKS720993 CUO720991:CUO720993 DEK720991:DEK720993 DOG720991:DOG720993 DYC720991:DYC720993 EHY720991:EHY720993 ERU720991:ERU720993 FBQ720991:FBQ720993 FLM720991:FLM720993 FVI720991:FVI720993 GFE720991:GFE720993 GPA720991:GPA720993 GYW720991:GYW720993 HIS720991:HIS720993 HSO720991:HSO720993 ICK720991:ICK720993 IMG720991:IMG720993 IWC720991:IWC720993 JFY720991:JFY720993 JPU720991:JPU720993 JZQ720991:JZQ720993 KJM720991:KJM720993 KTI720991:KTI720993 LDE720991:LDE720993 LNA720991:LNA720993 LWW720991:LWW720993 MGS720991:MGS720993 MQO720991:MQO720993 NAK720991:NAK720993 NKG720991:NKG720993 NUC720991:NUC720993 ODY720991:ODY720993 ONU720991:ONU720993 OXQ720991:OXQ720993 PHM720991:PHM720993 PRI720991:PRI720993 QBE720991:QBE720993 QLA720991:QLA720993 QUW720991:QUW720993 RES720991:RES720993 ROO720991:ROO720993 RYK720991:RYK720993 SIG720991:SIG720993 SSC720991:SSC720993 TBY720991:TBY720993 TLU720991:TLU720993 TVQ720991:TVQ720993 UFM720991:UFM720993 UPI720991:UPI720993 UZE720991:UZE720993 VJA720991:VJA720993 VSW720991:VSW720993 WCS720991:WCS720993 WMO720991:WMO720993 WWK720991:WWK720993 AC786527:AC786529 JY786527:JY786529 TU786527:TU786529 ADQ786527:ADQ786529 ANM786527:ANM786529 AXI786527:AXI786529 BHE786527:BHE786529 BRA786527:BRA786529 CAW786527:CAW786529 CKS786527:CKS786529 CUO786527:CUO786529 DEK786527:DEK786529 DOG786527:DOG786529 DYC786527:DYC786529 EHY786527:EHY786529 ERU786527:ERU786529 FBQ786527:FBQ786529 FLM786527:FLM786529 FVI786527:FVI786529 GFE786527:GFE786529 GPA786527:GPA786529 GYW786527:GYW786529 HIS786527:HIS786529 HSO786527:HSO786529 ICK786527:ICK786529 IMG786527:IMG786529 IWC786527:IWC786529 JFY786527:JFY786529 JPU786527:JPU786529 JZQ786527:JZQ786529 KJM786527:KJM786529 KTI786527:KTI786529 LDE786527:LDE786529 LNA786527:LNA786529 LWW786527:LWW786529 MGS786527:MGS786529 MQO786527:MQO786529 NAK786527:NAK786529 NKG786527:NKG786529 NUC786527:NUC786529 ODY786527:ODY786529 ONU786527:ONU786529 OXQ786527:OXQ786529 PHM786527:PHM786529 PRI786527:PRI786529 QBE786527:QBE786529 QLA786527:QLA786529 QUW786527:QUW786529 RES786527:RES786529 ROO786527:ROO786529 RYK786527:RYK786529 SIG786527:SIG786529 SSC786527:SSC786529 TBY786527:TBY786529 TLU786527:TLU786529 TVQ786527:TVQ786529 UFM786527:UFM786529 UPI786527:UPI786529 UZE786527:UZE786529 VJA786527:VJA786529 VSW786527:VSW786529 WCS786527:WCS786529 WMO786527:WMO786529 WWK786527:WWK786529 AC852063:AC852065 JY852063:JY852065 TU852063:TU852065 ADQ852063:ADQ852065 ANM852063:ANM852065 AXI852063:AXI852065 BHE852063:BHE852065 BRA852063:BRA852065 CAW852063:CAW852065 CKS852063:CKS852065 CUO852063:CUO852065 DEK852063:DEK852065 DOG852063:DOG852065 DYC852063:DYC852065 EHY852063:EHY852065 ERU852063:ERU852065 FBQ852063:FBQ852065 FLM852063:FLM852065 FVI852063:FVI852065 GFE852063:GFE852065 GPA852063:GPA852065 GYW852063:GYW852065 HIS852063:HIS852065 HSO852063:HSO852065 ICK852063:ICK852065 IMG852063:IMG852065 IWC852063:IWC852065 JFY852063:JFY852065 JPU852063:JPU852065 JZQ852063:JZQ852065 KJM852063:KJM852065 KTI852063:KTI852065 LDE852063:LDE852065 LNA852063:LNA852065 LWW852063:LWW852065 MGS852063:MGS852065 MQO852063:MQO852065 NAK852063:NAK852065 NKG852063:NKG852065 NUC852063:NUC852065 ODY852063:ODY852065 ONU852063:ONU852065 OXQ852063:OXQ852065 PHM852063:PHM852065 PRI852063:PRI852065 QBE852063:QBE852065 QLA852063:QLA852065 QUW852063:QUW852065 RES852063:RES852065 ROO852063:ROO852065 RYK852063:RYK852065 SIG852063:SIG852065 SSC852063:SSC852065 TBY852063:TBY852065 TLU852063:TLU852065 TVQ852063:TVQ852065 UFM852063:UFM852065 UPI852063:UPI852065 UZE852063:UZE852065 VJA852063:VJA852065 VSW852063:VSW852065 WCS852063:WCS852065 WMO852063:WMO852065 WWK852063:WWK852065 AC917599:AC917601 JY917599:JY917601 TU917599:TU917601 ADQ917599:ADQ917601 ANM917599:ANM917601 AXI917599:AXI917601 BHE917599:BHE917601 BRA917599:BRA917601 CAW917599:CAW917601 CKS917599:CKS917601 CUO917599:CUO917601 DEK917599:DEK917601 DOG917599:DOG917601 DYC917599:DYC917601 EHY917599:EHY917601 ERU917599:ERU917601 FBQ917599:FBQ917601 FLM917599:FLM917601 FVI917599:FVI917601 GFE917599:GFE917601 GPA917599:GPA917601 GYW917599:GYW917601 HIS917599:HIS917601 HSO917599:HSO917601 ICK917599:ICK917601 IMG917599:IMG917601 IWC917599:IWC917601 JFY917599:JFY917601 JPU917599:JPU917601 JZQ917599:JZQ917601 KJM917599:KJM917601 KTI917599:KTI917601 LDE917599:LDE917601 LNA917599:LNA917601 LWW917599:LWW917601 MGS917599:MGS917601 MQO917599:MQO917601 NAK917599:NAK917601 NKG917599:NKG917601 NUC917599:NUC917601 ODY917599:ODY917601 ONU917599:ONU917601 OXQ917599:OXQ917601 PHM917599:PHM917601 PRI917599:PRI917601 QBE917599:QBE917601 QLA917599:QLA917601 QUW917599:QUW917601 RES917599:RES917601 ROO917599:ROO917601 RYK917599:RYK917601 SIG917599:SIG917601 SSC917599:SSC917601 TBY917599:TBY917601 TLU917599:TLU917601 TVQ917599:TVQ917601 UFM917599:UFM917601 UPI917599:UPI917601 UZE917599:UZE917601 VJA917599:VJA917601 VSW917599:VSW917601 WCS917599:WCS917601 WMO917599:WMO917601 WWK917599:WWK917601 AC983135:AC983137 JY983135:JY983137 TU983135:TU983137 ADQ983135:ADQ983137 ANM983135:ANM983137 AXI983135:AXI983137 BHE983135:BHE983137 BRA983135:BRA983137 CAW983135:CAW983137 CKS983135:CKS983137 CUO983135:CUO983137 DEK983135:DEK983137 DOG983135:DOG983137 DYC983135:DYC983137 EHY983135:EHY983137 ERU983135:ERU983137 FBQ983135:FBQ983137 FLM983135:FLM983137 FVI983135:FVI983137 GFE983135:GFE983137 GPA983135:GPA983137 GYW983135:GYW983137 HIS983135:HIS983137 HSO983135:HSO983137 ICK983135:ICK983137 IMG983135:IMG983137 IWC983135:IWC983137 JFY983135:JFY983137 JPU983135:JPU983137 JZQ983135:JZQ983137 KJM983135:KJM983137 KTI983135:KTI983137 LDE983135:LDE983137 LNA983135:LNA983137 LWW983135:LWW983137 MGS983135:MGS983137 MQO983135:MQO983137 NAK983135:NAK983137 NKG983135:NKG983137 NUC983135:NUC983137 ODY983135:ODY983137 ONU983135:ONU983137 OXQ983135:OXQ983137 PHM983135:PHM983137 PRI983135:PRI983137 QBE983135:QBE983137 QLA983135:QLA983137 QUW983135:QUW983137 RES983135:RES983137 ROO983135:ROO983137 RYK983135:RYK983137 SIG983135:SIG983137 SSC983135:SSC983137 TBY983135:TBY983137 TLU983135:TLU983137 TVQ983135:TVQ983137 UFM983135:UFM983137 UPI983135:UPI983137 UZE983135:UZE983137 VJA983135:VJA983137 VSW983135:VSW983137 WCS983135:WCS983137 WMO983135:WMO983137 WWK983135:WWK983137 AE95:AE97 KA95:KA97 TW95:TW97 ADS95:ADS97 ANO95:ANO97 AXK95:AXK97 BHG95:BHG97 BRC95:BRC97 CAY95:CAY97 CKU95:CKU97 CUQ95:CUQ97 DEM95:DEM97 DOI95:DOI97 DYE95:DYE97 EIA95:EIA97 ERW95:ERW97 FBS95:FBS97 FLO95:FLO97 FVK95:FVK97 GFG95:GFG97 GPC95:GPC97 GYY95:GYY97 HIU95:HIU97 HSQ95:HSQ97 ICM95:ICM97 IMI95:IMI97 IWE95:IWE97 JGA95:JGA97 JPW95:JPW97 JZS95:JZS97 KJO95:KJO97 KTK95:KTK97 LDG95:LDG97 LNC95:LNC97 LWY95:LWY97 MGU95:MGU97 MQQ95:MQQ97 NAM95:NAM97 NKI95:NKI97 NUE95:NUE97 OEA95:OEA97 ONW95:ONW97 OXS95:OXS97 PHO95:PHO97 PRK95:PRK97 QBG95:QBG97 QLC95:QLC97 QUY95:QUY97 REU95:REU97 ROQ95:ROQ97 RYM95:RYM97 SII95:SII97 SSE95:SSE97 TCA95:TCA97 TLW95:TLW97 TVS95:TVS97 UFO95:UFO97 UPK95:UPK97 UZG95:UZG97 VJC95:VJC97 VSY95:VSY97 WCU95:WCU97 WMQ95:WMQ97 WWM95:WWM97 AE65631:AE65633 KA65631:KA65633 TW65631:TW65633 ADS65631:ADS65633 ANO65631:ANO65633 AXK65631:AXK65633 BHG65631:BHG65633 BRC65631:BRC65633 CAY65631:CAY65633 CKU65631:CKU65633 CUQ65631:CUQ65633 DEM65631:DEM65633 DOI65631:DOI65633 DYE65631:DYE65633 EIA65631:EIA65633 ERW65631:ERW65633 FBS65631:FBS65633 FLO65631:FLO65633 FVK65631:FVK65633 GFG65631:GFG65633 GPC65631:GPC65633 GYY65631:GYY65633 HIU65631:HIU65633 HSQ65631:HSQ65633 ICM65631:ICM65633 IMI65631:IMI65633 IWE65631:IWE65633 JGA65631:JGA65633 JPW65631:JPW65633 JZS65631:JZS65633 KJO65631:KJO65633 KTK65631:KTK65633 LDG65631:LDG65633 LNC65631:LNC65633 LWY65631:LWY65633 MGU65631:MGU65633 MQQ65631:MQQ65633 NAM65631:NAM65633 NKI65631:NKI65633 NUE65631:NUE65633 OEA65631:OEA65633 ONW65631:ONW65633 OXS65631:OXS65633 PHO65631:PHO65633 PRK65631:PRK65633 QBG65631:QBG65633 QLC65631:QLC65633 QUY65631:QUY65633 REU65631:REU65633 ROQ65631:ROQ65633 RYM65631:RYM65633 SII65631:SII65633 SSE65631:SSE65633 TCA65631:TCA65633 TLW65631:TLW65633 TVS65631:TVS65633 UFO65631:UFO65633 UPK65631:UPK65633 UZG65631:UZG65633 VJC65631:VJC65633 VSY65631:VSY65633 WCU65631:WCU65633 WMQ65631:WMQ65633 WWM65631:WWM65633 AE131167:AE131169 KA131167:KA131169 TW131167:TW131169 ADS131167:ADS131169 ANO131167:ANO131169 AXK131167:AXK131169 BHG131167:BHG131169 BRC131167:BRC131169 CAY131167:CAY131169 CKU131167:CKU131169 CUQ131167:CUQ131169 DEM131167:DEM131169 DOI131167:DOI131169 DYE131167:DYE131169 EIA131167:EIA131169 ERW131167:ERW131169 FBS131167:FBS131169 FLO131167:FLO131169 FVK131167:FVK131169 GFG131167:GFG131169 GPC131167:GPC131169 GYY131167:GYY131169 HIU131167:HIU131169 HSQ131167:HSQ131169 ICM131167:ICM131169 IMI131167:IMI131169 IWE131167:IWE131169 JGA131167:JGA131169 JPW131167:JPW131169 JZS131167:JZS131169 KJO131167:KJO131169 KTK131167:KTK131169 LDG131167:LDG131169 LNC131167:LNC131169 LWY131167:LWY131169 MGU131167:MGU131169 MQQ131167:MQQ131169 NAM131167:NAM131169 NKI131167:NKI131169 NUE131167:NUE131169 OEA131167:OEA131169 ONW131167:ONW131169 OXS131167:OXS131169 PHO131167:PHO131169 PRK131167:PRK131169 QBG131167:QBG131169 QLC131167:QLC131169 QUY131167:QUY131169 REU131167:REU131169 ROQ131167:ROQ131169 RYM131167:RYM131169 SII131167:SII131169 SSE131167:SSE131169 TCA131167:TCA131169 TLW131167:TLW131169 TVS131167:TVS131169 UFO131167:UFO131169 UPK131167:UPK131169 UZG131167:UZG131169 VJC131167:VJC131169 VSY131167:VSY131169 WCU131167:WCU131169 WMQ131167:WMQ131169 WWM131167:WWM131169 AE196703:AE196705 KA196703:KA196705 TW196703:TW196705 ADS196703:ADS196705 ANO196703:ANO196705 AXK196703:AXK196705 BHG196703:BHG196705 BRC196703:BRC196705 CAY196703:CAY196705 CKU196703:CKU196705 CUQ196703:CUQ196705 DEM196703:DEM196705 DOI196703:DOI196705 DYE196703:DYE196705 EIA196703:EIA196705 ERW196703:ERW196705 FBS196703:FBS196705 FLO196703:FLO196705 FVK196703:FVK196705 GFG196703:GFG196705 GPC196703:GPC196705 GYY196703:GYY196705 HIU196703:HIU196705 HSQ196703:HSQ196705 ICM196703:ICM196705 IMI196703:IMI196705 IWE196703:IWE196705 JGA196703:JGA196705 JPW196703:JPW196705 JZS196703:JZS196705 KJO196703:KJO196705 KTK196703:KTK196705 LDG196703:LDG196705 LNC196703:LNC196705 LWY196703:LWY196705 MGU196703:MGU196705 MQQ196703:MQQ196705 NAM196703:NAM196705 NKI196703:NKI196705 NUE196703:NUE196705 OEA196703:OEA196705 ONW196703:ONW196705 OXS196703:OXS196705 PHO196703:PHO196705 PRK196703:PRK196705 QBG196703:QBG196705 QLC196703:QLC196705 QUY196703:QUY196705 REU196703:REU196705 ROQ196703:ROQ196705 RYM196703:RYM196705 SII196703:SII196705 SSE196703:SSE196705 TCA196703:TCA196705 TLW196703:TLW196705 TVS196703:TVS196705 UFO196703:UFO196705 UPK196703:UPK196705 UZG196703:UZG196705 VJC196703:VJC196705 VSY196703:VSY196705 WCU196703:WCU196705 WMQ196703:WMQ196705 WWM196703:WWM196705 AE262239:AE262241 KA262239:KA262241 TW262239:TW262241 ADS262239:ADS262241 ANO262239:ANO262241 AXK262239:AXK262241 BHG262239:BHG262241 BRC262239:BRC262241 CAY262239:CAY262241 CKU262239:CKU262241 CUQ262239:CUQ262241 DEM262239:DEM262241 DOI262239:DOI262241 DYE262239:DYE262241 EIA262239:EIA262241 ERW262239:ERW262241 FBS262239:FBS262241 FLO262239:FLO262241 FVK262239:FVK262241 GFG262239:GFG262241 GPC262239:GPC262241 GYY262239:GYY262241 HIU262239:HIU262241 HSQ262239:HSQ262241 ICM262239:ICM262241 IMI262239:IMI262241 IWE262239:IWE262241 JGA262239:JGA262241 JPW262239:JPW262241 JZS262239:JZS262241 KJO262239:KJO262241 KTK262239:KTK262241 LDG262239:LDG262241 LNC262239:LNC262241 LWY262239:LWY262241 MGU262239:MGU262241 MQQ262239:MQQ262241 NAM262239:NAM262241 NKI262239:NKI262241 NUE262239:NUE262241 OEA262239:OEA262241 ONW262239:ONW262241 OXS262239:OXS262241 PHO262239:PHO262241 PRK262239:PRK262241 QBG262239:QBG262241 QLC262239:QLC262241 QUY262239:QUY262241 REU262239:REU262241 ROQ262239:ROQ262241 RYM262239:RYM262241 SII262239:SII262241 SSE262239:SSE262241 TCA262239:TCA262241 TLW262239:TLW262241 TVS262239:TVS262241 UFO262239:UFO262241 UPK262239:UPK262241 UZG262239:UZG262241 VJC262239:VJC262241 VSY262239:VSY262241 WCU262239:WCU262241 WMQ262239:WMQ262241 WWM262239:WWM262241 AE327775:AE327777 KA327775:KA327777 TW327775:TW327777 ADS327775:ADS327777 ANO327775:ANO327777 AXK327775:AXK327777 BHG327775:BHG327777 BRC327775:BRC327777 CAY327775:CAY327777 CKU327775:CKU327777 CUQ327775:CUQ327777 DEM327775:DEM327777 DOI327775:DOI327777 DYE327775:DYE327777 EIA327775:EIA327777 ERW327775:ERW327777 FBS327775:FBS327777 FLO327775:FLO327777 FVK327775:FVK327777 GFG327775:GFG327777 GPC327775:GPC327777 GYY327775:GYY327777 HIU327775:HIU327777 HSQ327775:HSQ327777 ICM327775:ICM327777 IMI327775:IMI327777 IWE327775:IWE327777 JGA327775:JGA327777 JPW327775:JPW327777 JZS327775:JZS327777 KJO327775:KJO327777 KTK327775:KTK327777 LDG327775:LDG327777 LNC327775:LNC327777 LWY327775:LWY327777 MGU327775:MGU327777 MQQ327775:MQQ327777 NAM327775:NAM327777 NKI327775:NKI327777 NUE327775:NUE327777 OEA327775:OEA327777 ONW327775:ONW327777 OXS327775:OXS327777 PHO327775:PHO327777 PRK327775:PRK327777 QBG327775:QBG327777 QLC327775:QLC327777 QUY327775:QUY327777 REU327775:REU327777 ROQ327775:ROQ327777 RYM327775:RYM327777 SII327775:SII327777 SSE327775:SSE327777 TCA327775:TCA327777 TLW327775:TLW327777 TVS327775:TVS327777 UFO327775:UFO327777 UPK327775:UPK327777 UZG327775:UZG327777 VJC327775:VJC327777 VSY327775:VSY327777 WCU327775:WCU327777 WMQ327775:WMQ327777 WWM327775:WWM327777 AE393311:AE393313 KA393311:KA393313 TW393311:TW393313 ADS393311:ADS393313 ANO393311:ANO393313 AXK393311:AXK393313 BHG393311:BHG393313 BRC393311:BRC393313 CAY393311:CAY393313 CKU393311:CKU393313 CUQ393311:CUQ393313 DEM393311:DEM393313 DOI393311:DOI393313 DYE393311:DYE393313 EIA393311:EIA393313 ERW393311:ERW393313 FBS393311:FBS393313 FLO393311:FLO393313 FVK393311:FVK393313 GFG393311:GFG393313 GPC393311:GPC393313 GYY393311:GYY393313 HIU393311:HIU393313 HSQ393311:HSQ393313 ICM393311:ICM393313 IMI393311:IMI393313 IWE393311:IWE393313 JGA393311:JGA393313 JPW393311:JPW393313 JZS393311:JZS393313 KJO393311:KJO393313 KTK393311:KTK393313 LDG393311:LDG393313 LNC393311:LNC393313 LWY393311:LWY393313 MGU393311:MGU393313 MQQ393311:MQQ393313 NAM393311:NAM393313 NKI393311:NKI393313 NUE393311:NUE393313 OEA393311:OEA393313 ONW393311:ONW393313 OXS393311:OXS393313 PHO393311:PHO393313 PRK393311:PRK393313 QBG393311:QBG393313 QLC393311:QLC393313 QUY393311:QUY393313 REU393311:REU393313 ROQ393311:ROQ393313 RYM393311:RYM393313 SII393311:SII393313 SSE393311:SSE393313 TCA393311:TCA393313 TLW393311:TLW393313 TVS393311:TVS393313 UFO393311:UFO393313 UPK393311:UPK393313 UZG393311:UZG393313 VJC393311:VJC393313 VSY393311:VSY393313 WCU393311:WCU393313 WMQ393311:WMQ393313 WWM393311:WWM393313 AE458847:AE458849 KA458847:KA458849 TW458847:TW458849 ADS458847:ADS458849 ANO458847:ANO458849 AXK458847:AXK458849 BHG458847:BHG458849 BRC458847:BRC458849 CAY458847:CAY458849 CKU458847:CKU458849 CUQ458847:CUQ458849 DEM458847:DEM458849 DOI458847:DOI458849 DYE458847:DYE458849 EIA458847:EIA458849 ERW458847:ERW458849 FBS458847:FBS458849 FLO458847:FLO458849 FVK458847:FVK458849 GFG458847:GFG458849 GPC458847:GPC458849 GYY458847:GYY458849 HIU458847:HIU458849 HSQ458847:HSQ458849 ICM458847:ICM458849 IMI458847:IMI458849 IWE458847:IWE458849 JGA458847:JGA458849 JPW458847:JPW458849 JZS458847:JZS458849 KJO458847:KJO458849 KTK458847:KTK458849 LDG458847:LDG458849 LNC458847:LNC458849 LWY458847:LWY458849 MGU458847:MGU458849 MQQ458847:MQQ458849 NAM458847:NAM458849 NKI458847:NKI458849 NUE458847:NUE458849 OEA458847:OEA458849 ONW458847:ONW458849 OXS458847:OXS458849 PHO458847:PHO458849 PRK458847:PRK458849 QBG458847:QBG458849 QLC458847:QLC458849 QUY458847:QUY458849 REU458847:REU458849 ROQ458847:ROQ458849 RYM458847:RYM458849 SII458847:SII458849 SSE458847:SSE458849 TCA458847:TCA458849 TLW458847:TLW458849 TVS458847:TVS458849 UFO458847:UFO458849 UPK458847:UPK458849 UZG458847:UZG458849 VJC458847:VJC458849 VSY458847:VSY458849 WCU458847:WCU458849 WMQ458847:WMQ458849 WWM458847:WWM458849 AE524383:AE524385 KA524383:KA524385 TW524383:TW524385 ADS524383:ADS524385 ANO524383:ANO524385 AXK524383:AXK524385 BHG524383:BHG524385 BRC524383:BRC524385 CAY524383:CAY524385 CKU524383:CKU524385 CUQ524383:CUQ524385 DEM524383:DEM524385 DOI524383:DOI524385 DYE524383:DYE524385 EIA524383:EIA524385 ERW524383:ERW524385 FBS524383:FBS524385 FLO524383:FLO524385 FVK524383:FVK524385 GFG524383:GFG524385 GPC524383:GPC524385 GYY524383:GYY524385 HIU524383:HIU524385 HSQ524383:HSQ524385 ICM524383:ICM524385 IMI524383:IMI524385 IWE524383:IWE524385 JGA524383:JGA524385 JPW524383:JPW524385 JZS524383:JZS524385 KJO524383:KJO524385 KTK524383:KTK524385 LDG524383:LDG524385 LNC524383:LNC524385 LWY524383:LWY524385 MGU524383:MGU524385 MQQ524383:MQQ524385 NAM524383:NAM524385 NKI524383:NKI524385 NUE524383:NUE524385 OEA524383:OEA524385 ONW524383:ONW524385 OXS524383:OXS524385 PHO524383:PHO524385 PRK524383:PRK524385 QBG524383:QBG524385 QLC524383:QLC524385 QUY524383:QUY524385 REU524383:REU524385 ROQ524383:ROQ524385 RYM524383:RYM524385 SII524383:SII524385 SSE524383:SSE524385 TCA524383:TCA524385 TLW524383:TLW524385 TVS524383:TVS524385 UFO524383:UFO524385 UPK524383:UPK524385 UZG524383:UZG524385 VJC524383:VJC524385 VSY524383:VSY524385 WCU524383:WCU524385 WMQ524383:WMQ524385 WWM524383:WWM524385 AE589919:AE589921 KA589919:KA589921 TW589919:TW589921 ADS589919:ADS589921 ANO589919:ANO589921 AXK589919:AXK589921 BHG589919:BHG589921 BRC589919:BRC589921 CAY589919:CAY589921 CKU589919:CKU589921 CUQ589919:CUQ589921 DEM589919:DEM589921 DOI589919:DOI589921 DYE589919:DYE589921 EIA589919:EIA589921 ERW589919:ERW589921 FBS589919:FBS589921 FLO589919:FLO589921 FVK589919:FVK589921 GFG589919:GFG589921 GPC589919:GPC589921 GYY589919:GYY589921 HIU589919:HIU589921 HSQ589919:HSQ589921 ICM589919:ICM589921 IMI589919:IMI589921 IWE589919:IWE589921 JGA589919:JGA589921 JPW589919:JPW589921 JZS589919:JZS589921 KJO589919:KJO589921 KTK589919:KTK589921 LDG589919:LDG589921 LNC589919:LNC589921 LWY589919:LWY589921 MGU589919:MGU589921 MQQ589919:MQQ589921 NAM589919:NAM589921 NKI589919:NKI589921 NUE589919:NUE589921 OEA589919:OEA589921 ONW589919:ONW589921 OXS589919:OXS589921 PHO589919:PHO589921 PRK589919:PRK589921 QBG589919:QBG589921 QLC589919:QLC589921 QUY589919:QUY589921 REU589919:REU589921 ROQ589919:ROQ589921 RYM589919:RYM589921 SII589919:SII589921 SSE589919:SSE589921 TCA589919:TCA589921 TLW589919:TLW589921 TVS589919:TVS589921 UFO589919:UFO589921 UPK589919:UPK589921 UZG589919:UZG589921 VJC589919:VJC589921 VSY589919:VSY589921 WCU589919:WCU589921 WMQ589919:WMQ589921 WWM589919:WWM589921 AE655455:AE655457 KA655455:KA655457 TW655455:TW655457 ADS655455:ADS655457 ANO655455:ANO655457 AXK655455:AXK655457 BHG655455:BHG655457 BRC655455:BRC655457 CAY655455:CAY655457 CKU655455:CKU655457 CUQ655455:CUQ655457 DEM655455:DEM655457 DOI655455:DOI655457 DYE655455:DYE655457 EIA655455:EIA655457 ERW655455:ERW655457 FBS655455:FBS655457 FLO655455:FLO655457 FVK655455:FVK655457 GFG655455:GFG655457 GPC655455:GPC655457 GYY655455:GYY655457 HIU655455:HIU655457 HSQ655455:HSQ655457 ICM655455:ICM655457 IMI655455:IMI655457 IWE655455:IWE655457 JGA655455:JGA655457 JPW655455:JPW655457 JZS655455:JZS655457 KJO655455:KJO655457 KTK655455:KTK655457 LDG655455:LDG655457 LNC655455:LNC655457 LWY655455:LWY655457 MGU655455:MGU655457 MQQ655455:MQQ655457 NAM655455:NAM655457 NKI655455:NKI655457 NUE655455:NUE655457 OEA655455:OEA655457 ONW655455:ONW655457 OXS655455:OXS655457 PHO655455:PHO655457 PRK655455:PRK655457 QBG655455:QBG655457 QLC655455:QLC655457 QUY655455:QUY655457 REU655455:REU655457 ROQ655455:ROQ655457 RYM655455:RYM655457 SII655455:SII655457 SSE655455:SSE655457 TCA655455:TCA655457 TLW655455:TLW655457 TVS655455:TVS655457 UFO655455:UFO655457 UPK655455:UPK655457 UZG655455:UZG655457 VJC655455:VJC655457 VSY655455:VSY655457 WCU655455:WCU655457 WMQ655455:WMQ655457 WWM655455:WWM655457 AE720991:AE720993 KA720991:KA720993 TW720991:TW720993 ADS720991:ADS720993 ANO720991:ANO720993 AXK720991:AXK720993 BHG720991:BHG720993 BRC720991:BRC720993 CAY720991:CAY720993 CKU720991:CKU720993 CUQ720991:CUQ720993 DEM720991:DEM720993 DOI720991:DOI720993 DYE720991:DYE720993 EIA720991:EIA720993 ERW720991:ERW720993 FBS720991:FBS720993 FLO720991:FLO720993 FVK720991:FVK720993 GFG720991:GFG720993 GPC720991:GPC720993 GYY720991:GYY720993 HIU720991:HIU720993 HSQ720991:HSQ720993 ICM720991:ICM720993 IMI720991:IMI720993 IWE720991:IWE720993 JGA720991:JGA720993 JPW720991:JPW720993 JZS720991:JZS720993 KJO720991:KJO720993 KTK720991:KTK720993 LDG720991:LDG720993 LNC720991:LNC720993 LWY720991:LWY720993 MGU720991:MGU720993 MQQ720991:MQQ720993 NAM720991:NAM720993 NKI720991:NKI720993 NUE720991:NUE720993 OEA720991:OEA720993 ONW720991:ONW720993 OXS720991:OXS720993 PHO720991:PHO720993 PRK720991:PRK720993 QBG720991:QBG720993 QLC720991:QLC720993 QUY720991:QUY720993 REU720991:REU720993 ROQ720991:ROQ720993 RYM720991:RYM720993 SII720991:SII720993 SSE720991:SSE720993 TCA720991:TCA720993 TLW720991:TLW720993 TVS720991:TVS720993 UFO720991:UFO720993 UPK720991:UPK720993 UZG720991:UZG720993 VJC720991:VJC720993 VSY720991:VSY720993 WCU720991:WCU720993 WMQ720991:WMQ720993 WWM720991:WWM720993 AE786527:AE786529 KA786527:KA786529 TW786527:TW786529 ADS786527:ADS786529 ANO786527:ANO786529 AXK786527:AXK786529 BHG786527:BHG786529 BRC786527:BRC786529 CAY786527:CAY786529 CKU786527:CKU786529 CUQ786527:CUQ786529 DEM786527:DEM786529 DOI786527:DOI786529 DYE786527:DYE786529 EIA786527:EIA786529 ERW786527:ERW786529 FBS786527:FBS786529 FLO786527:FLO786529 FVK786527:FVK786529 GFG786527:GFG786529 GPC786527:GPC786529 GYY786527:GYY786529 HIU786527:HIU786529 HSQ786527:HSQ786529 ICM786527:ICM786529 IMI786527:IMI786529 IWE786527:IWE786529 JGA786527:JGA786529 JPW786527:JPW786529 JZS786527:JZS786529 KJO786527:KJO786529 KTK786527:KTK786529 LDG786527:LDG786529 LNC786527:LNC786529 LWY786527:LWY786529 MGU786527:MGU786529 MQQ786527:MQQ786529 NAM786527:NAM786529 NKI786527:NKI786529 NUE786527:NUE786529 OEA786527:OEA786529 ONW786527:ONW786529 OXS786527:OXS786529 PHO786527:PHO786529 PRK786527:PRK786529 QBG786527:QBG786529 QLC786527:QLC786529 QUY786527:QUY786529 REU786527:REU786529 ROQ786527:ROQ786529 RYM786527:RYM786529 SII786527:SII786529 SSE786527:SSE786529 TCA786527:TCA786529 TLW786527:TLW786529 TVS786527:TVS786529 UFO786527:UFO786529 UPK786527:UPK786529 UZG786527:UZG786529 VJC786527:VJC786529 VSY786527:VSY786529 WCU786527:WCU786529 WMQ786527:WMQ786529 WWM786527:WWM786529 AE852063:AE852065 KA852063:KA852065 TW852063:TW852065 ADS852063:ADS852065 ANO852063:ANO852065 AXK852063:AXK852065 BHG852063:BHG852065 BRC852063:BRC852065 CAY852063:CAY852065 CKU852063:CKU852065 CUQ852063:CUQ852065 DEM852063:DEM852065 DOI852063:DOI852065 DYE852063:DYE852065 EIA852063:EIA852065 ERW852063:ERW852065 FBS852063:FBS852065 FLO852063:FLO852065 FVK852063:FVK852065 GFG852063:GFG852065 GPC852063:GPC852065 GYY852063:GYY852065 HIU852063:HIU852065 HSQ852063:HSQ852065 ICM852063:ICM852065 IMI852063:IMI852065 IWE852063:IWE852065 JGA852063:JGA852065 JPW852063:JPW852065 JZS852063:JZS852065 KJO852063:KJO852065 KTK852063:KTK852065 LDG852063:LDG852065 LNC852063:LNC852065 LWY852063:LWY852065 MGU852063:MGU852065 MQQ852063:MQQ852065 NAM852063:NAM852065 NKI852063:NKI852065 NUE852063:NUE852065 OEA852063:OEA852065 ONW852063:ONW852065 OXS852063:OXS852065 PHO852063:PHO852065 PRK852063:PRK852065 QBG852063:QBG852065 QLC852063:QLC852065 QUY852063:QUY852065 REU852063:REU852065 ROQ852063:ROQ852065 RYM852063:RYM852065 SII852063:SII852065 SSE852063:SSE852065 TCA852063:TCA852065 TLW852063:TLW852065 TVS852063:TVS852065 UFO852063:UFO852065 UPK852063:UPK852065 UZG852063:UZG852065 VJC852063:VJC852065 VSY852063:VSY852065 WCU852063:WCU852065 WMQ852063:WMQ852065 WWM852063:WWM852065 AE917599:AE917601 KA917599:KA917601 TW917599:TW917601 ADS917599:ADS917601 ANO917599:ANO917601 AXK917599:AXK917601 BHG917599:BHG917601 BRC917599:BRC917601 CAY917599:CAY917601 CKU917599:CKU917601 CUQ917599:CUQ917601 DEM917599:DEM917601 DOI917599:DOI917601 DYE917599:DYE917601 EIA917599:EIA917601 ERW917599:ERW917601 FBS917599:FBS917601 FLO917599:FLO917601 FVK917599:FVK917601 GFG917599:GFG917601 GPC917599:GPC917601 GYY917599:GYY917601 HIU917599:HIU917601 HSQ917599:HSQ917601 ICM917599:ICM917601 IMI917599:IMI917601 IWE917599:IWE917601 JGA917599:JGA917601 JPW917599:JPW917601 JZS917599:JZS917601 KJO917599:KJO917601 KTK917599:KTK917601 LDG917599:LDG917601 LNC917599:LNC917601 LWY917599:LWY917601 MGU917599:MGU917601 MQQ917599:MQQ917601 NAM917599:NAM917601 NKI917599:NKI917601 NUE917599:NUE917601 OEA917599:OEA917601 ONW917599:ONW917601 OXS917599:OXS917601 PHO917599:PHO917601 PRK917599:PRK917601 QBG917599:QBG917601 QLC917599:QLC917601 QUY917599:QUY917601 REU917599:REU917601 ROQ917599:ROQ917601 RYM917599:RYM917601 SII917599:SII917601 SSE917599:SSE917601 TCA917599:TCA917601 TLW917599:TLW917601 TVS917599:TVS917601 UFO917599:UFO917601 UPK917599:UPK917601 UZG917599:UZG917601 VJC917599:VJC917601 VSY917599:VSY917601 WCU917599:WCU917601 WMQ917599:WMQ917601 WWM917599:WWM917601 AE983135:AE983137 KA983135:KA983137 TW983135:TW983137 ADS983135:ADS983137 ANO983135:ANO983137 AXK983135:AXK983137 BHG983135:BHG983137 BRC983135:BRC983137 CAY983135:CAY983137 CKU983135:CKU983137 CUQ983135:CUQ983137 DEM983135:DEM983137 DOI983135:DOI983137 DYE983135:DYE983137 EIA983135:EIA983137 ERW983135:ERW983137 FBS983135:FBS983137 FLO983135:FLO983137 FVK983135:FVK983137 GFG983135:GFG983137 GPC983135:GPC983137 GYY983135:GYY983137 HIU983135:HIU983137 HSQ983135:HSQ983137 ICM983135:ICM983137 IMI983135:IMI983137 IWE983135:IWE983137 JGA983135:JGA983137 JPW983135:JPW983137 JZS983135:JZS983137 KJO983135:KJO983137 KTK983135:KTK983137 LDG983135:LDG983137 LNC983135:LNC983137 LWY983135:LWY983137 MGU983135:MGU983137 MQQ983135:MQQ983137 NAM983135:NAM983137 NKI983135:NKI983137 NUE983135:NUE983137 OEA983135:OEA983137 ONW983135:ONW983137 OXS983135:OXS983137 PHO983135:PHO983137 PRK983135:PRK983137 QBG983135:QBG983137 QLC983135:QLC983137 QUY983135:QUY983137 REU983135:REU983137 ROQ983135:ROQ983137 RYM983135:RYM983137 SII983135:SII983137 SSE983135:SSE983137 TCA983135:TCA983137 TLW983135:TLW983137 TVS983135:TVS983137 UFO983135:UFO983137 UPK983135:UPK983137 UZG983135:UZG983137 VJC983135:VJC983137 VSY983135:VSY983137 WCU983135:WCU983137 WMQ983135:WMQ983137 WWM983135:WWM983137 AC101:AC102 JY101:JY102 TU101:TU102 ADQ101:ADQ102 ANM101:ANM102 AXI101:AXI102 BHE101:BHE102 BRA101:BRA102 CAW101:CAW102 CKS101:CKS102 CUO101:CUO102 DEK101:DEK102 DOG101:DOG102 DYC101:DYC102 EHY101:EHY102 ERU101:ERU102 FBQ101:FBQ102 FLM101:FLM102 FVI101:FVI102 GFE101:GFE102 GPA101:GPA102 GYW101:GYW102 HIS101:HIS102 HSO101:HSO102 ICK101:ICK102 IMG101:IMG102 IWC101:IWC102 JFY101:JFY102 JPU101:JPU102 JZQ101:JZQ102 KJM101:KJM102 KTI101:KTI102 LDE101:LDE102 LNA101:LNA102 LWW101:LWW102 MGS101:MGS102 MQO101:MQO102 NAK101:NAK102 NKG101:NKG102 NUC101:NUC102 ODY101:ODY102 ONU101:ONU102 OXQ101:OXQ102 PHM101:PHM102 PRI101:PRI102 QBE101:QBE102 QLA101:QLA102 QUW101:QUW102 RES101:RES102 ROO101:ROO102 RYK101:RYK102 SIG101:SIG102 SSC101:SSC102 TBY101:TBY102 TLU101:TLU102 TVQ101:TVQ102 UFM101:UFM102 UPI101:UPI102 UZE101:UZE102 VJA101:VJA102 VSW101:VSW102 WCS101:WCS102 WMO101:WMO102 WWK101:WWK102 AC65637:AC65638 JY65637:JY65638 TU65637:TU65638 ADQ65637:ADQ65638 ANM65637:ANM65638 AXI65637:AXI65638 BHE65637:BHE65638 BRA65637:BRA65638 CAW65637:CAW65638 CKS65637:CKS65638 CUO65637:CUO65638 DEK65637:DEK65638 DOG65637:DOG65638 DYC65637:DYC65638 EHY65637:EHY65638 ERU65637:ERU65638 FBQ65637:FBQ65638 FLM65637:FLM65638 FVI65637:FVI65638 GFE65637:GFE65638 GPA65637:GPA65638 GYW65637:GYW65638 HIS65637:HIS65638 HSO65637:HSO65638 ICK65637:ICK65638 IMG65637:IMG65638 IWC65637:IWC65638 JFY65637:JFY65638 JPU65637:JPU65638 JZQ65637:JZQ65638 KJM65637:KJM65638 KTI65637:KTI65638 LDE65637:LDE65638 LNA65637:LNA65638 LWW65637:LWW65638 MGS65637:MGS65638 MQO65637:MQO65638 NAK65637:NAK65638 NKG65637:NKG65638 NUC65637:NUC65638 ODY65637:ODY65638 ONU65637:ONU65638 OXQ65637:OXQ65638 PHM65637:PHM65638 PRI65637:PRI65638 QBE65637:QBE65638 QLA65637:QLA65638 QUW65637:QUW65638 RES65637:RES65638 ROO65637:ROO65638 RYK65637:RYK65638 SIG65637:SIG65638 SSC65637:SSC65638 TBY65637:TBY65638 TLU65637:TLU65638 TVQ65637:TVQ65638 UFM65637:UFM65638 UPI65637:UPI65638 UZE65637:UZE65638 VJA65637:VJA65638 VSW65637:VSW65638 WCS65637:WCS65638 WMO65637:WMO65638 WWK65637:WWK65638 AC131173:AC131174 JY131173:JY131174 TU131173:TU131174 ADQ131173:ADQ131174 ANM131173:ANM131174 AXI131173:AXI131174 BHE131173:BHE131174 BRA131173:BRA131174 CAW131173:CAW131174 CKS131173:CKS131174 CUO131173:CUO131174 DEK131173:DEK131174 DOG131173:DOG131174 DYC131173:DYC131174 EHY131173:EHY131174 ERU131173:ERU131174 FBQ131173:FBQ131174 FLM131173:FLM131174 FVI131173:FVI131174 GFE131173:GFE131174 GPA131173:GPA131174 GYW131173:GYW131174 HIS131173:HIS131174 HSO131173:HSO131174 ICK131173:ICK131174 IMG131173:IMG131174 IWC131173:IWC131174 JFY131173:JFY131174 JPU131173:JPU131174 JZQ131173:JZQ131174 KJM131173:KJM131174 KTI131173:KTI131174 LDE131173:LDE131174 LNA131173:LNA131174 LWW131173:LWW131174 MGS131173:MGS131174 MQO131173:MQO131174 NAK131173:NAK131174 NKG131173:NKG131174 NUC131173:NUC131174 ODY131173:ODY131174 ONU131173:ONU131174 OXQ131173:OXQ131174 PHM131173:PHM131174 PRI131173:PRI131174 QBE131173:QBE131174 QLA131173:QLA131174 QUW131173:QUW131174 RES131173:RES131174 ROO131173:ROO131174 RYK131173:RYK131174 SIG131173:SIG131174 SSC131173:SSC131174 TBY131173:TBY131174 TLU131173:TLU131174 TVQ131173:TVQ131174 UFM131173:UFM131174 UPI131173:UPI131174 UZE131173:UZE131174 VJA131173:VJA131174 VSW131173:VSW131174 WCS131173:WCS131174 WMO131173:WMO131174 WWK131173:WWK131174 AC196709:AC196710 JY196709:JY196710 TU196709:TU196710 ADQ196709:ADQ196710 ANM196709:ANM196710 AXI196709:AXI196710 BHE196709:BHE196710 BRA196709:BRA196710 CAW196709:CAW196710 CKS196709:CKS196710 CUO196709:CUO196710 DEK196709:DEK196710 DOG196709:DOG196710 DYC196709:DYC196710 EHY196709:EHY196710 ERU196709:ERU196710 FBQ196709:FBQ196710 FLM196709:FLM196710 FVI196709:FVI196710 GFE196709:GFE196710 GPA196709:GPA196710 GYW196709:GYW196710 HIS196709:HIS196710 HSO196709:HSO196710 ICK196709:ICK196710 IMG196709:IMG196710 IWC196709:IWC196710 JFY196709:JFY196710 JPU196709:JPU196710 JZQ196709:JZQ196710 KJM196709:KJM196710 KTI196709:KTI196710 LDE196709:LDE196710 LNA196709:LNA196710 LWW196709:LWW196710 MGS196709:MGS196710 MQO196709:MQO196710 NAK196709:NAK196710 NKG196709:NKG196710 NUC196709:NUC196710 ODY196709:ODY196710 ONU196709:ONU196710 OXQ196709:OXQ196710 PHM196709:PHM196710 PRI196709:PRI196710 QBE196709:QBE196710 QLA196709:QLA196710 QUW196709:QUW196710 RES196709:RES196710 ROO196709:ROO196710 RYK196709:RYK196710 SIG196709:SIG196710 SSC196709:SSC196710 TBY196709:TBY196710 TLU196709:TLU196710 TVQ196709:TVQ196710 UFM196709:UFM196710 UPI196709:UPI196710 UZE196709:UZE196710 VJA196709:VJA196710 VSW196709:VSW196710 WCS196709:WCS196710 WMO196709:WMO196710 WWK196709:WWK196710 AC262245:AC262246 JY262245:JY262246 TU262245:TU262246 ADQ262245:ADQ262246 ANM262245:ANM262246 AXI262245:AXI262246 BHE262245:BHE262246 BRA262245:BRA262246 CAW262245:CAW262246 CKS262245:CKS262246 CUO262245:CUO262246 DEK262245:DEK262246 DOG262245:DOG262246 DYC262245:DYC262246 EHY262245:EHY262246 ERU262245:ERU262246 FBQ262245:FBQ262246 FLM262245:FLM262246 FVI262245:FVI262246 GFE262245:GFE262246 GPA262245:GPA262246 GYW262245:GYW262246 HIS262245:HIS262246 HSO262245:HSO262246 ICK262245:ICK262246 IMG262245:IMG262246 IWC262245:IWC262246 JFY262245:JFY262246 JPU262245:JPU262246 JZQ262245:JZQ262246 KJM262245:KJM262246 KTI262245:KTI262246 LDE262245:LDE262246 LNA262245:LNA262246 LWW262245:LWW262246 MGS262245:MGS262246 MQO262245:MQO262246 NAK262245:NAK262246 NKG262245:NKG262246 NUC262245:NUC262246 ODY262245:ODY262246 ONU262245:ONU262246 OXQ262245:OXQ262246 PHM262245:PHM262246 PRI262245:PRI262246 QBE262245:QBE262246 QLA262245:QLA262246 QUW262245:QUW262246 RES262245:RES262246 ROO262245:ROO262246 RYK262245:RYK262246 SIG262245:SIG262246 SSC262245:SSC262246 TBY262245:TBY262246 TLU262245:TLU262246 TVQ262245:TVQ262246 UFM262245:UFM262246 UPI262245:UPI262246 UZE262245:UZE262246 VJA262245:VJA262246 VSW262245:VSW262246 WCS262245:WCS262246 WMO262245:WMO262246 WWK262245:WWK262246 AC327781:AC327782 JY327781:JY327782 TU327781:TU327782 ADQ327781:ADQ327782 ANM327781:ANM327782 AXI327781:AXI327782 BHE327781:BHE327782 BRA327781:BRA327782 CAW327781:CAW327782 CKS327781:CKS327782 CUO327781:CUO327782 DEK327781:DEK327782 DOG327781:DOG327782 DYC327781:DYC327782 EHY327781:EHY327782 ERU327781:ERU327782 FBQ327781:FBQ327782 FLM327781:FLM327782 FVI327781:FVI327782 GFE327781:GFE327782 GPA327781:GPA327782 GYW327781:GYW327782 HIS327781:HIS327782 HSO327781:HSO327782 ICK327781:ICK327782 IMG327781:IMG327782 IWC327781:IWC327782 JFY327781:JFY327782 JPU327781:JPU327782 JZQ327781:JZQ327782 KJM327781:KJM327782 KTI327781:KTI327782 LDE327781:LDE327782 LNA327781:LNA327782 LWW327781:LWW327782 MGS327781:MGS327782 MQO327781:MQO327782 NAK327781:NAK327782 NKG327781:NKG327782 NUC327781:NUC327782 ODY327781:ODY327782 ONU327781:ONU327782 OXQ327781:OXQ327782 PHM327781:PHM327782 PRI327781:PRI327782 QBE327781:QBE327782 QLA327781:QLA327782 QUW327781:QUW327782 RES327781:RES327782 ROO327781:ROO327782 RYK327781:RYK327782 SIG327781:SIG327782 SSC327781:SSC327782 TBY327781:TBY327782 TLU327781:TLU327782 TVQ327781:TVQ327782 UFM327781:UFM327782 UPI327781:UPI327782 UZE327781:UZE327782 VJA327781:VJA327782 VSW327781:VSW327782 WCS327781:WCS327782 WMO327781:WMO327782 WWK327781:WWK327782 AC393317:AC393318 JY393317:JY393318 TU393317:TU393318 ADQ393317:ADQ393318 ANM393317:ANM393318 AXI393317:AXI393318 BHE393317:BHE393318 BRA393317:BRA393318 CAW393317:CAW393318 CKS393317:CKS393318 CUO393317:CUO393318 DEK393317:DEK393318 DOG393317:DOG393318 DYC393317:DYC393318 EHY393317:EHY393318 ERU393317:ERU393318 FBQ393317:FBQ393318 FLM393317:FLM393318 FVI393317:FVI393318 GFE393317:GFE393318 GPA393317:GPA393318 GYW393317:GYW393318 HIS393317:HIS393318 HSO393317:HSO393318 ICK393317:ICK393318 IMG393317:IMG393318 IWC393317:IWC393318 JFY393317:JFY393318 JPU393317:JPU393318 JZQ393317:JZQ393318 KJM393317:KJM393318 KTI393317:KTI393318 LDE393317:LDE393318 LNA393317:LNA393318 LWW393317:LWW393318 MGS393317:MGS393318 MQO393317:MQO393318 NAK393317:NAK393318 NKG393317:NKG393318 NUC393317:NUC393318 ODY393317:ODY393318 ONU393317:ONU393318 OXQ393317:OXQ393318 PHM393317:PHM393318 PRI393317:PRI393318 QBE393317:QBE393318 QLA393317:QLA393318 QUW393317:QUW393318 RES393317:RES393318 ROO393317:ROO393318 RYK393317:RYK393318 SIG393317:SIG393318 SSC393317:SSC393318 TBY393317:TBY393318 TLU393317:TLU393318 TVQ393317:TVQ393318 UFM393317:UFM393318 UPI393317:UPI393318 UZE393317:UZE393318 VJA393317:VJA393318 VSW393317:VSW393318 WCS393317:WCS393318 WMO393317:WMO393318 WWK393317:WWK393318 AC458853:AC458854 JY458853:JY458854 TU458853:TU458854 ADQ458853:ADQ458854 ANM458853:ANM458854 AXI458853:AXI458854 BHE458853:BHE458854 BRA458853:BRA458854 CAW458853:CAW458854 CKS458853:CKS458854 CUO458853:CUO458854 DEK458853:DEK458854 DOG458853:DOG458854 DYC458853:DYC458854 EHY458853:EHY458854 ERU458853:ERU458854 FBQ458853:FBQ458854 FLM458853:FLM458854 FVI458853:FVI458854 GFE458853:GFE458854 GPA458853:GPA458854 GYW458853:GYW458854 HIS458853:HIS458854 HSO458853:HSO458854 ICK458853:ICK458854 IMG458853:IMG458854 IWC458853:IWC458854 JFY458853:JFY458854 JPU458853:JPU458854 JZQ458853:JZQ458854 KJM458853:KJM458854 KTI458853:KTI458854 LDE458853:LDE458854 LNA458853:LNA458854 LWW458853:LWW458854 MGS458853:MGS458854 MQO458853:MQO458854 NAK458853:NAK458854 NKG458853:NKG458854 NUC458853:NUC458854 ODY458853:ODY458854 ONU458853:ONU458854 OXQ458853:OXQ458854 PHM458853:PHM458854 PRI458853:PRI458854 QBE458853:QBE458854 QLA458853:QLA458854 QUW458853:QUW458854 RES458853:RES458854 ROO458853:ROO458854 RYK458853:RYK458854 SIG458853:SIG458854 SSC458853:SSC458854 TBY458853:TBY458854 TLU458853:TLU458854 TVQ458853:TVQ458854 UFM458853:UFM458854 UPI458853:UPI458854 UZE458853:UZE458854 VJA458853:VJA458854 VSW458853:VSW458854 WCS458853:WCS458854 WMO458853:WMO458854 WWK458853:WWK458854 AC524389:AC524390 JY524389:JY524390 TU524389:TU524390 ADQ524389:ADQ524390 ANM524389:ANM524390 AXI524389:AXI524390 BHE524389:BHE524390 BRA524389:BRA524390 CAW524389:CAW524390 CKS524389:CKS524390 CUO524389:CUO524390 DEK524389:DEK524390 DOG524389:DOG524390 DYC524389:DYC524390 EHY524389:EHY524390 ERU524389:ERU524390 FBQ524389:FBQ524390 FLM524389:FLM524390 FVI524389:FVI524390 GFE524389:GFE524390 GPA524389:GPA524390 GYW524389:GYW524390 HIS524389:HIS524390 HSO524389:HSO524390 ICK524389:ICK524390 IMG524389:IMG524390 IWC524389:IWC524390 JFY524389:JFY524390 JPU524389:JPU524390 JZQ524389:JZQ524390 KJM524389:KJM524390 KTI524389:KTI524390 LDE524389:LDE524390 LNA524389:LNA524390 LWW524389:LWW524390 MGS524389:MGS524390 MQO524389:MQO524390 NAK524389:NAK524390 NKG524389:NKG524390 NUC524389:NUC524390 ODY524389:ODY524390 ONU524389:ONU524390 OXQ524389:OXQ524390 PHM524389:PHM524390 PRI524389:PRI524390 QBE524389:QBE524390 QLA524389:QLA524390 QUW524389:QUW524390 RES524389:RES524390 ROO524389:ROO524390 RYK524389:RYK524390 SIG524389:SIG524390 SSC524389:SSC524390 TBY524389:TBY524390 TLU524389:TLU524390 TVQ524389:TVQ524390 UFM524389:UFM524390 UPI524389:UPI524390 UZE524389:UZE524390 VJA524389:VJA524390 VSW524389:VSW524390 WCS524389:WCS524390 WMO524389:WMO524390 WWK524389:WWK524390 AC589925:AC589926 JY589925:JY589926 TU589925:TU589926 ADQ589925:ADQ589926 ANM589925:ANM589926 AXI589925:AXI589926 BHE589925:BHE589926 BRA589925:BRA589926 CAW589925:CAW589926 CKS589925:CKS589926 CUO589925:CUO589926 DEK589925:DEK589926 DOG589925:DOG589926 DYC589925:DYC589926 EHY589925:EHY589926 ERU589925:ERU589926 FBQ589925:FBQ589926 FLM589925:FLM589926 FVI589925:FVI589926 GFE589925:GFE589926 GPA589925:GPA589926 GYW589925:GYW589926 HIS589925:HIS589926 HSO589925:HSO589926 ICK589925:ICK589926 IMG589925:IMG589926 IWC589925:IWC589926 JFY589925:JFY589926 JPU589925:JPU589926 JZQ589925:JZQ589926 KJM589925:KJM589926 KTI589925:KTI589926 LDE589925:LDE589926 LNA589925:LNA589926 LWW589925:LWW589926 MGS589925:MGS589926 MQO589925:MQO589926 NAK589925:NAK589926 NKG589925:NKG589926 NUC589925:NUC589926 ODY589925:ODY589926 ONU589925:ONU589926 OXQ589925:OXQ589926 PHM589925:PHM589926 PRI589925:PRI589926 QBE589925:QBE589926 QLA589925:QLA589926 QUW589925:QUW589926 RES589925:RES589926 ROO589925:ROO589926 RYK589925:RYK589926 SIG589925:SIG589926 SSC589925:SSC589926 TBY589925:TBY589926 TLU589925:TLU589926 TVQ589925:TVQ589926 UFM589925:UFM589926 UPI589925:UPI589926 UZE589925:UZE589926 VJA589925:VJA589926 VSW589925:VSW589926 WCS589925:WCS589926 WMO589925:WMO589926 WWK589925:WWK589926 AC655461:AC655462 JY655461:JY655462 TU655461:TU655462 ADQ655461:ADQ655462 ANM655461:ANM655462 AXI655461:AXI655462 BHE655461:BHE655462 BRA655461:BRA655462 CAW655461:CAW655462 CKS655461:CKS655462 CUO655461:CUO655462 DEK655461:DEK655462 DOG655461:DOG655462 DYC655461:DYC655462 EHY655461:EHY655462 ERU655461:ERU655462 FBQ655461:FBQ655462 FLM655461:FLM655462 FVI655461:FVI655462 GFE655461:GFE655462 GPA655461:GPA655462 GYW655461:GYW655462 HIS655461:HIS655462 HSO655461:HSO655462 ICK655461:ICK655462 IMG655461:IMG655462 IWC655461:IWC655462 JFY655461:JFY655462 JPU655461:JPU655462 JZQ655461:JZQ655462 KJM655461:KJM655462 KTI655461:KTI655462 LDE655461:LDE655462 LNA655461:LNA655462 LWW655461:LWW655462 MGS655461:MGS655462 MQO655461:MQO655462 NAK655461:NAK655462 NKG655461:NKG655462 NUC655461:NUC655462 ODY655461:ODY655462 ONU655461:ONU655462 OXQ655461:OXQ655462 PHM655461:PHM655462 PRI655461:PRI655462 QBE655461:QBE655462 QLA655461:QLA655462 QUW655461:QUW655462 RES655461:RES655462 ROO655461:ROO655462 RYK655461:RYK655462 SIG655461:SIG655462 SSC655461:SSC655462 TBY655461:TBY655462 TLU655461:TLU655462 TVQ655461:TVQ655462 UFM655461:UFM655462 UPI655461:UPI655462 UZE655461:UZE655462 VJA655461:VJA655462 VSW655461:VSW655462 WCS655461:WCS655462 WMO655461:WMO655462 WWK655461:WWK655462 AC720997:AC720998 JY720997:JY720998 TU720997:TU720998 ADQ720997:ADQ720998 ANM720997:ANM720998 AXI720997:AXI720998 BHE720997:BHE720998 BRA720997:BRA720998 CAW720997:CAW720998 CKS720997:CKS720998 CUO720997:CUO720998 DEK720997:DEK720998 DOG720997:DOG720998 DYC720997:DYC720998 EHY720997:EHY720998 ERU720997:ERU720998 FBQ720997:FBQ720998 FLM720997:FLM720998 FVI720997:FVI720998 GFE720997:GFE720998 GPA720997:GPA720998 GYW720997:GYW720998 HIS720997:HIS720998 HSO720997:HSO720998 ICK720997:ICK720998 IMG720997:IMG720998 IWC720997:IWC720998 JFY720997:JFY720998 JPU720997:JPU720998 JZQ720997:JZQ720998 KJM720997:KJM720998 KTI720997:KTI720998 LDE720997:LDE720998 LNA720997:LNA720998 LWW720997:LWW720998 MGS720997:MGS720998 MQO720997:MQO720998 NAK720997:NAK720998 NKG720997:NKG720998 NUC720997:NUC720998 ODY720997:ODY720998 ONU720997:ONU720998 OXQ720997:OXQ720998 PHM720997:PHM720998 PRI720997:PRI720998 QBE720997:QBE720998 QLA720997:QLA720998 QUW720997:QUW720998 RES720997:RES720998 ROO720997:ROO720998 RYK720997:RYK720998 SIG720997:SIG720998 SSC720997:SSC720998 TBY720997:TBY720998 TLU720997:TLU720998 TVQ720997:TVQ720998 UFM720997:UFM720998 UPI720997:UPI720998 UZE720997:UZE720998 VJA720997:VJA720998 VSW720997:VSW720998 WCS720997:WCS720998 WMO720997:WMO720998 WWK720997:WWK720998 AC786533:AC786534 JY786533:JY786534 TU786533:TU786534 ADQ786533:ADQ786534 ANM786533:ANM786534 AXI786533:AXI786534 BHE786533:BHE786534 BRA786533:BRA786534 CAW786533:CAW786534 CKS786533:CKS786534 CUO786533:CUO786534 DEK786533:DEK786534 DOG786533:DOG786534 DYC786533:DYC786534 EHY786533:EHY786534 ERU786533:ERU786534 FBQ786533:FBQ786534 FLM786533:FLM786534 FVI786533:FVI786534 GFE786533:GFE786534 GPA786533:GPA786534 GYW786533:GYW786534 HIS786533:HIS786534 HSO786533:HSO786534 ICK786533:ICK786534 IMG786533:IMG786534 IWC786533:IWC786534 JFY786533:JFY786534 JPU786533:JPU786534 JZQ786533:JZQ786534 KJM786533:KJM786534 KTI786533:KTI786534 LDE786533:LDE786534 LNA786533:LNA786534 LWW786533:LWW786534 MGS786533:MGS786534 MQO786533:MQO786534 NAK786533:NAK786534 NKG786533:NKG786534 NUC786533:NUC786534 ODY786533:ODY786534 ONU786533:ONU786534 OXQ786533:OXQ786534 PHM786533:PHM786534 PRI786533:PRI786534 QBE786533:QBE786534 QLA786533:QLA786534 QUW786533:QUW786534 RES786533:RES786534 ROO786533:ROO786534 RYK786533:RYK786534 SIG786533:SIG786534 SSC786533:SSC786534 TBY786533:TBY786534 TLU786533:TLU786534 TVQ786533:TVQ786534 UFM786533:UFM786534 UPI786533:UPI786534 UZE786533:UZE786534 VJA786533:VJA786534 VSW786533:VSW786534 WCS786533:WCS786534 WMO786533:WMO786534 WWK786533:WWK786534 AC852069:AC852070 JY852069:JY852070 TU852069:TU852070 ADQ852069:ADQ852070 ANM852069:ANM852070 AXI852069:AXI852070 BHE852069:BHE852070 BRA852069:BRA852070 CAW852069:CAW852070 CKS852069:CKS852070 CUO852069:CUO852070 DEK852069:DEK852070 DOG852069:DOG852070 DYC852069:DYC852070 EHY852069:EHY852070 ERU852069:ERU852070 FBQ852069:FBQ852070 FLM852069:FLM852070 FVI852069:FVI852070 GFE852069:GFE852070 GPA852069:GPA852070 GYW852069:GYW852070 HIS852069:HIS852070 HSO852069:HSO852070 ICK852069:ICK852070 IMG852069:IMG852070 IWC852069:IWC852070 JFY852069:JFY852070 JPU852069:JPU852070 JZQ852069:JZQ852070 KJM852069:KJM852070 KTI852069:KTI852070 LDE852069:LDE852070 LNA852069:LNA852070 LWW852069:LWW852070 MGS852069:MGS852070 MQO852069:MQO852070 NAK852069:NAK852070 NKG852069:NKG852070 NUC852069:NUC852070 ODY852069:ODY852070 ONU852069:ONU852070 OXQ852069:OXQ852070 PHM852069:PHM852070 PRI852069:PRI852070 QBE852069:QBE852070 QLA852069:QLA852070 QUW852069:QUW852070 RES852069:RES852070 ROO852069:ROO852070 RYK852069:RYK852070 SIG852069:SIG852070 SSC852069:SSC852070 TBY852069:TBY852070 TLU852069:TLU852070 TVQ852069:TVQ852070 UFM852069:UFM852070 UPI852069:UPI852070 UZE852069:UZE852070 VJA852069:VJA852070 VSW852069:VSW852070 WCS852069:WCS852070 WMO852069:WMO852070 WWK852069:WWK852070 AC917605:AC917606 JY917605:JY917606 TU917605:TU917606 ADQ917605:ADQ917606 ANM917605:ANM917606 AXI917605:AXI917606 BHE917605:BHE917606 BRA917605:BRA917606 CAW917605:CAW917606 CKS917605:CKS917606 CUO917605:CUO917606 DEK917605:DEK917606 DOG917605:DOG917606 DYC917605:DYC917606 EHY917605:EHY917606 ERU917605:ERU917606 FBQ917605:FBQ917606 FLM917605:FLM917606 FVI917605:FVI917606 GFE917605:GFE917606 GPA917605:GPA917606 GYW917605:GYW917606 HIS917605:HIS917606 HSO917605:HSO917606 ICK917605:ICK917606 IMG917605:IMG917606 IWC917605:IWC917606 JFY917605:JFY917606 JPU917605:JPU917606 JZQ917605:JZQ917606 KJM917605:KJM917606 KTI917605:KTI917606 LDE917605:LDE917606 LNA917605:LNA917606 LWW917605:LWW917606 MGS917605:MGS917606 MQO917605:MQO917606 NAK917605:NAK917606 NKG917605:NKG917606 NUC917605:NUC917606 ODY917605:ODY917606 ONU917605:ONU917606 OXQ917605:OXQ917606 PHM917605:PHM917606 PRI917605:PRI917606 QBE917605:QBE917606 QLA917605:QLA917606 QUW917605:QUW917606 RES917605:RES917606 ROO917605:ROO917606 RYK917605:RYK917606 SIG917605:SIG917606 SSC917605:SSC917606 TBY917605:TBY917606 TLU917605:TLU917606 TVQ917605:TVQ917606 UFM917605:UFM917606 UPI917605:UPI917606 UZE917605:UZE917606 VJA917605:VJA917606 VSW917605:VSW917606 WCS917605:WCS917606 WMO917605:WMO917606 WWK917605:WWK917606 AC983141:AC983142 JY983141:JY983142 TU983141:TU983142 ADQ983141:ADQ983142 ANM983141:ANM983142 AXI983141:AXI983142 BHE983141:BHE983142 BRA983141:BRA983142 CAW983141:CAW983142 CKS983141:CKS983142 CUO983141:CUO983142 DEK983141:DEK983142 DOG983141:DOG983142 DYC983141:DYC983142 EHY983141:EHY983142 ERU983141:ERU983142 FBQ983141:FBQ983142 FLM983141:FLM983142 FVI983141:FVI983142 GFE983141:GFE983142 GPA983141:GPA983142 GYW983141:GYW983142 HIS983141:HIS983142 HSO983141:HSO983142 ICK983141:ICK983142 IMG983141:IMG983142 IWC983141:IWC983142 JFY983141:JFY983142 JPU983141:JPU983142 JZQ983141:JZQ983142 KJM983141:KJM983142 KTI983141:KTI983142 LDE983141:LDE983142 LNA983141:LNA983142 LWW983141:LWW983142 MGS983141:MGS983142 MQO983141:MQO983142 NAK983141:NAK983142 NKG983141:NKG983142 NUC983141:NUC983142 ODY983141:ODY983142 ONU983141:ONU983142 OXQ983141:OXQ983142 PHM983141:PHM983142 PRI983141:PRI983142 QBE983141:QBE983142 QLA983141:QLA983142 QUW983141:QUW983142 RES983141:RES983142 ROO983141:ROO983142 RYK983141:RYK983142 SIG983141:SIG983142 SSC983141:SSC983142 TBY983141:TBY983142 TLU983141:TLU983142 TVQ983141:TVQ983142 UFM983141:UFM983142 UPI983141:UPI983142 UZE983141:UZE983142 VJA983141:VJA983142 VSW983141:VSW983142 WCS983141:WCS983142 WMO983141:WMO983142 WWK983141:WWK983142 AE77:AE80 KA77:KA80 TW77:TW80 ADS77:ADS80 ANO77:ANO80 AXK77:AXK80 BHG77:BHG80 BRC77:BRC80 CAY77:CAY80 CKU77:CKU80 CUQ77:CUQ80 DEM77:DEM80 DOI77:DOI80 DYE77:DYE80 EIA77:EIA80 ERW77:ERW80 FBS77:FBS80 FLO77:FLO80 FVK77:FVK80 GFG77:GFG80 GPC77:GPC80 GYY77:GYY80 HIU77:HIU80 HSQ77:HSQ80 ICM77:ICM80 IMI77:IMI80 IWE77:IWE80 JGA77:JGA80 JPW77:JPW80 JZS77:JZS80 KJO77:KJO80 KTK77:KTK80 LDG77:LDG80 LNC77:LNC80 LWY77:LWY80 MGU77:MGU80 MQQ77:MQQ80 NAM77:NAM80 NKI77:NKI80 NUE77:NUE80 OEA77:OEA80 ONW77:ONW80 OXS77:OXS80 PHO77:PHO80 PRK77:PRK80 QBG77:QBG80 QLC77:QLC80 QUY77:QUY80 REU77:REU80 ROQ77:ROQ80 RYM77:RYM80 SII77:SII80 SSE77:SSE80 TCA77:TCA80 TLW77:TLW80 TVS77:TVS80 UFO77:UFO80 UPK77:UPK80 UZG77:UZG80 VJC77:VJC80 VSY77:VSY80 WCU77:WCU80 WMQ77:WMQ80 WWM77:WWM80 AE65613:AE65616 KA65613:KA65616 TW65613:TW65616 ADS65613:ADS65616 ANO65613:ANO65616 AXK65613:AXK65616 BHG65613:BHG65616 BRC65613:BRC65616 CAY65613:CAY65616 CKU65613:CKU65616 CUQ65613:CUQ65616 DEM65613:DEM65616 DOI65613:DOI65616 DYE65613:DYE65616 EIA65613:EIA65616 ERW65613:ERW65616 FBS65613:FBS65616 FLO65613:FLO65616 FVK65613:FVK65616 GFG65613:GFG65616 GPC65613:GPC65616 GYY65613:GYY65616 HIU65613:HIU65616 HSQ65613:HSQ65616 ICM65613:ICM65616 IMI65613:IMI65616 IWE65613:IWE65616 JGA65613:JGA65616 JPW65613:JPW65616 JZS65613:JZS65616 KJO65613:KJO65616 KTK65613:KTK65616 LDG65613:LDG65616 LNC65613:LNC65616 LWY65613:LWY65616 MGU65613:MGU65616 MQQ65613:MQQ65616 NAM65613:NAM65616 NKI65613:NKI65616 NUE65613:NUE65616 OEA65613:OEA65616 ONW65613:ONW65616 OXS65613:OXS65616 PHO65613:PHO65616 PRK65613:PRK65616 QBG65613:QBG65616 QLC65613:QLC65616 QUY65613:QUY65616 REU65613:REU65616 ROQ65613:ROQ65616 RYM65613:RYM65616 SII65613:SII65616 SSE65613:SSE65616 TCA65613:TCA65616 TLW65613:TLW65616 TVS65613:TVS65616 UFO65613:UFO65616 UPK65613:UPK65616 UZG65613:UZG65616 VJC65613:VJC65616 VSY65613:VSY65616 WCU65613:WCU65616 WMQ65613:WMQ65616 WWM65613:WWM65616 AE131149:AE131152 KA131149:KA131152 TW131149:TW131152 ADS131149:ADS131152 ANO131149:ANO131152 AXK131149:AXK131152 BHG131149:BHG131152 BRC131149:BRC131152 CAY131149:CAY131152 CKU131149:CKU131152 CUQ131149:CUQ131152 DEM131149:DEM131152 DOI131149:DOI131152 DYE131149:DYE131152 EIA131149:EIA131152 ERW131149:ERW131152 FBS131149:FBS131152 FLO131149:FLO131152 FVK131149:FVK131152 GFG131149:GFG131152 GPC131149:GPC131152 GYY131149:GYY131152 HIU131149:HIU131152 HSQ131149:HSQ131152 ICM131149:ICM131152 IMI131149:IMI131152 IWE131149:IWE131152 JGA131149:JGA131152 JPW131149:JPW131152 JZS131149:JZS131152 KJO131149:KJO131152 KTK131149:KTK131152 LDG131149:LDG131152 LNC131149:LNC131152 LWY131149:LWY131152 MGU131149:MGU131152 MQQ131149:MQQ131152 NAM131149:NAM131152 NKI131149:NKI131152 NUE131149:NUE131152 OEA131149:OEA131152 ONW131149:ONW131152 OXS131149:OXS131152 PHO131149:PHO131152 PRK131149:PRK131152 QBG131149:QBG131152 QLC131149:QLC131152 QUY131149:QUY131152 REU131149:REU131152 ROQ131149:ROQ131152 RYM131149:RYM131152 SII131149:SII131152 SSE131149:SSE131152 TCA131149:TCA131152 TLW131149:TLW131152 TVS131149:TVS131152 UFO131149:UFO131152 UPK131149:UPK131152 UZG131149:UZG131152 VJC131149:VJC131152 VSY131149:VSY131152 WCU131149:WCU131152 WMQ131149:WMQ131152 WWM131149:WWM131152 AE196685:AE196688 KA196685:KA196688 TW196685:TW196688 ADS196685:ADS196688 ANO196685:ANO196688 AXK196685:AXK196688 BHG196685:BHG196688 BRC196685:BRC196688 CAY196685:CAY196688 CKU196685:CKU196688 CUQ196685:CUQ196688 DEM196685:DEM196688 DOI196685:DOI196688 DYE196685:DYE196688 EIA196685:EIA196688 ERW196685:ERW196688 FBS196685:FBS196688 FLO196685:FLO196688 FVK196685:FVK196688 GFG196685:GFG196688 GPC196685:GPC196688 GYY196685:GYY196688 HIU196685:HIU196688 HSQ196685:HSQ196688 ICM196685:ICM196688 IMI196685:IMI196688 IWE196685:IWE196688 JGA196685:JGA196688 JPW196685:JPW196688 JZS196685:JZS196688 KJO196685:KJO196688 KTK196685:KTK196688 LDG196685:LDG196688 LNC196685:LNC196688 LWY196685:LWY196688 MGU196685:MGU196688 MQQ196685:MQQ196688 NAM196685:NAM196688 NKI196685:NKI196688 NUE196685:NUE196688 OEA196685:OEA196688 ONW196685:ONW196688 OXS196685:OXS196688 PHO196685:PHO196688 PRK196685:PRK196688 QBG196685:QBG196688 QLC196685:QLC196688 QUY196685:QUY196688 REU196685:REU196688 ROQ196685:ROQ196688 RYM196685:RYM196688 SII196685:SII196688 SSE196685:SSE196688 TCA196685:TCA196688 TLW196685:TLW196688 TVS196685:TVS196688 UFO196685:UFO196688 UPK196685:UPK196688 UZG196685:UZG196688 VJC196685:VJC196688 VSY196685:VSY196688 WCU196685:WCU196688 WMQ196685:WMQ196688 WWM196685:WWM196688 AE262221:AE262224 KA262221:KA262224 TW262221:TW262224 ADS262221:ADS262224 ANO262221:ANO262224 AXK262221:AXK262224 BHG262221:BHG262224 BRC262221:BRC262224 CAY262221:CAY262224 CKU262221:CKU262224 CUQ262221:CUQ262224 DEM262221:DEM262224 DOI262221:DOI262224 DYE262221:DYE262224 EIA262221:EIA262224 ERW262221:ERW262224 FBS262221:FBS262224 FLO262221:FLO262224 FVK262221:FVK262224 GFG262221:GFG262224 GPC262221:GPC262224 GYY262221:GYY262224 HIU262221:HIU262224 HSQ262221:HSQ262224 ICM262221:ICM262224 IMI262221:IMI262224 IWE262221:IWE262224 JGA262221:JGA262224 JPW262221:JPW262224 JZS262221:JZS262224 KJO262221:KJO262224 KTK262221:KTK262224 LDG262221:LDG262224 LNC262221:LNC262224 LWY262221:LWY262224 MGU262221:MGU262224 MQQ262221:MQQ262224 NAM262221:NAM262224 NKI262221:NKI262224 NUE262221:NUE262224 OEA262221:OEA262224 ONW262221:ONW262224 OXS262221:OXS262224 PHO262221:PHO262224 PRK262221:PRK262224 QBG262221:QBG262224 QLC262221:QLC262224 QUY262221:QUY262224 REU262221:REU262224 ROQ262221:ROQ262224 RYM262221:RYM262224 SII262221:SII262224 SSE262221:SSE262224 TCA262221:TCA262224 TLW262221:TLW262224 TVS262221:TVS262224 UFO262221:UFO262224 UPK262221:UPK262224 UZG262221:UZG262224 VJC262221:VJC262224 VSY262221:VSY262224 WCU262221:WCU262224 WMQ262221:WMQ262224 WWM262221:WWM262224 AE327757:AE327760 KA327757:KA327760 TW327757:TW327760 ADS327757:ADS327760 ANO327757:ANO327760 AXK327757:AXK327760 BHG327757:BHG327760 BRC327757:BRC327760 CAY327757:CAY327760 CKU327757:CKU327760 CUQ327757:CUQ327760 DEM327757:DEM327760 DOI327757:DOI327760 DYE327757:DYE327760 EIA327757:EIA327760 ERW327757:ERW327760 FBS327757:FBS327760 FLO327757:FLO327760 FVK327757:FVK327760 GFG327757:GFG327760 GPC327757:GPC327760 GYY327757:GYY327760 HIU327757:HIU327760 HSQ327757:HSQ327760 ICM327757:ICM327760 IMI327757:IMI327760 IWE327757:IWE327760 JGA327757:JGA327760 JPW327757:JPW327760 JZS327757:JZS327760 KJO327757:KJO327760 KTK327757:KTK327760 LDG327757:LDG327760 LNC327757:LNC327760 LWY327757:LWY327760 MGU327757:MGU327760 MQQ327757:MQQ327760 NAM327757:NAM327760 NKI327757:NKI327760 NUE327757:NUE327760 OEA327757:OEA327760 ONW327757:ONW327760 OXS327757:OXS327760 PHO327757:PHO327760 PRK327757:PRK327760 QBG327757:QBG327760 QLC327757:QLC327760 QUY327757:QUY327760 REU327757:REU327760 ROQ327757:ROQ327760 RYM327757:RYM327760 SII327757:SII327760 SSE327757:SSE327760 TCA327757:TCA327760 TLW327757:TLW327760 TVS327757:TVS327760 UFO327757:UFO327760 UPK327757:UPK327760 UZG327757:UZG327760 VJC327757:VJC327760 VSY327757:VSY327760 WCU327757:WCU327760 WMQ327757:WMQ327760 WWM327757:WWM327760 AE393293:AE393296 KA393293:KA393296 TW393293:TW393296 ADS393293:ADS393296 ANO393293:ANO393296 AXK393293:AXK393296 BHG393293:BHG393296 BRC393293:BRC393296 CAY393293:CAY393296 CKU393293:CKU393296 CUQ393293:CUQ393296 DEM393293:DEM393296 DOI393293:DOI393296 DYE393293:DYE393296 EIA393293:EIA393296 ERW393293:ERW393296 FBS393293:FBS393296 FLO393293:FLO393296 FVK393293:FVK393296 GFG393293:GFG393296 GPC393293:GPC393296 GYY393293:GYY393296 HIU393293:HIU393296 HSQ393293:HSQ393296 ICM393293:ICM393296 IMI393293:IMI393296 IWE393293:IWE393296 JGA393293:JGA393296 JPW393293:JPW393296 JZS393293:JZS393296 KJO393293:KJO393296 KTK393293:KTK393296 LDG393293:LDG393296 LNC393293:LNC393296 LWY393293:LWY393296 MGU393293:MGU393296 MQQ393293:MQQ393296 NAM393293:NAM393296 NKI393293:NKI393296 NUE393293:NUE393296 OEA393293:OEA393296 ONW393293:ONW393296 OXS393293:OXS393296 PHO393293:PHO393296 PRK393293:PRK393296 QBG393293:QBG393296 QLC393293:QLC393296 QUY393293:QUY393296 REU393293:REU393296 ROQ393293:ROQ393296 RYM393293:RYM393296 SII393293:SII393296 SSE393293:SSE393296 TCA393293:TCA393296 TLW393293:TLW393296 TVS393293:TVS393296 UFO393293:UFO393296 UPK393293:UPK393296 UZG393293:UZG393296 VJC393293:VJC393296 VSY393293:VSY393296 WCU393293:WCU393296 WMQ393293:WMQ393296 WWM393293:WWM393296 AE458829:AE458832 KA458829:KA458832 TW458829:TW458832 ADS458829:ADS458832 ANO458829:ANO458832 AXK458829:AXK458832 BHG458829:BHG458832 BRC458829:BRC458832 CAY458829:CAY458832 CKU458829:CKU458832 CUQ458829:CUQ458832 DEM458829:DEM458832 DOI458829:DOI458832 DYE458829:DYE458832 EIA458829:EIA458832 ERW458829:ERW458832 FBS458829:FBS458832 FLO458829:FLO458832 FVK458829:FVK458832 GFG458829:GFG458832 GPC458829:GPC458832 GYY458829:GYY458832 HIU458829:HIU458832 HSQ458829:HSQ458832 ICM458829:ICM458832 IMI458829:IMI458832 IWE458829:IWE458832 JGA458829:JGA458832 JPW458829:JPW458832 JZS458829:JZS458832 KJO458829:KJO458832 KTK458829:KTK458832 LDG458829:LDG458832 LNC458829:LNC458832 LWY458829:LWY458832 MGU458829:MGU458832 MQQ458829:MQQ458832 NAM458829:NAM458832 NKI458829:NKI458832 NUE458829:NUE458832 OEA458829:OEA458832 ONW458829:ONW458832 OXS458829:OXS458832 PHO458829:PHO458832 PRK458829:PRK458832 QBG458829:QBG458832 QLC458829:QLC458832 QUY458829:QUY458832 REU458829:REU458832 ROQ458829:ROQ458832 RYM458829:RYM458832 SII458829:SII458832 SSE458829:SSE458832 TCA458829:TCA458832 TLW458829:TLW458832 TVS458829:TVS458832 UFO458829:UFO458832 UPK458829:UPK458832 UZG458829:UZG458832 VJC458829:VJC458832 VSY458829:VSY458832 WCU458829:WCU458832 WMQ458829:WMQ458832 WWM458829:WWM458832 AE524365:AE524368 KA524365:KA524368 TW524365:TW524368 ADS524365:ADS524368 ANO524365:ANO524368 AXK524365:AXK524368 BHG524365:BHG524368 BRC524365:BRC524368 CAY524365:CAY524368 CKU524365:CKU524368 CUQ524365:CUQ524368 DEM524365:DEM524368 DOI524365:DOI524368 DYE524365:DYE524368 EIA524365:EIA524368 ERW524365:ERW524368 FBS524365:FBS524368 FLO524365:FLO524368 FVK524365:FVK524368 GFG524365:GFG524368 GPC524365:GPC524368 GYY524365:GYY524368 HIU524365:HIU524368 HSQ524365:HSQ524368 ICM524365:ICM524368 IMI524365:IMI524368 IWE524365:IWE524368 JGA524365:JGA524368 JPW524365:JPW524368 JZS524365:JZS524368 KJO524365:KJO524368 KTK524365:KTK524368 LDG524365:LDG524368 LNC524365:LNC524368 LWY524365:LWY524368 MGU524365:MGU524368 MQQ524365:MQQ524368 NAM524365:NAM524368 NKI524365:NKI524368 NUE524365:NUE524368 OEA524365:OEA524368 ONW524365:ONW524368 OXS524365:OXS524368 PHO524365:PHO524368 PRK524365:PRK524368 QBG524365:QBG524368 QLC524365:QLC524368 QUY524365:QUY524368 REU524365:REU524368 ROQ524365:ROQ524368 RYM524365:RYM524368 SII524365:SII524368 SSE524365:SSE524368 TCA524365:TCA524368 TLW524365:TLW524368 TVS524365:TVS524368 UFO524365:UFO524368 UPK524365:UPK524368 UZG524365:UZG524368 VJC524365:VJC524368 VSY524365:VSY524368 WCU524365:WCU524368 WMQ524365:WMQ524368 WWM524365:WWM524368 AE589901:AE589904 KA589901:KA589904 TW589901:TW589904 ADS589901:ADS589904 ANO589901:ANO589904 AXK589901:AXK589904 BHG589901:BHG589904 BRC589901:BRC589904 CAY589901:CAY589904 CKU589901:CKU589904 CUQ589901:CUQ589904 DEM589901:DEM589904 DOI589901:DOI589904 DYE589901:DYE589904 EIA589901:EIA589904 ERW589901:ERW589904 FBS589901:FBS589904 FLO589901:FLO589904 FVK589901:FVK589904 GFG589901:GFG589904 GPC589901:GPC589904 GYY589901:GYY589904 HIU589901:HIU589904 HSQ589901:HSQ589904 ICM589901:ICM589904 IMI589901:IMI589904 IWE589901:IWE589904 JGA589901:JGA589904 JPW589901:JPW589904 JZS589901:JZS589904 KJO589901:KJO589904 KTK589901:KTK589904 LDG589901:LDG589904 LNC589901:LNC589904 LWY589901:LWY589904 MGU589901:MGU589904 MQQ589901:MQQ589904 NAM589901:NAM589904 NKI589901:NKI589904 NUE589901:NUE589904 OEA589901:OEA589904 ONW589901:ONW589904 OXS589901:OXS589904 PHO589901:PHO589904 PRK589901:PRK589904 QBG589901:QBG589904 QLC589901:QLC589904 QUY589901:QUY589904 REU589901:REU589904 ROQ589901:ROQ589904 RYM589901:RYM589904 SII589901:SII589904 SSE589901:SSE589904 TCA589901:TCA589904 TLW589901:TLW589904 TVS589901:TVS589904 UFO589901:UFO589904 UPK589901:UPK589904 UZG589901:UZG589904 VJC589901:VJC589904 VSY589901:VSY589904 WCU589901:WCU589904 WMQ589901:WMQ589904 WWM589901:WWM589904 AE655437:AE655440 KA655437:KA655440 TW655437:TW655440 ADS655437:ADS655440 ANO655437:ANO655440 AXK655437:AXK655440 BHG655437:BHG655440 BRC655437:BRC655440 CAY655437:CAY655440 CKU655437:CKU655440 CUQ655437:CUQ655440 DEM655437:DEM655440 DOI655437:DOI655440 DYE655437:DYE655440 EIA655437:EIA655440 ERW655437:ERW655440 FBS655437:FBS655440 FLO655437:FLO655440 FVK655437:FVK655440 GFG655437:GFG655440 GPC655437:GPC655440 GYY655437:GYY655440 HIU655437:HIU655440 HSQ655437:HSQ655440 ICM655437:ICM655440 IMI655437:IMI655440 IWE655437:IWE655440 JGA655437:JGA655440 JPW655437:JPW655440 JZS655437:JZS655440 KJO655437:KJO655440 KTK655437:KTK655440 LDG655437:LDG655440 LNC655437:LNC655440 LWY655437:LWY655440 MGU655437:MGU655440 MQQ655437:MQQ655440 NAM655437:NAM655440 NKI655437:NKI655440 NUE655437:NUE655440 OEA655437:OEA655440 ONW655437:ONW655440 OXS655437:OXS655440 PHO655437:PHO655440 PRK655437:PRK655440 QBG655437:QBG655440 QLC655437:QLC655440 QUY655437:QUY655440 REU655437:REU655440 ROQ655437:ROQ655440 RYM655437:RYM655440 SII655437:SII655440 SSE655437:SSE655440 TCA655437:TCA655440 TLW655437:TLW655440 TVS655437:TVS655440 UFO655437:UFO655440 UPK655437:UPK655440 UZG655437:UZG655440 VJC655437:VJC655440 VSY655437:VSY655440 WCU655437:WCU655440 WMQ655437:WMQ655440 WWM655437:WWM655440 AE720973:AE720976 KA720973:KA720976 TW720973:TW720976 ADS720973:ADS720976 ANO720973:ANO720976 AXK720973:AXK720976 BHG720973:BHG720976 BRC720973:BRC720976 CAY720973:CAY720976 CKU720973:CKU720976 CUQ720973:CUQ720976 DEM720973:DEM720976 DOI720973:DOI720976 DYE720973:DYE720976 EIA720973:EIA720976 ERW720973:ERW720976 FBS720973:FBS720976 FLO720973:FLO720976 FVK720973:FVK720976 GFG720973:GFG720976 GPC720973:GPC720976 GYY720973:GYY720976 HIU720973:HIU720976 HSQ720973:HSQ720976 ICM720973:ICM720976 IMI720973:IMI720976 IWE720973:IWE720976 JGA720973:JGA720976 JPW720973:JPW720976 JZS720973:JZS720976 KJO720973:KJO720976 KTK720973:KTK720976 LDG720973:LDG720976 LNC720973:LNC720976 LWY720973:LWY720976 MGU720973:MGU720976 MQQ720973:MQQ720976 NAM720973:NAM720976 NKI720973:NKI720976 NUE720973:NUE720976 OEA720973:OEA720976 ONW720973:ONW720976 OXS720973:OXS720976 PHO720973:PHO720976 PRK720973:PRK720976 QBG720973:QBG720976 QLC720973:QLC720976 QUY720973:QUY720976 REU720973:REU720976 ROQ720973:ROQ720976 RYM720973:RYM720976 SII720973:SII720976 SSE720973:SSE720976 TCA720973:TCA720976 TLW720973:TLW720976 TVS720973:TVS720976 UFO720973:UFO720976 UPK720973:UPK720976 UZG720973:UZG720976 VJC720973:VJC720976 VSY720973:VSY720976 WCU720973:WCU720976 WMQ720973:WMQ720976 WWM720973:WWM720976 AE786509:AE786512 KA786509:KA786512 TW786509:TW786512 ADS786509:ADS786512 ANO786509:ANO786512 AXK786509:AXK786512 BHG786509:BHG786512 BRC786509:BRC786512 CAY786509:CAY786512 CKU786509:CKU786512 CUQ786509:CUQ786512 DEM786509:DEM786512 DOI786509:DOI786512 DYE786509:DYE786512 EIA786509:EIA786512 ERW786509:ERW786512 FBS786509:FBS786512 FLO786509:FLO786512 FVK786509:FVK786512 GFG786509:GFG786512 GPC786509:GPC786512 GYY786509:GYY786512 HIU786509:HIU786512 HSQ786509:HSQ786512 ICM786509:ICM786512 IMI786509:IMI786512 IWE786509:IWE786512 JGA786509:JGA786512 JPW786509:JPW786512 JZS786509:JZS786512 KJO786509:KJO786512 KTK786509:KTK786512 LDG786509:LDG786512 LNC786509:LNC786512 LWY786509:LWY786512 MGU786509:MGU786512 MQQ786509:MQQ786512 NAM786509:NAM786512 NKI786509:NKI786512 NUE786509:NUE786512 OEA786509:OEA786512 ONW786509:ONW786512 OXS786509:OXS786512 PHO786509:PHO786512 PRK786509:PRK786512 QBG786509:QBG786512 QLC786509:QLC786512 QUY786509:QUY786512 REU786509:REU786512 ROQ786509:ROQ786512 RYM786509:RYM786512 SII786509:SII786512 SSE786509:SSE786512 TCA786509:TCA786512 TLW786509:TLW786512 TVS786509:TVS786512 UFO786509:UFO786512 UPK786509:UPK786512 UZG786509:UZG786512 VJC786509:VJC786512 VSY786509:VSY786512 WCU786509:WCU786512 WMQ786509:WMQ786512 WWM786509:WWM786512 AE852045:AE852048 KA852045:KA852048 TW852045:TW852048 ADS852045:ADS852048 ANO852045:ANO852048 AXK852045:AXK852048 BHG852045:BHG852048 BRC852045:BRC852048 CAY852045:CAY852048 CKU852045:CKU852048 CUQ852045:CUQ852048 DEM852045:DEM852048 DOI852045:DOI852048 DYE852045:DYE852048 EIA852045:EIA852048 ERW852045:ERW852048 FBS852045:FBS852048 FLO852045:FLO852048 FVK852045:FVK852048 GFG852045:GFG852048 GPC852045:GPC852048 GYY852045:GYY852048 HIU852045:HIU852048 HSQ852045:HSQ852048 ICM852045:ICM852048 IMI852045:IMI852048 IWE852045:IWE852048 JGA852045:JGA852048 JPW852045:JPW852048 JZS852045:JZS852048 KJO852045:KJO852048 KTK852045:KTK852048 LDG852045:LDG852048 LNC852045:LNC852048 LWY852045:LWY852048 MGU852045:MGU852048 MQQ852045:MQQ852048 NAM852045:NAM852048 NKI852045:NKI852048 NUE852045:NUE852048 OEA852045:OEA852048 ONW852045:ONW852048 OXS852045:OXS852048 PHO852045:PHO852048 PRK852045:PRK852048 QBG852045:QBG852048 QLC852045:QLC852048 QUY852045:QUY852048 REU852045:REU852048 ROQ852045:ROQ852048 RYM852045:RYM852048 SII852045:SII852048 SSE852045:SSE852048 TCA852045:TCA852048 TLW852045:TLW852048 TVS852045:TVS852048 UFO852045:UFO852048 UPK852045:UPK852048 UZG852045:UZG852048 VJC852045:VJC852048 VSY852045:VSY852048 WCU852045:WCU852048 WMQ852045:WMQ852048 WWM852045:WWM852048 AE917581:AE917584 KA917581:KA917584 TW917581:TW917584 ADS917581:ADS917584 ANO917581:ANO917584 AXK917581:AXK917584 BHG917581:BHG917584 BRC917581:BRC917584 CAY917581:CAY917584 CKU917581:CKU917584 CUQ917581:CUQ917584 DEM917581:DEM917584 DOI917581:DOI917584 DYE917581:DYE917584 EIA917581:EIA917584 ERW917581:ERW917584 FBS917581:FBS917584 FLO917581:FLO917584 FVK917581:FVK917584 GFG917581:GFG917584 GPC917581:GPC917584 GYY917581:GYY917584 HIU917581:HIU917584 HSQ917581:HSQ917584 ICM917581:ICM917584 IMI917581:IMI917584 IWE917581:IWE917584 JGA917581:JGA917584 JPW917581:JPW917584 JZS917581:JZS917584 KJO917581:KJO917584 KTK917581:KTK917584 LDG917581:LDG917584 LNC917581:LNC917584 LWY917581:LWY917584 MGU917581:MGU917584 MQQ917581:MQQ917584 NAM917581:NAM917584 NKI917581:NKI917584 NUE917581:NUE917584 OEA917581:OEA917584 ONW917581:ONW917584 OXS917581:OXS917584 PHO917581:PHO917584 PRK917581:PRK917584 QBG917581:QBG917584 QLC917581:QLC917584 QUY917581:QUY917584 REU917581:REU917584 ROQ917581:ROQ917584 RYM917581:RYM917584 SII917581:SII917584 SSE917581:SSE917584 TCA917581:TCA917584 TLW917581:TLW917584 TVS917581:TVS917584 UFO917581:UFO917584 UPK917581:UPK917584 UZG917581:UZG917584 VJC917581:VJC917584 VSY917581:VSY917584 WCU917581:WCU917584 WMQ917581:WMQ917584 WWM917581:WWM917584 AE983117:AE983120 KA983117:KA983120 TW983117:TW983120 ADS983117:ADS983120 ANO983117:ANO983120 AXK983117:AXK983120 BHG983117:BHG983120 BRC983117:BRC983120 CAY983117:CAY983120 CKU983117:CKU983120 CUQ983117:CUQ983120 DEM983117:DEM983120 DOI983117:DOI983120 DYE983117:DYE983120 EIA983117:EIA983120 ERW983117:ERW983120 FBS983117:FBS983120 FLO983117:FLO983120 FVK983117:FVK983120 GFG983117:GFG983120 GPC983117:GPC983120 GYY983117:GYY983120 HIU983117:HIU983120 HSQ983117:HSQ983120 ICM983117:ICM983120 IMI983117:IMI983120 IWE983117:IWE983120 JGA983117:JGA983120 JPW983117:JPW983120 JZS983117:JZS983120 KJO983117:KJO983120 KTK983117:KTK983120 LDG983117:LDG983120 LNC983117:LNC983120 LWY983117:LWY983120 MGU983117:MGU983120 MQQ983117:MQQ983120 NAM983117:NAM983120 NKI983117:NKI983120 NUE983117:NUE983120 OEA983117:OEA983120 ONW983117:ONW983120 OXS983117:OXS983120 PHO983117:PHO983120 PRK983117:PRK983120 QBG983117:QBG983120 QLC983117:QLC983120 QUY983117:QUY983120 REU983117:REU983120 ROQ983117:ROQ983120 RYM983117:RYM983120 SII983117:SII983120 SSE983117:SSE983120 TCA983117:TCA983120 TLW983117:TLW983120 TVS983117:TVS983120 UFO983117:UFO983120 UPK983117:UPK983120 UZG983117:UZG983120 VJC983117:VJC983120 VSY983117:VSY983120 WCU983117:WCU983120 WMQ983117:WMQ983120 WWM983117:WWM983120 AE84:AE89 KA84:KA89 TW84:TW89 ADS84:ADS89 ANO84:ANO89 AXK84:AXK89 BHG84:BHG89 BRC84:BRC89 CAY84:CAY89 CKU84:CKU89 CUQ84:CUQ89 DEM84:DEM89 DOI84:DOI89 DYE84:DYE89 EIA84:EIA89 ERW84:ERW89 FBS84:FBS89 FLO84:FLO89 FVK84:FVK89 GFG84:GFG89 GPC84:GPC89 GYY84:GYY89 HIU84:HIU89 HSQ84:HSQ89 ICM84:ICM89 IMI84:IMI89 IWE84:IWE89 JGA84:JGA89 JPW84:JPW89 JZS84:JZS89 KJO84:KJO89 KTK84:KTK89 LDG84:LDG89 LNC84:LNC89 LWY84:LWY89 MGU84:MGU89 MQQ84:MQQ89 NAM84:NAM89 NKI84:NKI89 NUE84:NUE89 OEA84:OEA89 ONW84:ONW89 OXS84:OXS89 PHO84:PHO89 PRK84:PRK89 QBG84:QBG89 QLC84:QLC89 QUY84:QUY89 REU84:REU89 ROQ84:ROQ89 RYM84:RYM89 SII84:SII89 SSE84:SSE89 TCA84:TCA89 TLW84:TLW89 TVS84:TVS89 UFO84:UFO89 UPK84:UPK89 UZG84:UZG89 VJC84:VJC89 VSY84:VSY89 WCU84:WCU89 WMQ84:WMQ89 WWM84:WWM89 AE65620:AE65625 KA65620:KA65625 TW65620:TW65625 ADS65620:ADS65625 ANO65620:ANO65625 AXK65620:AXK65625 BHG65620:BHG65625 BRC65620:BRC65625 CAY65620:CAY65625 CKU65620:CKU65625 CUQ65620:CUQ65625 DEM65620:DEM65625 DOI65620:DOI65625 DYE65620:DYE65625 EIA65620:EIA65625 ERW65620:ERW65625 FBS65620:FBS65625 FLO65620:FLO65625 FVK65620:FVK65625 GFG65620:GFG65625 GPC65620:GPC65625 GYY65620:GYY65625 HIU65620:HIU65625 HSQ65620:HSQ65625 ICM65620:ICM65625 IMI65620:IMI65625 IWE65620:IWE65625 JGA65620:JGA65625 JPW65620:JPW65625 JZS65620:JZS65625 KJO65620:KJO65625 KTK65620:KTK65625 LDG65620:LDG65625 LNC65620:LNC65625 LWY65620:LWY65625 MGU65620:MGU65625 MQQ65620:MQQ65625 NAM65620:NAM65625 NKI65620:NKI65625 NUE65620:NUE65625 OEA65620:OEA65625 ONW65620:ONW65625 OXS65620:OXS65625 PHO65620:PHO65625 PRK65620:PRK65625 QBG65620:QBG65625 QLC65620:QLC65625 QUY65620:QUY65625 REU65620:REU65625 ROQ65620:ROQ65625 RYM65620:RYM65625 SII65620:SII65625 SSE65620:SSE65625 TCA65620:TCA65625 TLW65620:TLW65625 TVS65620:TVS65625 UFO65620:UFO65625 UPK65620:UPK65625 UZG65620:UZG65625 VJC65620:VJC65625 VSY65620:VSY65625 WCU65620:WCU65625 WMQ65620:WMQ65625 WWM65620:WWM65625 AE131156:AE131161 KA131156:KA131161 TW131156:TW131161 ADS131156:ADS131161 ANO131156:ANO131161 AXK131156:AXK131161 BHG131156:BHG131161 BRC131156:BRC131161 CAY131156:CAY131161 CKU131156:CKU131161 CUQ131156:CUQ131161 DEM131156:DEM131161 DOI131156:DOI131161 DYE131156:DYE131161 EIA131156:EIA131161 ERW131156:ERW131161 FBS131156:FBS131161 FLO131156:FLO131161 FVK131156:FVK131161 GFG131156:GFG131161 GPC131156:GPC131161 GYY131156:GYY131161 HIU131156:HIU131161 HSQ131156:HSQ131161 ICM131156:ICM131161 IMI131156:IMI131161 IWE131156:IWE131161 JGA131156:JGA131161 JPW131156:JPW131161 JZS131156:JZS131161 KJO131156:KJO131161 KTK131156:KTK131161 LDG131156:LDG131161 LNC131156:LNC131161 LWY131156:LWY131161 MGU131156:MGU131161 MQQ131156:MQQ131161 NAM131156:NAM131161 NKI131156:NKI131161 NUE131156:NUE131161 OEA131156:OEA131161 ONW131156:ONW131161 OXS131156:OXS131161 PHO131156:PHO131161 PRK131156:PRK131161 QBG131156:QBG131161 QLC131156:QLC131161 QUY131156:QUY131161 REU131156:REU131161 ROQ131156:ROQ131161 RYM131156:RYM131161 SII131156:SII131161 SSE131156:SSE131161 TCA131156:TCA131161 TLW131156:TLW131161 TVS131156:TVS131161 UFO131156:UFO131161 UPK131156:UPK131161 UZG131156:UZG131161 VJC131156:VJC131161 VSY131156:VSY131161 WCU131156:WCU131161 WMQ131156:WMQ131161 WWM131156:WWM131161 AE196692:AE196697 KA196692:KA196697 TW196692:TW196697 ADS196692:ADS196697 ANO196692:ANO196697 AXK196692:AXK196697 BHG196692:BHG196697 BRC196692:BRC196697 CAY196692:CAY196697 CKU196692:CKU196697 CUQ196692:CUQ196697 DEM196692:DEM196697 DOI196692:DOI196697 DYE196692:DYE196697 EIA196692:EIA196697 ERW196692:ERW196697 FBS196692:FBS196697 FLO196692:FLO196697 FVK196692:FVK196697 GFG196692:GFG196697 GPC196692:GPC196697 GYY196692:GYY196697 HIU196692:HIU196697 HSQ196692:HSQ196697 ICM196692:ICM196697 IMI196692:IMI196697 IWE196692:IWE196697 JGA196692:JGA196697 JPW196692:JPW196697 JZS196692:JZS196697 KJO196692:KJO196697 KTK196692:KTK196697 LDG196692:LDG196697 LNC196692:LNC196697 LWY196692:LWY196697 MGU196692:MGU196697 MQQ196692:MQQ196697 NAM196692:NAM196697 NKI196692:NKI196697 NUE196692:NUE196697 OEA196692:OEA196697 ONW196692:ONW196697 OXS196692:OXS196697 PHO196692:PHO196697 PRK196692:PRK196697 QBG196692:QBG196697 QLC196692:QLC196697 QUY196692:QUY196697 REU196692:REU196697 ROQ196692:ROQ196697 RYM196692:RYM196697 SII196692:SII196697 SSE196692:SSE196697 TCA196692:TCA196697 TLW196692:TLW196697 TVS196692:TVS196697 UFO196692:UFO196697 UPK196692:UPK196697 UZG196692:UZG196697 VJC196692:VJC196697 VSY196692:VSY196697 WCU196692:WCU196697 WMQ196692:WMQ196697 WWM196692:WWM196697 AE262228:AE262233 KA262228:KA262233 TW262228:TW262233 ADS262228:ADS262233 ANO262228:ANO262233 AXK262228:AXK262233 BHG262228:BHG262233 BRC262228:BRC262233 CAY262228:CAY262233 CKU262228:CKU262233 CUQ262228:CUQ262233 DEM262228:DEM262233 DOI262228:DOI262233 DYE262228:DYE262233 EIA262228:EIA262233 ERW262228:ERW262233 FBS262228:FBS262233 FLO262228:FLO262233 FVK262228:FVK262233 GFG262228:GFG262233 GPC262228:GPC262233 GYY262228:GYY262233 HIU262228:HIU262233 HSQ262228:HSQ262233 ICM262228:ICM262233 IMI262228:IMI262233 IWE262228:IWE262233 JGA262228:JGA262233 JPW262228:JPW262233 JZS262228:JZS262233 KJO262228:KJO262233 KTK262228:KTK262233 LDG262228:LDG262233 LNC262228:LNC262233 LWY262228:LWY262233 MGU262228:MGU262233 MQQ262228:MQQ262233 NAM262228:NAM262233 NKI262228:NKI262233 NUE262228:NUE262233 OEA262228:OEA262233 ONW262228:ONW262233 OXS262228:OXS262233 PHO262228:PHO262233 PRK262228:PRK262233 QBG262228:QBG262233 QLC262228:QLC262233 QUY262228:QUY262233 REU262228:REU262233 ROQ262228:ROQ262233 RYM262228:RYM262233 SII262228:SII262233 SSE262228:SSE262233 TCA262228:TCA262233 TLW262228:TLW262233 TVS262228:TVS262233 UFO262228:UFO262233 UPK262228:UPK262233 UZG262228:UZG262233 VJC262228:VJC262233 VSY262228:VSY262233 WCU262228:WCU262233 WMQ262228:WMQ262233 WWM262228:WWM262233 AE327764:AE327769 KA327764:KA327769 TW327764:TW327769 ADS327764:ADS327769 ANO327764:ANO327769 AXK327764:AXK327769 BHG327764:BHG327769 BRC327764:BRC327769 CAY327764:CAY327769 CKU327764:CKU327769 CUQ327764:CUQ327769 DEM327764:DEM327769 DOI327764:DOI327769 DYE327764:DYE327769 EIA327764:EIA327769 ERW327764:ERW327769 FBS327764:FBS327769 FLO327764:FLO327769 FVK327764:FVK327769 GFG327764:GFG327769 GPC327764:GPC327769 GYY327764:GYY327769 HIU327764:HIU327769 HSQ327764:HSQ327769 ICM327764:ICM327769 IMI327764:IMI327769 IWE327764:IWE327769 JGA327764:JGA327769 JPW327764:JPW327769 JZS327764:JZS327769 KJO327764:KJO327769 KTK327764:KTK327769 LDG327764:LDG327769 LNC327764:LNC327769 LWY327764:LWY327769 MGU327764:MGU327769 MQQ327764:MQQ327769 NAM327764:NAM327769 NKI327764:NKI327769 NUE327764:NUE327769 OEA327764:OEA327769 ONW327764:ONW327769 OXS327764:OXS327769 PHO327764:PHO327769 PRK327764:PRK327769 QBG327764:QBG327769 QLC327764:QLC327769 QUY327764:QUY327769 REU327764:REU327769 ROQ327764:ROQ327769 RYM327764:RYM327769 SII327764:SII327769 SSE327764:SSE327769 TCA327764:TCA327769 TLW327764:TLW327769 TVS327764:TVS327769 UFO327764:UFO327769 UPK327764:UPK327769 UZG327764:UZG327769 VJC327764:VJC327769 VSY327764:VSY327769 WCU327764:WCU327769 WMQ327764:WMQ327769 WWM327764:WWM327769 AE393300:AE393305 KA393300:KA393305 TW393300:TW393305 ADS393300:ADS393305 ANO393300:ANO393305 AXK393300:AXK393305 BHG393300:BHG393305 BRC393300:BRC393305 CAY393300:CAY393305 CKU393300:CKU393305 CUQ393300:CUQ393305 DEM393300:DEM393305 DOI393300:DOI393305 DYE393300:DYE393305 EIA393300:EIA393305 ERW393300:ERW393305 FBS393300:FBS393305 FLO393300:FLO393305 FVK393300:FVK393305 GFG393300:GFG393305 GPC393300:GPC393305 GYY393300:GYY393305 HIU393300:HIU393305 HSQ393300:HSQ393305 ICM393300:ICM393305 IMI393300:IMI393305 IWE393300:IWE393305 JGA393300:JGA393305 JPW393300:JPW393305 JZS393300:JZS393305 KJO393300:KJO393305 KTK393300:KTK393305 LDG393300:LDG393305 LNC393300:LNC393305 LWY393300:LWY393305 MGU393300:MGU393305 MQQ393300:MQQ393305 NAM393300:NAM393305 NKI393300:NKI393305 NUE393300:NUE393305 OEA393300:OEA393305 ONW393300:ONW393305 OXS393300:OXS393305 PHO393300:PHO393305 PRK393300:PRK393305 QBG393300:QBG393305 QLC393300:QLC393305 QUY393300:QUY393305 REU393300:REU393305 ROQ393300:ROQ393305 RYM393300:RYM393305 SII393300:SII393305 SSE393300:SSE393305 TCA393300:TCA393305 TLW393300:TLW393305 TVS393300:TVS393305 UFO393300:UFO393305 UPK393300:UPK393305 UZG393300:UZG393305 VJC393300:VJC393305 VSY393300:VSY393305 WCU393300:WCU393305 WMQ393300:WMQ393305 WWM393300:WWM393305 AE458836:AE458841 KA458836:KA458841 TW458836:TW458841 ADS458836:ADS458841 ANO458836:ANO458841 AXK458836:AXK458841 BHG458836:BHG458841 BRC458836:BRC458841 CAY458836:CAY458841 CKU458836:CKU458841 CUQ458836:CUQ458841 DEM458836:DEM458841 DOI458836:DOI458841 DYE458836:DYE458841 EIA458836:EIA458841 ERW458836:ERW458841 FBS458836:FBS458841 FLO458836:FLO458841 FVK458836:FVK458841 GFG458836:GFG458841 GPC458836:GPC458841 GYY458836:GYY458841 HIU458836:HIU458841 HSQ458836:HSQ458841 ICM458836:ICM458841 IMI458836:IMI458841 IWE458836:IWE458841 JGA458836:JGA458841 JPW458836:JPW458841 JZS458836:JZS458841 KJO458836:KJO458841 KTK458836:KTK458841 LDG458836:LDG458841 LNC458836:LNC458841 LWY458836:LWY458841 MGU458836:MGU458841 MQQ458836:MQQ458841 NAM458836:NAM458841 NKI458836:NKI458841 NUE458836:NUE458841 OEA458836:OEA458841 ONW458836:ONW458841 OXS458836:OXS458841 PHO458836:PHO458841 PRK458836:PRK458841 QBG458836:QBG458841 QLC458836:QLC458841 QUY458836:QUY458841 REU458836:REU458841 ROQ458836:ROQ458841 RYM458836:RYM458841 SII458836:SII458841 SSE458836:SSE458841 TCA458836:TCA458841 TLW458836:TLW458841 TVS458836:TVS458841 UFO458836:UFO458841 UPK458836:UPK458841 UZG458836:UZG458841 VJC458836:VJC458841 VSY458836:VSY458841 WCU458836:WCU458841 WMQ458836:WMQ458841 WWM458836:WWM458841 AE524372:AE524377 KA524372:KA524377 TW524372:TW524377 ADS524372:ADS524377 ANO524372:ANO524377 AXK524372:AXK524377 BHG524372:BHG524377 BRC524372:BRC524377 CAY524372:CAY524377 CKU524372:CKU524377 CUQ524372:CUQ524377 DEM524372:DEM524377 DOI524372:DOI524377 DYE524372:DYE524377 EIA524372:EIA524377 ERW524372:ERW524377 FBS524372:FBS524377 FLO524372:FLO524377 FVK524372:FVK524377 GFG524372:GFG524377 GPC524372:GPC524377 GYY524372:GYY524377 HIU524372:HIU524377 HSQ524372:HSQ524377 ICM524372:ICM524377 IMI524372:IMI524377 IWE524372:IWE524377 JGA524372:JGA524377 JPW524372:JPW524377 JZS524372:JZS524377 KJO524372:KJO524377 KTK524372:KTK524377 LDG524372:LDG524377 LNC524372:LNC524377 LWY524372:LWY524377 MGU524372:MGU524377 MQQ524372:MQQ524377 NAM524372:NAM524377 NKI524372:NKI524377 NUE524372:NUE524377 OEA524372:OEA524377 ONW524372:ONW524377 OXS524372:OXS524377 PHO524372:PHO524377 PRK524372:PRK524377 QBG524372:QBG524377 QLC524372:QLC524377 QUY524372:QUY524377 REU524372:REU524377 ROQ524372:ROQ524377 RYM524372:RYM524377 SII524372:SII524377 SSE524372:SSE524377 TCA524372:TCA524377 TLW524372:TLW524377 TVS524372:TVS524377 UFO524372:UFO524377 UPK524372:UPK524377 UZG524372:UZG524377 VJC524372:VJC524377 VSY524372:VSY524377 WCU524372:WCU524377 WMQ524372:WMQ524377 WWM524372:WWM524377 AE589908:AE589913 KA589908:KA589913 TW589908:TW589913 ADS589908:ADS589913 ANO589908:ANO589913 AXK589908:AXK589913 BHG589908:BHG589913 BRC589908:BRC589913 CAY589908:CAY589913 CKU589908:CKU589913 CUQ589908:CUQ589913 DEM589908:DEM589913 DOI589908:DOI589913 DYE589908:DYE589913 EIA589908:EIA589913 ERW589908:ERW589913 FBS589908:FBS589913 FLO589908:FLO589913 FVK589908:FVK589913 GFG589908:GFG589913 GPC589908:GPC589913 GYY589908:GYY589913 HIU589908:HIU589913 HSQ589908:HSQ589913 ICM589908:ICM589913 IMI589908:IMI589913 IWE589908:IWE589913 JGA589908:JGA589913 JPW589908:JPW589913 JZS589908:JZS589913 KJO589908:KJO589913 KTK589908:KTK589913 LDG589908:LDG589913 LNC589908:LNC589913 LWY589908:LWY589913 MGU589908:MGU589913 MQQ589908:MQQ589913 NAM589908:NAM589913 NKI589908:NKI589913 NUE589908:NUE589913 OEA589908:OEA589913 ONW589908:ONW589913 OXS589908:OXS589913 PHO589908:PHO589913 PRK589908:PRK589913 QBG589908:QBG589913 QLC589908:QLC589913 QUY589908:QUY589913 REU589908:REU589913 ROQ589908:ROQ589913 RYM589908:RYM589913 SII589908:SII589913 SSE589908:SSE589913 TCA589908:TCA589913 TLW589908:TLW589913 TVS589908:TVS589913 UFO589908:UFO589913 UPK589908:UPK589913 UZG589908:UZG589913 VJC589908:VJC589913 VSY589908:VSY589913 WCU589908:WCU589913 WMQ589908:WMQ589913 WWM589908:WWM589913 AE655444:AE655449 KA655444:KA655449 TW655444:TW655449 ADS655444:ADS655449 ANO655444:ANO655449 AXK655444:AXK655449 BHG655444:BHG655449 BRC655444:BRC655449 CAY655444:CAY655449 CKU655444:CKU655449 CUQ655444:CUQ655449 DEM655444:DEM655449 DOI655444:DOI655449 DYE655444:DYE655449 EIA655444:EIA655449 ERW655444:ERW655449 FBS655444:FBS655449 FLO655444:FLO655449 FVK655444:FVK655449 GFG655444:GFG655449 GPC655444:GPC655449 GYY655444:GYY655449 HIU655444:HIU655449 HSQ655444:HSQ655449 ICM655444:ICM655449 IMI655444:IMI655449 IWE655444:IWE655449 JGA655444:JGA655449 JPW655444:JPW655449 JZS655444:JZS655449 KJO655444:KJO655449 KTK655444:KTK655449 LDG655444:LDG655449 LNC655444:LNC655449 LWY655444:LWY655449 MGU655444:MGU655449 MQQ655444:MQQ655449 NAM655444:NAM655449 NKI655444:NKI655449 NUE655444:NUE655449 OEA655444:OEA655449 ONW655444:ONW655449 OXS655444:OXS655449 PHO655444:PHO655449 PRK655444:PRK655449 QBG655444:QBG655449 QLC655444:QLC655449 QUY655444:QUY655449 REU655444:REU655449 ROQ655444:ROQ655449 RYM655444:RYM655449 SII655444:SII655449 SSE655444:SSE655449 TCA655444:TCA655449 TLW655444:TLW655449 TVS655444:TVS655449 UFO655444:UFO655449 UPK655444:UPK655449 UZG655444:UZG655449 VJC655444:VJC655449 VSY655444:VSY655449 WCU655444:WCU655449 WMQ655444:WMQ655449 WWM655444:WWM655449 AE720980:AE720985 KA720980:KA720985 TW720980:TW720985 ADS720980:ADS720985 ANO720980:ANO720985 AXK720980:AXK720985 BHG720980:BHG720985 BRC720980:BRC720985 CAY720980:CAY720985 CKU720980:CKU720985 CUQ720980:CUQ720985 DEM720980:DEM720985 DOI720980:DOI720985 DYE720980:DYE720985 EIA720980:EIA720985 ERW720980:ERW720985 FBS720980:FBS720985 FLO720980:FLO720985 FVK720980:FVK720985 GFG720980:GFG720985 GPC720980:GPC720985 GYY720980:GYY720985 HIU720980:HIU720985 HSQ720980:HSQ720985 ICM720980:ICM720985 IMI720980:IMI720985 IWE720980:IWE720985 JGA720980:JGA720985 JPW720980:JPW720985 JZS720980:JZS720985 KJO720980:KJO720985 KTK720980:KTK720985 LDG720980:LDG720985 LNC720980:LNC720985 LWY720980:LWY720985 MGU720980:MGU720985 MQQ720980:MQQ720985 NAM720980:NAM720985 NKI720980:NKI720985 NUE720980:NUE720985 OEA720980:OEA720985 ONW720980:ONW720985 OXS720980:OXS720985 PHO720980:PHO720985 PRK720980:PRK720985 QBG720980:QBG720985 QLC720980:QLC720985 QUY720980:QUY720985 REU720980:REU720985 ROQ720980:ROQ720985 RYM720980:RYM720985 SII720980:SII720985 SSE720980:SSE720985 TCA720980:TCA720985 TLW720980:TLW720985 TVS720980:TVS720985 UFO720980:UFO720985 UPK720980:UPK720985 UZG720980:UZG720985 VJC720980:VJC720985 VSY720980:VSY720985 WCU720980:WCU720985 WMQ720980:WMQ720985 WWM720980:WWM720985 AE786516:AE786521 KA786516:KA786521 TW786516:TW786521 ADS786516:ADS786521 ANO786516:ANO786521 AXK786516:AXK786521 BHG786516:BHG786521 BRC786516:BRC786521 CAY786516:CAY786521 CKU786516:CKU786521 CUQ786516:CUQ786521 DEM786516:DEM786521 DOI786516:DOI786521 DYE786516:DYE786521 EIA786516:EIA786521 ERW786516:ERW786521 FBS786516:FBS786521 FLO786516:FLO786521 FVK786516:FVK786521 GFG786516:GFG786521 GPC786516:GPC786521 GYY786516:GYY786521 HIU786516:HIU786521 HSQ786516:HSQ786521 ICM786516:ICM786521 IMI786516:IMI786521 IWE786516:IWE786521 JGA786516:JGA786521 JPW786516:JPW786521 JZS786516:JZS786521 KJO786516:KJO786521 KTK786516:KTK786521 LDG786516:LDG786521 LNC786516:LNC786521 LWY786516:LWY786521 MGU786516:MGU786521 MQQ786516:MQQ786521 NAM786516:NAM786521 NKI786516:NKI786521 NUE786516:NUE786521 OEA786516:OEA786521 ONW786516:ONW786521 OXS786516:OXS786521 PHO786516:PHO786521 PRK786516:PRK786521 QBG786516:QBG786521 QLC786516:QLC786521 QUY786516:QUY786521 REU786516:REU786521 ROQ786516:ROQ786521 RYM786516:RYM786521 SII786516:SII786521 SSE786516:SSE786521 TCA786516:TCA786521 TLW786516:TLW786521 TVS786516:TVS786521 UFO786516:UFO786521 UPK786516:UPK786521 UZG786516:UZG786521 VJC786516:VJC786521 VSY786516:VSY786521 WCU786516:WCU786521 WMQ786516:WMQ786521 WWM786516:WWM786521 AE852052:AE852057 KA852052:KA852057 TW852052:TW852057 ADS852052:ADS852057 ANO852052:ANO852057 AXK852052:AXK852057 BHG852052:BHG852057 BRC852052:BRC852057 CAY852052:CAY852057 CKU852052:CKU852057 CUQ852052:CUQ852057 DEM852052:DEM852057 DOI852052:DOI852057 DYE852052:DYE852057 EIA852052:EIA852057 ERW852052:ERW852057 FBS852052:FBS852057 FLO852052:FLO852057 FVK852052:FVK852057 GFG852052:GFG852057 GPC852052:GPC852057 GYY852052:GYY852057 HIU852052:HIU852057 HSQ852052:HSQ852057 ICM852052:ICM852057 IMI852052:IMI852057 IWE852052:IWE852057 JGA852052:JGA852057 JPW852052:JPW852057 JZS852052:JZS852057 KJO852052:KJO852057 KTK852052:KTK852057 LDG852052:LDG852057 LNC852052:LNC852057 LWY852052:LWY852057 MGU852052:MGU852057 MQQ852052:MQQ852057 NAM852052:NAM852057 NKI852052:NKI852057 NUE852052:NUE852057 OEA852052:OEA852057 ONW852052:ONW852057 OXS852052:OXS852057 PHO852052:PHO852057 PRK852052:PRK852057 QBG852052:QBG852057 QLC852052:QLC852057 QUY852052:QUY852057 REU852052:REU852057 ROQ852052:ROQ852057 RYM852052:RYM852057 SII852052:SII852057 SSE852052:SSE852057 TCA852052:TCA852057 TLW852052:TLW852057 TVS852052:TVS852057 UFO852052:UFO852057 UPK852052:UPK852057 UZG852052:UZG852057 VJC852052:VJC852057 VSY852052:VSY852057 WCU852052:WCU852057 WMQ852052:WMQ852057 WWM852052:WWM852057 AE917588:AE917593 KA917588:KA917593 TW917588:TW917593 ADS917588:ADS917593 ANO917588:ANO917593 AXK917588:AXK917593 BHG917588:BHG917593 BRC917588:BRC917593 CAY917588:CAY917593 CKU917588:CKU917593 CUQ917588:CUQ917593 DEM917588:DEM917593 DOI917588:DOI917593 DYE917588:DYE917593 EIA917588:EIA917593 ERW917588:ERW917593 FBS917588:FBS917593 FLO917588:FLO917593 FVK917588:FVK917593 GFG917588:GFG917593 GPC917588:GPC917593 GYY917588:GYY917593 HIU917588:HIU917593 HSQ917588:HSQ917593 ICM917588:ICM917593 IMI917588:IMI917593 IWE917588:IWE917593 JGA917588:JGA917593 JPW917588:JPW917593 JZS917588:JZS917593 KJO917588:KJO917593 KTK917588:KTK917593 LDG917588:LDG917593 LNC917588:LNC917593 LWY917588:LWY917593 MGU917588:MGU917593 MQQ917588:MQQ917593 NAM917588:NAM917593 NKI917588:NKI917593 NUE917588:NUE917593 OEA917588:OEA917593 ONW917588:ONW917593 OXS917588:OXS917593 PHO917588:PHO917593 PRK917588:PRK917593 QBG917588:QBG917593 QLC917588:QLC917593 QUY917588:QUY917593 REU917588:REU917593 ROQ917588:ROQ917593 RYM917588:RYM917593 SII917588:SII917593 SSE917588:SSE917593 TCA917588:TCA917593 TLW917588:TLW917593 TVS917588:TVS917593 UFO917588:UFO917593 UPK917588:UPK917593 UZG917588:UZG917593 VJC917588:VJC917593 VSY917588:VSY917593 WCU917588:WCU917593 WMQ917588:WMQ917593 WWM917588:WWM917593 AE983124:AE983129 KA983124:KA983129 TW983124:TW983129 ADS983124:ADS983129 ANO983124:ANO983129 AXK983124:AXK983129 BHG983124:BHG983129 BRC983124:BRC983129 CAY983124:CAY983129 CKU983124:CKU983129 CUQ983124:CUQ983129 DEM983124:DEM983129 DOI983124:DOI983129 DYE983124:DYE983129 EIA983124:EIA983129 ERW983124:ERW983129 FBS983124:FBS983129 FLO983124:FLO983129 FVK983124:FVK983129 GFG983124:GFG983129 GPC983124:GPC983129 GYY983124:GYY983129 HIU983124:HIU983129 HSQ983124:HSQ983129 ICM983124:ICM983129 IMI983124:IMI983129 IWE983124:IWE983129 JGA983124:JGA983129 JPW983124:JPW983129 JZS983124:JZS983129 KJO983124:KJO983129 KTK983124:KTK983129 LDG983124:LDG983129 LNC983124:LNC983129 LWY983124:LWY983129 MGU983124:MGU983129 MQQ983124:MQQ983129 NAM983124:NAM983129 NKI983124:NKI983129 NUE983124:NUE983129 OEA983124:OEA983129 ONW983124:ONW983129 OXS983124:OXS983129 PHO983124:PHO983129 PRK983124:PRK983129 QBG983124:QBG983129 QLC983124:QLC983129 QUY983124:QUY983129 REU983124:REU983129 ROQ983124:ROQ983129 RYM983124:RYM983129 SII983124:SII983129 SSE983124:SSE983129 TCA983124:TCA983129 TLW983124:TLW983129 TVS983124:TVS983129 UFO983124:UFO983129 UPK983124:UPK983129 UZG983124:UZG983129 VJC983124:VJC983129 VSY983124:VSY983129 WCU983124:WCU983129 WMQ983124:WMQ983129 WWM983124:WWM983129 AC84:AC89 JY84:JY89 TU84:TU89 ADQ84:ADQ89 ANM84:ANM89 AXI84:AXI89 BHE84:BHE89 BRA84:BRA89 CAW84:CAW89 CKS84:CKS89 CUO84:CUO89 DEK84:DEK89 DOG84:DOG89 DYC84:DYC89 EHY84:EHY89 ERU84:ERU89 FBQ84:FBQ89 FLM84:FLM89 FVI84:FVI89 GFE84:GFE89 GPA84:GPA89 GYW84:GYW89 HIS84:HIS89 HSO84:HSO89 ICK84:ICK89 IMG84:IMG89 IWC84:IWC89 JFY84:JFY89 JPU84:JPU89 JZQ84:JZQ89 KJM84:KJM89 KTI84:KTI89 LDE84:LDE89 LNA84:LNA89 LWW84:LWW89 MGS84:MGS89 MQO84:MQO89 NAK84:NAK89 NKG84:NKG89 NUC84:NUC89 ODY84:ODY89 ONU84:ONU89 OXQ84:OXQ89 PHM84:PHM89 PRI84:PRI89 QBE84:QBE89 QLA84:QLA89 QUW84:QUW89 RES84:RES89 ROO84:ROO89 RYK84:RYK89 SIG84:SIG89 SSC84:SSC89 TBY84:TBY89 TLU84:TLU89 TVQ84:TVQ89 UFM84:UFM89 UPI84:UPI89 UZE84:UZE89 VJA84:VJA89 VSW84:VSW89 WCS84:WCS89 WMO84:WMO89 WWK84:WWK89 AC65620:AC65625 JY65620:JY65625 TU65620:TU65625 ADQ65620:ADQ65625 ANM65620:ANM65625 AXI65620:AXI65625 BHE65620:BHE65625 BRA65620:BRA65625 CAW65620:CAW65625 CKS65620:CKS65625 CUO65620:CUO65625 DEK65620:DEK65625 DOG65620:DOG65625 DYC65620:DYC65625 EHY65620:EHY65625 ERU65620:ERU65625 FBQ65620:FBQ65625 FLM65620:FLM65625 FVI65620:FVI65625 GFE65620:GFE65625 GPA65620:GPA65625 GYW65620:GYW65625 HIS65620:HIS65625 HSO65620:HSO65625 ICK65620:ICK65625 IMG65620:IMG65625 IWC65620:IWC65625 JFY65620:JFY65625 JPU65620:JPU65625 JZQ65620:JZQ65625 KJM65620:KJM65625 KTI65620:KTI65625 LDE65620:LDE65625 LNA65620:LNA65625 LWW65620:LWW65625 MGS65620:MGS65625 MQO65620:MQO65625 NAK65620:NAK65625 NKG65620:NKG65625 NUC65620:NUC65625 ODY65620:ODY65625 ONU65620:ONU65625 OXQ65620:OXQ65625 PHM65620:PHM65625 PRI65620:PRI65625 QBE65620:QBE65625 QLA65620:QLA65625 QUW65620:QUW65625 RES65620:RES65625 ROO65620:ROO65625 RYK65620:RYK65625 SIG65620:SIG65625 SSC65620:SSC65625 TBY65620:TBY65625 TLU65620:TLU65625 TVQ65620:TVQ65625 UFM65620:UFM65625 UPI65620:UPI65625 UZE65620:UZE65625 VJA65620:VJA65625 VSW65620:VSW65625 WCS65620:WCS65625 WMO65620:WMO65625 WWK65620:WWK65625 AC131156:AC131161 JY131156:JY131161 TU131156:TU131161 ADQ131156:ADQ131161 ANM131156:ANM131161 AXI131156:AXI131161 BHE131156:BHE131161 BRA131156:BRA131161 CAW131156:CAW131161 CKS131156:CKS131161 CUO131156:CUO131161 DEK131156:DEK131161 DOG131156:DOG131161 DYC131156:DYC131161 EHY131156:EHY131161 ERU131156:ERU131161 FBQ131156:FBQ131161 FLM131156:FLM131161 FVI131156:FVI131161 GFE131156:GFE131161 GPA131156:GPA131161 GYW131156:GYW131161 HIS131156:HIS131161 HSO131156:HSO131161 ICK131156:ICK131161 IMG131156:IMG131161 IWC131156:IWC131161 JFY131156:JFY131161 JPU131156:JPU131161 JZQ131156:JZQ131161 KJM131156:KJM131161 KTI131156:KTI131161 LDE131156:LDE131161 LNA131156:LNA131161 LWW131156:LWW131161 MGS131156:MGS131161 MQO131156:MQO131161 NAK131156:NAK131161 NKG131156:NKG131161 NUC131156:NUC131161 ODY131156:ODY131161 ONU131156:ONU131161 OXQ131156:OXQ131161 PHM131156:PHM131161 PRI131156:PRI131161 QBE131156:QBE131161 QLA131156:QLA131161 QUW131156:QUW131161 RES131156:RES131161 ROO131156:ROO131161 RYK131156:RYK131161 SIG131156:SIG131161 SSC131156:SSC131161 TBY131156:TBY131161 TLU131156:TLU131161 TVQ131156:TVQ131161 UFM131156:UFM131161 UPI131156:UPI131161 UZE131156:UZE131161 VJA131156:VJA131161 VSW131156:VSW131161 WCS131156:WCS131161 WMO131156:WMO131161 WWK131156:WWK131161 AC196692:AC196697 JY196692:JY196697 TU196692:TU196697 ADQ196692:ADQ196697 ANM196692:ANM196697 AXI196692:AXI196697 BHE196692:BHE196697 BRA196692:BRA196697 CAW196692:CAW196697 CKS196692:CKS196697 CUO196692:CUO196697 DEK196692:DEK196697 DOG196692:DOG196697 DYC196692:DYC196697 EHY196692:EHY196697 ERU196692:ERU196697 FBQ196692:FBQ196697 FLM196692:FLM196697 FVI196692:FVI196697 GFE196692:GFE196697 GPA196692:GPA196697 GYW196692:GYW196697 HIS196692:HIS196697 HSO196692:HSO196697 ICK196692:ICK196697 IMG196692:IMG196697 IWC196692:IWC196697 JFY196692:JFY196697 JPU196692:JPU196697 JZQ196692:JZQ196697 KJM196692:KJM196697 KTI196692:KTI196697 LDE196692:LDE196697 LNA196692:LNA196697 LWW196692:LWW196697 MGS196692:MGS196697 MQO196692:MQO196697 NAK196692:NAK196697 NKG196692:NKG196697 NUC196692:NUC196697 ODY196692:ODY196697 ONU196692:ONU196697 OXQ196692:OXQ196697 PHM196692:PHM196697 PRI196692:PRI196697 QBE196692:QBE196697 QLA196692:QLA196697 QUW196692:QUW196697 RES196692:RES196697 ROO196692:ROO196697 RYK196692:RYK196697 SIG196692:SIG196697 SSC196692:SSC196697 TBY196692:TBY196697 TLU196692:TLU196697 TVQ196692:TVQ196697 UFM196692:UFM196697 UPI196692:UPI196697 UZE196692:UZE196697 VJA196692:VJA196697 VSW196692:VSW196697 WCS196692:WCS196697 WMO196692:WMO196697 WWK196692:WWK196697 AC262228:AC262233 JY262228:JY262233 TU262228:TU262233 ADQ262228:ADQ262233 ANM262228:ANM262233 AXI262228:AXI262233 BHE262228:BHE262233 BRA262228:BRA262233 CAW262228:CAW262233 CKS262228:CKS262233 CUO262228:CUO262233 DEK262228:DEK262233 DOG262228:DOG262233 DYC262228:DYC262233 EHY262228:EHY262233 ERU262228:ERU262233 FBQ262228:FBQ262233 FLM262228:FLM262233 FVI262228:FVI262233 GFE262228:GFE262233 GPA262228:GPA262233 GYW262228:GYW262233 HIS262228:HIS262233 HSO262228:HSO262233 ICK262228:ICK262233 IMG262228:IMG262233 IWC262228:IWC262233 JFY262228:JFY262233 JPU262228:JPU262233 JZQ262228:JZQ262233 KJM262228:KJM262233 KTI262228:KTI262233 LDE262228:LDE262233 LNA262228:LNA262233 LWW262228:LWW262233 MGS262228:MGS262233 MQO262228:MQO262233 NAK262228:NAK262233 NKG262228:NKG262233 NUC262228:NUC262233 ODY262228:ODY262233 ONU262228:ONU262233 OXQ262228:OXQ262233 PHM262228:PHM262233 PRI262228:PRI262233 QBE262228:QBE262233 QLA262228:QLA262233 QUW262228:QUW262233 RES262228:RES262233 ROO262228:ROO262233 RYK262228:RYK262233 SIG262228:SIG262233 SSC262228:SSC262233 TBY262228:TBY262233 TLU262228:TLU262233 TVQ262228:TVQ262233 UFM262228:UFM262233 UPI262228:UPI262233 UZE262228:UZE262233 VJA262228:VJA262233 VSW262228:VSW262233 WCS262228:WCS262233 WMO262228:WMO262233 WWK262228:WWK262233 AC327764:AC327769 JY327764:JY327769 TU327764:TU327769 ADQ327764:ADQ327769 ANM327764:ANM327769 AXI327764:AXI327769 BHE327764:BHE327769 BRA327764:BRA327769 CAW327764:CAW327769 CKS327764:CKS327769 CUO327764:CUO327769 DEK327764:DEK327769 DOG327764:DOG327769 DYC327764:DYC327769 EHY327764:EHY327769 ERU327764:ERU327769 FBQ327764:FBQ327769 FLM327764:FLM327769 FVI327764:FVI327769 GFE327764:GFE327769 GPA327764:GPA327769 GYW327764:GYW327769 HIS327764:HIS327769 HSO327764:HSO327769 ICK327764:ICK327769 IMG327764:IMG327769 IWC327764:IWC327769 JFY327764:JFY327769 JPU327764:JPU327769 JZQ327764:JZQ327769 KJM327764:KJM327769 KTI327764:KTI327769 LDE327764:LDE327769 LNA327764:LNA327769 LWW327764:LWW327769 MGS327764:MGS327769 MQO327764:MQO327769 NAK327764:NAK327769 NKG327764:NKG327769 NUC327764:NUC327769 ODY327764:ODY327769 ONU327764:ONU327769 OXQ327764:OXQ327769 PHM327764:PHM327769 PRI327764:PRI327769 QBE327764:QBE327769 QLA327764:QLA327769 QUW327764:QUW327769 RES327764:RES327769 ROO327764:ROO327769 RYK327764:RYK327769 SIG327764:SIG327769 SSC327764:SSC327769 TBY327764:TBY327769 TLU327764:TLU327769 TVQ327764:TVQ327769 UFM327764:UFM327769 UPI327764:UPI327769 UZE327764:UZE327769 VJA327764:VJA327769 VSW327764:VSW327769 WCS327764:WCS327769 WMO327764:WMO327769 WWK327764:WWK327769 AC393300:AC393305 JY393300:JY393305 TU393300:TU393305 ADQ393300:ADQ393305 ANM393300:ANM393305 AXI393300:AXI393305 BHE393300:BHE393305 BRA393300:BRA393305 CAW393300:CAW393305 CKS393300:CKS393305 CUO393300:CUO393305 DEK393300:DEK393305 DOG393300:DOG393305 DYC393300:DYC393305 EHY393300:EHY393305 ERU393300:ERU393305 FBQ393300:FBQ393305 FLM393300:FLM393305 FVI393300:FVI393305 GFE393300:GFE393305 GPA393300:GPA393305 GYW393300:GYW393305 HIS393300:HIS393305 HSO393300:HSO393305 ICK393300:ICK393305 IMG393300:IMG393305 IWC393300:IWC393305 JFY393300:JFY393305 JPU393300:JPU393305 JZQ393300:JZQ393305 KJM393300:KJM393305 KTI393300:KTI393305 LDE393300:LDE393305 LNA393300:LNA393305 LWW393300:LWW393305 MGS393300:MGS393305 MQO393300:MQO393305 NAK393300:NAK393305 NKG393300:NKG393305 NUC393300:NUC393305 ODY393300:ODY393305 ONU393300:ONU393305 OXQ393300:OXQ393305 PHM393300:PHM393305 PRI393300:PRI393305 QBE393300:QBE393305 QLA393300:QLA393305 QUW393300:QUW393305 RES393300:RES393305 ROO393300:ROO393305 RYK393300:RYK393305 SIG393300:SIG393305 SSC393300:SSC393305 TBY393300:TBY393305 TLU393300:TLU393305 TVQ393300:TVQ393305 UFM393300:UFM393305 UPI393300:UPI393305 UZE393300:UZE393305 VJA393300:VJA393305 VSW393300:VSW393305 WCS393300:WCS393305 WMO393300:WMO393305 WWK393300:WWK393305 AC458836:AC458841 JY458836:JY458841 TU458836:TU458841 ADQ458836:ADQ458841 ANM458836:ANM458841 AXI458836:AXI458841 BHE458836:BHE458841 BRA458836:BRA458841 CAW458836:CAW458841 CKS458836:CKS458841 CUO458836:CUO458841 DEK458836:DEK458841 DOG458836:DOG458841 DYC458836:DYC458841 EHY458836:EHY458841 ERU458836:ERU458841 FBQ458836:FBQ458841 FLM458836:FLM458841 FVI458836:FVI458841 GFE458836:GFE458841 GPA458836:GPA458841 GYW458836:GYW458841 HIS458836:HIS458841 HSO458836:HSO458841 ICK458836:ICK458841 IMG458836:IMG458841 IWC458836:IWC458841 JFY458836:JFY458841 JPU458836:JPU458841 JZQ458836:JZQ458841 KJM458836:KJM458841 KTI458836:KTI458841 LDE458836:LDE458841 LNA458836:LNA458841 LWW458836:LWW458841 MGS458836:MGS458841 MQO458836:MQO458841 NAK458836:NAK458841 NKG458836:NKG458841 NUC458836:NUC458841 ODY458836:ODY458841 ONU458836:ONU458841 OXQ458836:OXQ458841 PHM458836:PHM458841 PRI458836:PRI458841 QBE458836:QBE458841 QLA458836:QLA458841 QUW458836:QUW458841 RES458836:RES458841 ROO458836:ROO458841 RYK458836:RYK458841 SIG458836:SIG458841 SSC458836:SSC458841 TBY458836:TBY458841 TLU458836:TLU458841 TVQ458836:TVQ458841 UFM458836:UFM458841 UPI458836:UPI458841 UZE458836:UZE458841 VJA458836:VJA458841 VSW458836:VSW458841 WCS458836:WCS458841 WMO458836:WMO458841 WWK458836:WWK458841 AC524372:AC524377 JY524372:JY524377 TU524372:TU524377 ADQ524372:ADQ524377 ANM524372:ANM524377 AXI524372:AXI524377 BHE524372:BHE524377 BRA524372:BRA524377 CAW524372:CAW524377 CKS524372:CKS524377 CUO524372:CUO524377 DEK524372:DEK524377 DOG524372:DOG524377 DYC524372:DYC524377 EHY524372:EHY524377 ERU524372:ERU524377 FBQ524372:FBQ524377 FLM524372:FLM524377 FVI524372:FVI524377 GFE524372:GFE524377 GPA524372:GPA524377 GYW524372:GYW524377 HIS524372:HIS524377 HSO524372:HSO524377 ICK524372:ICK524377 IMG524372:IMG524377 IWC524372:IWC524377 JFY524372:JFY524377 JPU524372:JPU524377 JZQ524372:JZQ524377 KJM524372:KJM524377 KTI524372:KTI524377 LDE524372:LDE524377 LNA524372:LNA524377 LWW524372:LWW524377 MGS524372:MGS524377 MQO524372:MQO524377 NAK524372:NAK524377 NKG524372:NKG524377 NUC524372:NUC524377 ODY524372:ODY524377 ONU524372:ONU524377 OXQ524372:OXQ524377 PHM524372:PHM524377 PRI524372:PRI524377 QBE524372:QBE524377 QLA524372:QLA524377 QUW524372:QUW524377 RES524372:RES524377 ROO524372:ROO524377 RYK524372:RYK524377 SIG524372:SIG524377 SSC524372:SSC524377 TBY524372:TBY524377 TLU524372:TLU524377 TVQ524372:TVQ524377 UFM524372:UFM524377 UPI524372:UPI524377 UZE524372:UZE524377 VJA524372:VJA524377 VSW524372:VSW524377 WCS524372:WCS524377 WMO524372:WMO524377 WWK524372:WWK524377 AC589908:AC589913 JY589908:JY589913 TU589908:TU589913 ADQ589908:ADQ589913 ANM589908:ANM589913 AXI589908:AXI589913 BHE589908:BHE589913 BRA589908:BRA589913 CAW589908:CAW589913 CKS589908:CKS589913 CUO589908:CUO589913 DEK589908:DEK589913 DOG589908:DOG589913 DYC589908:DYC589913 EHY589908:EHY589913 ERU589908:ERU589913 FBQ589908:FBQ589913 FLM589908:FLM589913 FVI589908:FVI589913 GFE589908:GFE589913 GPA589908:GPA589913 GYW589908:GYW589913 HIS589908:HIS589913 HSO589908:HSO589913 ICK589908:ICK589913 IMG589908:IMG589913 IWC589908:IWC589913 JFY589908:JFY589913 JPU589908:JPU589913 JZQ589908:JZQ589913 KJM589908:KJM589913 KTI589908:KTI589913 LDE589908:LDE589913 LNA589908:LNA589913 LWW589908:LWW589913 MGS589908:MGS589913 MQO589908:MQO589913 NAK589908:NAK589913 NKG589908:NKG589913 NUC589908:NUC589913 ODY589908:ODY589913 ONU589908:ONU589913 OXQ589908:OXQ589913 PHM589908:PHM589913 PRI589908:PRI589913 QBE589908:QBE589913 QLA589908:QLA589913 QUW589908:QUW589913 RES589908:RES589913 ROO589908:ROO589913 RYK589908:RYK589913 SIG589908:SIG589913 SSC589908:SSC589913 TBY589908:TBY589913 TLU589908:TLU589913 TVQ589908:TVQ589913 UFM589908:UFM589913 UPI589908:UPI589913 UZE589908:UZE589913 VJA589908:VJA589913 VSW589908:VSW589913 WCS589908:WCS589913 WMO589908:WMO589913 WWK589908:WWK589913 AC655444:AC655449 JY655444:JY655449 TU655444:TU655449 ADQ655444:ADQ655449 ANM655444:ANM655449 AXI655444:AXI655449 BHE655444:BHE655449 BRA655444:BRA655449 CAW655444:CAW655449 CKS655444:CKS655449 CUO655444:CUO655449 DEK655444:DEK655449 DOG655444:DOG655449 DYC655444:DYC655449 EHY655444:EHY655449 ERU655444:ERU655449 FBQ655444:FBQ655449 FLM655444:FLM655449 FVI655444:FVI655449 GFE655444:GFE655449 GPA655444:GPA655449 GYW655444:GYW655449 HIS655444:HIS655449 HSO655444:HSO655449 ICK655444:ICK655449 IMG655444:IMG655449 IWC655444:IWC655449 JFY655444:JFY655449 JPU655444:JPU655449 JZQ655444:JZQ655449 KJM655444:KJM655449 KTI655444:KTI655449 LDE655444:LDE655449 LNA655444:LNA655449 LWW655444:LWW655449 MGS655444:MGS655449 MQO655444:MQO655449 NAK655444:NAK655449 NKG655444:NKG655449 NUC655444:NUC655449 ODY655444:ODY655449 ONU655444:ONU655449 OXQ655444:OXQ655449 PHM655444:PHM655449 PRI655444:PRI655449 QBE655444:QBE655449 QLA655444:QLA655449 QUW655444:QUW655449 RES655444:RES655449 ROO655444:ROO655449 RYK655444:RYK655449 SIG655444:SIG655449 SSC655444:SSC655449 TBY655444:TBY655449 TLU655444:TLU655449 TVQ655444:TVQ655449 UFM655444:UFM655449 UPI655444:UPI655449 UZE655444:UZE655449 VJA655444:VJA655449 VSW655444:VSW655449 WCS655444:WCS655449 WMO655444:WMO655449 WWK655444:WWK655449 AC720980:AC720985 JY720980:JY720985 TU720980:TU720985 ADQ720980:ADQ720985 ANM720980:ANM720985 AXI720980:AXI720985 BHE720980:BHE720985 BRA720980:BRA720985 CAW720980:CAW720985 CKS720980:CKS720985 CUO720980:CUO720985 DEK720980:DEK720985 DOG720980:DOG720985 DYC720980:DYC720985 EHY720980:EHY720985 ERU720980:ERU720985 FBQ720980:FBQ720985 FLM720980:FLM720985 FVI720980:FVI720985 GFE720980:GFE720985 GPA720980:GPA720985 GYW720980:GYW720985 HIS720980:HIS720985 HSO720980:HSO720985 ICK720980:ICK720985 IMG720980:IMG720985 IWC720980:IWC720985 JFY720980:JFY720985 JPU720980:JPU720985 JZQ720980:JZQ720985 KJM720980:KJM720985 KTI720980:KTI720985 LDE720980:LDE720985 LNA720980:LNA720985 LWW720980:LWW720985 MGS720980:MGS720985 MQO720980:MQO720985 NAK720980:NAK720985 NKG720980:NKG720985 NUC720980:NUC720985 ODY720980:ODY720985 ONU720980:ONU720985 OXQ720980:OXQ720985 PHM720980:PHM720985 PRI720980:PRI720985 QBE720980:QBE720985 QLA720980:QLA720985 QUW720980:QUW720985 RES720980:RES720985 ROO720980:ROO720985 RYK720980:RYK720985 SIG720980:SIG720985 SSC720980:SSC720985 TBY720980:TBY720985 TLU720980:TLU720985 TVQ720980:TVQ720985 UFM720980:UFM720985 UPI720980:UPI720985 UZE720980:UZE720985 VJA720980:VJA720985 VSW720980:VSW720985 WCS720980:WCS720985 WMO720980:WMO720985 WWK720980:WWK720985 AC786516:AC786521 JY786516:JY786521 TU786516:TU786521 ADQ786516:ADQ786521 ANM786516:ANM786521 AXI786516:AXI786521 BHE786516:BHE786521 BRA786516:BRA786521 CAW786516:CAW786521 CKS786516:CKS786521 CUO786516:CUO786521 DEK786516:DEK786521 DOG786516:DOG786521 DYC786516:DYC786521 EHY786516:EHY786521 ERU786516:ERU786521 FBQ786516:FBQ786521 FLM786516:FLM786521 FVI786516:FVI786521 GFE786516:GFE786521 GPA786516:GPA786521 GYW786516:GYW786521 HIS786516:HIS786521 HSO786516:HSO786521 ICK786516:ICK786521 IMG786516:IMG786521 IWC786516:IWC786521 JFY786516:JFY786521 JPU786516:JPU786521 JZQ786516:JZQ786521 KJM786516:KJM786521 KTI786516:KTI786521 LDE786516:LDE786521 LNA786516:LNA786521 LWW786516:LWW786521 MGS786516:MGS786521 MQO786516:MQO786521 NAK786516:NAK786521 NKG786516:NKG786521 NUC786516:NUC786521 ODY786516:ODY786521 ONU786516:ONU786521 OXQ786516:OXQ786521 PHM786516:PHM786521 PRI786516:PRI786521 QBE786516:QBE786521 QLA786516:QLA786521 QUW786516:QUW786521 RES786516:RES786521 ROO786516:ROO786521 RYK786516:RYK786521 SIG786516:SIG786521 SSC786516:SSC786521 TBY786516:TBY786521 TLU786516:TLU786521 TVQ786516:TVQ786521 UFM786516:UFM786521 UPI786516:UPI786521 UZE786516:UZE786521 VJA786516:VJA786521 VSW786516:VSW786521 WCS786516:WCS786521 WMO786516:WMO786521 WWK786516:WWK786521 AC852052:AC852057 JY852052:JY852057 TU852052:TU852057 ADQ852052:ADQ852057 ANM852052:ANM852057 AXI852052:AXI852057 BHE852052:BHE852057 BRA852052:BRA852057 CAW852052:CAW852057 CKS852052:CKS852057 CUO852052:CUO852057 DEK852052:DEK852057 DOG852052:DOG852057 DYC852052:DYC852057 EHY852052:EHY852057 ERU852052:ERU852057 FBQ852052:FBQ852057 FLM852052:FLM852057 FVI852052:FVI852057 GFE852052:GFE852057 GPA852052:GPA852057 GYW852052:GYW852057 HIS852052:HIS852057 HSO852052:HSO852057 ICK852052:ICK852057 IMG852052:IMG852057 IWC852052:IWC852057 JFY852052:JFY852057 JPU852052:JPU852057 JZQ852052:JZQ852057 KJM852052:KJM852057 KTI852052:KTI852057 LDE852052:LDE852057 LNA852052:LNA852057 LWW852052:LWW852057 MGS852052:MGS852057 MQO852052:MQO852057 NAK852052:NAK852057 NKG852052:NKG852057 NUC852052:NUC852057 ODY852052:ODY852057 ONU852052:ONU852057 OXQ852052:OXQ852057 PHM852052:PHM852057 PRI852052:PRI852057 QBE852052:QBE852057 QLA852052:QLA852057 QUW852052:QUW852057 RES852052:RES852057 ROO852052:ROO852057 RYK852052:RYK852057 SIG852052:SIG852057 SSC852052:SSC852057 TBY852052:TBY852057 TLU852052:TLU852057 TVQ852052:TVQ852057 UFM852052:UFM852057 UPI852052:UPI852057 UZE852052:UZE852057 VJA852052:VJA852057 VSW852052:VSW852057 WCS852052:WCS852057 WMO852052:WMO852057 WWK852052:WWK852057 AC917588:AC917593 JY917588:JY917593 TU917588:TU917593 ADQ917588:ADQ917593 ANM917588:ANM917593 AXI917588:AXI917593 BHE917588:BHE917593 BRA917588:BRA917593 CAW917588:CAW917593 CKS917588:CKS917593 CUO917588:CUO917593 DEK917588:DEK917593 DOG917588:DOG917593 DYC917588:DYC917593 EHY917588:EHY917593 ERU917588:ERU917593 FBQ917588:FBQ917593 FLM917588:FLM917593 FVI917588:FVI917593 GFE917588:GFE917593 GPA917588:GPA917593 GYW917588:GYW917593 HIS917588:HIS917593 HSO917588:HSO917593 ICK917588:ICK917593 IMG917588:IMG917593 IWC917588:IWC917593 JFY917588:JFY917593 JPU917588:JPU917593 JZQ917588:JZQ917593 KJM917588:KJM917593 KTI917588:KTI917593 LDE917588:LDE917593 LNA917588:LNA917593 LWW917588:LWW917593 MGS917588:MGS917593 MQO917588:MQO917593 NAK917588:NAK917593 NKG917588:NKG917593 NUC917588:NUC917593 ODY917588:ODY917593 ONU917588:ONU917593 OXQ917588:OXQ917593 PHM917588:PHM917593 PRI917588:PRI917593 QBE917588:QBE917593 QLA917588:QLA917593 QUW917588:QUW917593 RES917588:RES917593 ROO917588:ROO917593 RYK917588:RYK917593 SIG917588:SIG917593 SSC917588:SSC917593 TBY917588:TBY917593 TLU917588:TLU917593 TVQ917588:TVQ917593 UFM917588:UFM917593 UPI917588:UPI917593 UZE917588:UZE917593 VJA917588:VJA917593 VSW917588:VSW917593 WCS917588:WCS917593 WMO917588:WMO917593 WWK917588:WWK917593 AC983124:AC983129 JY983124:JY983129 TU983124:TU983129 ADQ983124:ADQ983129 ANM983124:ANM983129 AXI983124:AXI983129 BHE983124:BHE983129 BRA983124:BRA983129 CAW983124:CAW983129 CKS983124:CKS983129 CUO983124:CUO983129 DEK983124:DEK983129 DOG983124:DOG983129 DYC983124:DYC983129 EHY983124:EHY983129 ERU983124:ERU983129 FBQ983124:FBQ983129 FLM983124:FLM983129 FVI983124:FVI983129 GFE983124:GFE983129 GPA983124:GPA983129 GYW983124:GYW983129 HIS983124:HIS983129 HSO983124:HSO983129 ICK983124:ICK983129 IMG983124:IMG983129 IWC983124:IWC983129 JFY983124:JFY983129 JPU983124:JPU983129 JZQ983124:JZQ983129 KJM983124:KJM983129 KTI983124:KTI983129 LDE983124:LDE983129 LNA983124:LNA983129 LWW983124:LWW983129 MGS983124:MGS983129 MQO983124:MQO983129 NAK983124:NAK983129 NKG983124:NKG983129 NUC983124:NUC983129 ODY983124:ODY983129 ONU983124:ONU983129 OXQ983124:OXQ983129 PHM983124:PHM983129 PRI983124:PRI983129 QBE983124:QBE983129 QLA983124:QLA983129 QUW983124:QUW983129 RES983124:RES983129 ROO983124:ROO983129 RYK983124:RYK983129 SIG983124:SIG983129 SSC983124:SSC983129 TBY983124:TBY983129 TLU983124:TLU983129 TVQ983124:TVQ983129 UFM983124:UFM983129 UPI983124:UPI983129 UZE983124:UZE983129 VJA983124:VJA983129 VSW983124:VSW983129 WCS983124:WCS983129 WMO983124:WMO983129 WWK983124:WWK983129</xm:sqref>
        </x14:dataValidation>
      </x14:dataValidations>
    </ext>
  </extLst>
</worksheet>
</file>

<file path=xl/worksheets/sheet4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AK108"/>
  <sheetViews>
    <sheetView zoomScaleNormal="100" zoomScaleSheetLayoutView="85" workbookViewId="0">
      <selection activeCell="C87" sqref="C87"/>
    </sheetView>
  </sheetViews>
  <sheetFormatPr defaultColWidth="3.5" defaultRowHeight="13.5" x14ac:dyDescent="0.15"/>
  <cols>
    <col min="1" max="1" width="1.75" style="3" customWidth="1"/>
    <col min="2" max="2" width="3" style="140" customWidth="1"/>
    <col min="3" max="5" width="4.875" style="3" customWidth="1"/>
    <col min="6" max="6" width="1.25" style="3" customWidth="1"/>
    <col min="7" max="7" width="2.625" style="3" customWidth="1"/>
    <col min="8" max="13" width="6.25" style="3" customWidth="1"/>
    <col min="14" max="16" width="5.25" style="3" customWidth="1"/>
    <col min="17" max="17" width="4.75" style="3" customWidth="1"/>
    <col min="18" max="22" width="5.125" style="3" customWidth="1"/>
    <col min="23" max="24" width="4.75" style="3" customWidth="1"/>
    <col min="25" max="28" width="5.25" style="3" customWidth="1"/>
    <col min="29" max="31" width="6.625" style="3" customWidth="1"/>
    <col min="32" max="32" width="1.25" style="3" customWidth="1"/>
    <col min="33" max="33" width="1.75" style="3" customWidth="1"/>
    <col min="34" max="16384" width="3.5" style="3"/>
  </cols>
  <sheetData>
    <row r="1" spans="2:32" s="8" customFormat="1" ht="5.25" customHeight="1" x14ac:dyDescent="0.15"/>
    <row r="2" spans="2:32" s="8" customFormat="1" x14ac:dyDescent="0.15">
      <c r="B2" s="8" t="s">
        <v>1114</v>
      </c>
    </row>
    <row r="3" spans="2:32" s="8" customFormat="1" x14ac:dyDescent="0.15">
      <c r="W3" s="17" t="s">
        <v>12</v>
      </c>
      <c r="X3" s="778"/>
      <c r="Y3" s="778"/>
      <c r="Z3" s="8" t="s">
        <v>11</v>
      </c>
      <c r="AA3" s="778"/>
      <c r="AB3" s="778"/>
      <c r="AC3" s="8" t="s">
        <v>10</v>
      </c>
      <c r="AD3" s="17"/>
      <c r="AE3" s="8" t="s">
        <v>20</v>
      </c>
    </row>
    <row r="4" spans="2:32" s="8" customFormat="1" ht="6.75" customHeight="1" x14ac:dyDescent="0.15">
      <c r="AD4" s="17"/>
    </row>
    <row r="5" spans="2:32" s="8" customFormat="1" ht="26.25" customHeight="1" x14ac:dyDescent="0.15">
      <c r="B5" s="807" t="s">
        <v>1102</v>
      </c>
      <c r="C5" s="778"/>
      <c r="D5" s="778"/>
      <c r="E5" s="778"/>
      <c r="F5" s="778"/>
      <c r="G5" s="778"/>
      <c r="H5" s="778"/>
      <c r="I5" s="778"/>
      <c r="J5" s="778"/>
      <c r="K5" s="778"/>
      <c r="L5" s="778"/>
      <c r="M5" s="778"/>
      <c r="N5" s="778"/>
      <c r="O5" s="778"/>
      <c r="P5" s="778"/>
      <c r="Q5" s="778"/>
      <c r="R5" s="778"/>
      <c r="S5" s="778"/>
      <c r="T5" s="778"/>
      <c r="U5" s="778"/>
      <c r="V5" s="778"/>
      <c r="W5" s="778"/>
      <c r="X5" s="778"/>
      <c r="Y5" s="778"/>
      <c r="Z5" s="778"/>
      <c r="AA5" s="778"/>
      <c r="AB5" s="778"/>
      <c r="AC5" s="778"/>
      <c r="AD5" s="778"/>
    </row>
    <row r="6" spans="2:32" s="8" customFormat="1" ht="7.5" customHeight="1" x14ac:dyDescent="0.15"/>
    <row r="7" spans="2:32" s="8" customFormat="1" ht="30" customHeight="1" x14ac:dyDescent="0.15">
      <c r="B7" s="791" t="s">
        <v>1101</v>
      </c>
      <c r="C7" s="792"/>
      <c r="D7" s="792"/>
      <c r="E7" s="793"/>
      <c r="F7" s="804"/>
      <c r="G7" s="804"/>
      <c r="H7" s="804"/>
      <c r="I7" s="804"/>
      <c r="J7" s="804"/>
      <c r="K7" s="804"/>
      <c r="L7" s="804"/>
      <c r="M7" s="804"/>
      <c r="N7" s="804"/>
      <c r="O7" s="804"/>
      <c r="P7" s="804"/>
      <c r="Q7" s="804"/>
      <c r="R7" s="804"/>
      <c r="S7" s="804"/>
      <c r="T7" s="804"/>
      <c r="U7" s="804"/>
      <c r="V7" s="804"/>
      <c r="W7" s="804"/>
      <c r="X7" s="804"/>
      <c r="Y7" s="804"/>
      <c r="Z7" s="804"/>
      <c r="AA7" s="804"/>
      <c r="AB7" s="804"/>
      <c r="AC7" s="804"/>
      <c r="AD7" s="804"/>
      <c r="AE7" s="804"/>
      <c r="AF7" s="804"/>
    </row>
    <row r="8" spans="2:32" ht="30" customHeight="1" x14ac:dyDescent="0.15">
      <c r="B8" s="791" t="s">
        <v>1100</v>
      </c>
      <c r="C8" s="792"/>
      <c r="D8" s="792"/>
      <c r="E8" s="793"/>
      <c r="F8" s="247"/>
      <c r="G8" s="168"/>
      <c r="H8" s="179" t="s">
        <v>0</v>
      </c>
      <c r="I8" s="168" t="s">
        <v>242</v>
      </c>
      <c r="J8" s="168"/>
      <c r="K8" s="168"/>
      <c r="L8" s="168"/>
      <c r="M8" s="179" t="s">
        <v>0</v>
      </c>
      <c r="N8" s="168" t="s">
        <v>241</v>
      </c>
      <c r="O8" s="168"/>
      <c r="P8" s="168"/>
      <c r="Q8" s="168"/>
      <c r="R8" s="168"/>
      <c r="S8" s="179" t="s">
        <v>0</v>
      </c>
      <c r="T8" s="168" t="s">
        <v>240</v>
      </c>
      <c r="U8" s="168"/>
      <c r="V8" s="168"/>
      <c r="W8" s="168"/>
      <c r="X8" s="168"/>
      <c r="Y8" s="168"/>
      <c r="Z8" s="168"/>
      <c r="AA8" s="168"/>
      <c r="AB8" s="168"/>
      <c r="AC8" s="168"/>
      <c r="AD8" s="168"/>
      <c r="AE8" s="168"/>
      <c r="AF8" s="167"/>
    </row>
    <row r="9" spans="2:32" ht="30" customHeight="1" x14ac:dyDescent="0.15">
      <c r="B9" s="791" t="s">
        <v>1099</v>
      </c>
      <c r="C9" s="792"/>
      <c r="D9" s="792"/>
      <c r="E9" s="793"/>
      <c r="F9" s="288"/>
      <c r="G9" s="162"/>
      <c r="H9" s="191" t="s">
        <v>0</v>
      </c>
      <c r="I9" s="8" t="s">
        <v>1098</v>
      </c>
      <c r="J9" s="162"/>
      <c r="K9" s="162"/>
      <c r="L9" s="162"/>
      <c r="M9" s="162"/>
      <c r="N9" s="162"/>
      <c r="O9" s="162"/>
      <c r="P9" s="162"/>
      <c r="Q9" s="162"/>
      <c r="R9" s="162"/>
      <c r="S9" s="178" t="s">
        <v>0</v>
      </c>
      <c r="T9" s="8" t="s">
        <v>1097</v>
      </c>
      <c r="U9" s="281"/>
      <c r="V9" s="162"/>
      <c r="W9" s="162"/>
      <c r="X9" s="162"/>
      <c r="Y9" s="162"/>
      <c r="Z9" s="162"/>
      <c r="AA9" s="162"/>
      <c r="AB9" s="162"/>
      <c r="AC9" s="162"/>
      <c r="AD9" s="162"/>
      <c r="AE9" s="162"/>
      <c r="AF9" s="266"/>
    </row>
    <row r="10" spans="2:32" ht="30" customHeight="1" x14ac:dyDescent="0.15">
      <c r="B10" s="906" t="s">
        <v>1096</v>
      </c>
      <c r="C10" s="907"/>
      <c r="D10" s="907"/>
      <c r="E10" s="908"/>
      <c r="F10" s="279"/>
      <c r="G10" s="166"/>
      <c r="H10" s="178" t="s">
        <v>0</v>
      </c>
      <c r="I10" s="157" t="s">
        <v>1095</v>
      </c>
      <c r="J10" s="166"/>
      <c r="K10" s="166"/>
      <c r="L10" s="166"/>
      <c r="M10" s="166"/>
      <c r="N10" s="166"/>
      <c r="O10" s="166"/>
      <c r="P10" s="166"/>
      <c r="Q10" s="166"/>
      <c r="R10" s="166"/>
      <c r="S10" s="166"/>
      <c r="T10" s="157"/>
      <c r="U10" s="283"/>
      <c r="V10" s="166"/>
      <c r="W10" s="166"/>
      <c r="X10" s="166"/>
      <c r="Y10" s="166"/>
      <c r="Z10" s="166"/>
      <c r="AA10" s="166"/>
      <c r="AB10" s="166"/>
      <c r="AC10" s="166"/>
      <c r="AD10" s="166"/>
      <c r="AE10" s="166"/>
      <c r="AF10" s="251"/>
    </row>
    <row r="11" spans="2:32" ht="30" customHeight="1" x14ac:dyDescent="0.15">
      <c r="B11" s="909"/>
      <c r="C11" s="910"/>
      <c r="D11" s="910"/>
      <c r="E11" s="911"/>
      <c r="F11" s="288"/>
      <c r="G11" s="162"/>
      <c r="H11" s="191" t="s">
        <v>0</v>
      </c>
      <c r="I11" s="172" t="s">
        <v>1094</v>
      </c>
      <c r="J11" s="162"/>
      <c r="K11" s="162"/>
      <c r="L11" s="162"/>
      <c r="M11" s="162"/>
      <c r="N11" s="162"/>
      <c r="O11" s="162"/>
      <c r="P11" s="162"/>
      <c r="Q11" s="162"/>
      <c r="R11" s="162"/>
      <c r="S11" s="162"/>
      <c r="T11" s="172"/>
      <c r="U11" s="281"/>
      <c r="V11" s="162"/>
      <c r="W11" s="162"/>
      <c r="X11" s="162"/>
      <c r="Y11" s="162"/>
      <c r="Z11" s="162"/>
      <c r="AA11" s="162"/>
      <c r="AB11" s="162"/>
      <c r="AC11" s="162"/>
      <c r="AD11" s="162"/>
      <c r="AE11" s="162"/>
      <c r="AF11" s="266"/>
    </row>
    <row r="12" spans="2:32" s="8" customFormat="1" ht="15" customHeight="1" x14ac:dyDescent="0.15">
      <c r="B12" s="157"/>
      <c r="C12" s="157"/>
      <c r="D12" s="157"/>
      <c r="E12" s="157"/>
      <c r="Q12" s="17"/>
    </row>
    <row r="13" spans="2:32" s="8" customFormat="1" ht="7.5" customHeight="1" thickBot="1" x14ac:dyDescent="0.2">
      <c r="B13" s="158"/>
      <c r="C13" s="157"/>
      <c r="D13" s="157"/>
      <c r="E13" s="156"/>
      <c r="F13" s="157"/>
      <c r="G13" s="157"/>
      <c r="H13" s="157"/>
      <c r="I13" s="157"/>
      <c r="J13" s="157"/>
      <c r="K13" s="157"/>
      <c r="L13" s="157"/>
      <c r="M13" s="157"/>
      <c r="N13" s="157"/>
      <c r="O13" s="157"/>
      <c r="P13" s="157"/>
      <c r="Q13" s="490"/>
      <c r="R13" s="157"/>
      <c r="S13" s="157"/>
      <c r="T13" s="157"/>
      <c r="U13" s="157"/>
      <c r="V13" s="157"/>
      <c r="W13" s="157"/>
      <c r="X13" s="157"/>
      <c r="Y13" s="157"/>
      <c r="Z13" s="157"/>
      <c r="AA13" s="157"/>
      <c r="AB13" s="157"/>
      <c r="AC13" s="157"/>
      <c r="AD13" s="157"/>
      <c r="AE13" s="157"/>
      <c r="AF13" s="156"/>
    </row>
    <row r="14" spans="2:32" s="8" customFormat="1" ht="21" customHeight="1" x14ac:dyDescent="0.15">
      <c r="B14" s="822" t="s">
        <v>1093</v>
      </c>
      <c r="C14" s="789"/>
      <c r="D14" s="789"/>
      <c r="E14" s="805"/>
      <c r="AD14" s="1187" t="s">
        <v>1092</v>
      </c>
      <c r="AE14" s="1188"/>
      <c r="AF14" s="149"/>
    </row>
    <row r="15" spans="2:32" s="8" customFormat="1" ht="21" customHeight="1" x14ac:dyDescent="0.15">
      <c r="B15" s="822"/>
      <c r="C15" s="789"/>
      <c r="D15" s="789"/>
      <c r="E15" s="805"/>
      <c r="AD15" s="1189"/>
      <c r="AE15" s="1190"/>
      <c r="AF15" s="149"/>
    </row>
    <row r="16" spans="2:32" s="8" customFormat="1" ht="21" customHeight="1" x14ac:dyDescent="0.15">
      <c r="B16" s="822"/>
      <c r="C16" s="789"/>
      <c r="D16" s="789"/>
      <c r="E16" s="805"/>
      <c r="G16" s="158" t="s">
        <v>1091</v>
      </c>
      <c r="H16" s="157"/>
      <c r="I16" s="157"/>
      <c r="J16" s="157"/>
      <c r="K16" s="157"/>
      <c r="L16" s="157"/>
      <c r="M16" s="157"/>
      <c r="N16" s="157"/>
      <c r="O16" s="157"/>
      <c r="P16" s="157"/>
      <c r="Q16" s="157"/>
      <c r="R16" s="157"/>
      <c r="S16" s="157"/>
      <c r="T16" s="157"/>
      <c r="U16" s="157"/>
      <c r="V16" s="157"/>
      <c r="W16" s="157"/>
      <c r="X16" s="157"/>
      <c r="Y16" s="157"/>
      <c r="Z16" s="157"/>
      <c r="AA16" s="157"/>
      <c r="AB16" s="157"/>
      <c r="AC16" s="157"/>
      <c r="AD16" s="489"/>
      <c r="AE16" s="488"/>
      <c r="AF16" s="149"/>
    </row>
    <row r="17" spans="2:32" s="8" customFormat="1" ht="30" customHeight="1" x14ac:dyDescent="0.15">
      <c r="B17" s="153"/>
      <c r="C17" s="14"/>
      <c r="D17" s="14"/>
      <c r="E17" s="238"/>
      <c r="G17" s="9"/>
      <c r="H17" s="198" t="s">
        <v>279</v>
      </c>
      <c r="I17" s="1170" t="s">
        <v>1090</v>
      </c>
      <c r="J17" s="1185"/>
      <c r="K17" s="1185"/>
      <c r="L17" s="1185"/>
      <c r="M17" s="1186"/>
      <c r="N17" s="484"/>
      <c r="O17" s="472" t="s">
        <v>175</v>
      </c>
      <c r="P17" s="1163" t="s">
        <v>275</v>
      </c>
      <c r="Q17" s="1031" t="s">
        <v>513</v>
      </c>
      <c r="R17" s="1161" t="s">
        <v>1089</v>
      </c>
      <c r="S17" s="1161"/>
      <c r="T17" s="1161"/>
      <c r="U17" s="1161"/>
      <c r="V17" s="1170"/>
      <c r="W17" s="783"/>
      <c r="X17" s="782" t="s">
        <v>339</v>
      </c>
      <c r="Y17" s="151" t="s">
        <v>275</v>
      </c>
      <c r="Z17" s="993" t="s">
        <v>1088</v>
      </c>
      <c r="AA17" s="993"/>
      <c r="AB17" s="993"/>
      <c r="AC17" s="993"/>
      <c r="AD17" s="471" t="s">
        <v>0</v>
      </c>
      <c r="AE17" s="470">
        <v>20</v>
      </c>
      <c r="AF17" s="149"/>
    </row>
    <row r="18" spans="2:32" s="8" customFormat="1" ht="30" customHeight="1" x14ac:dyDescent="0.15">
      <c r="B18" s="153"/>
      <c r="C18" s="14"/>
      <c r="D18" s="14"/>
      <c r="E18" s="238"/>
      <c r="G18" s="9"/>
      <c r="H18" s="198" t="s">
        <v>277</v>
      </c>
      <c r="I18" s="1170" t="s">
        <v>1087</v>
      </c>
      <c r="J18" s="1171"/>
      <c r="K18" s="1171"/>
      <c r="L18" s="1171"/>
      <c r="M18" s="1172"/>
      <c r="N18" s="483"/>
      <c r="O18" s="297" t="s">
        <v>175</v>
      </c>
      <c r="P18" s="1163"/>
      <c r="Q18" s="1031"/>
      <c r="R18" s="1161"/>
      <c r="S18" s="1161"/>
      <c r="T18" s="1161"/>
      <c r="U18" s="1161"/>
      <c r="V18" s="1170"/>
      <c r="W18" s="810"/>
      <c r="X18" s="782"/>
      <c r="Y18" s="151" t="s">
        <v>275</v>
      </c>
      <c r="Z18" s="993" t="s">
        <v>1086</v>
      </c>
      <c r="AA18" s="993"/>
      <c r="AB18" s="993"/>
      <c r="AC18" s="993"/>
      <c r="AD18" s="471" t="s">
        <v>0</v>
      </c>
      <c r="AE18" s="470">
        <v>10</v>
      </c>
      <c r="AF18" s="149"/>
    </row>
    <row r="19" spans="2:32" s="8" customFormat="1" ht="30" customHeight="1" x14ac:dyDescent="0.15">
      <c r="B19" s="153"/>
      <c r="C19" s="14"/>
      <c r="D19" s="14"/>
      <c r="E19" s="238"/>
      <c r="G19" s="9"/>
      <c r="H19" s="198" t="s">
        <v>293</v>
      </c>
      <c r="I19" s="1170" t="s">
        <v>1085</v>
      </c>
      <c r="J19" s="1171"/>
      <c r="K19" s="1171"/>
      <c r="L19" s="1171"/>
      <c r="M19" s="1172"/>
      <c r="N19" s="483"/>
      <c r="O19" s="297" t="s">
        <v>175</v>
      </c>
      <c r="P19" s="1163"/>
      <c r="Q19" s="1031"/>
      <c r="R19" s="1161"/>
      <c r="S19" s="1161"/>
      <c r="T19" s="1161"/>
      <c r="U19" s="1161"/>
      <c r="V19" s="1170"/>
      <c r="W19" s="786"/>
      <c r="X19" s="782"/>
      <c r="Y19" s="151" t="s">
        <v>275</v>
      </c>
      <c r="Z19" s="993" t="s">
        <v>1084</v>
      </c>
      <c r="AA19" s="993"/>
      <c r="AB19" s="993"/>
      <c r="AC19" s="993"/>
      <c r="AD19" s="471" t="s">
        <v>0</v>
      </c>
      <c r="AE19" s="470">
        <v>0</v>
      </c>
      <c r="AF19" s="149"/>
    </row>
    <row r="20" spans="2:32" s="8" customFormat="1" ht="7.5" customHeight="1" x14ac:dyDescent="0.15">
      <c r="B20" s="153"/>
      <c r="C20" s="14"/>
      <c r="D20" s="14"/>
      <c r="E20" s="238"/>
      <c r="G20" s="173"/>
      <c r="H20" s="172"/>
      <c r="I20" s="145"/>
      <c r="J20" s="145"/>
      <c r="K20" s="145"/>
      <c r="L20" s="145"/>
      <c r="M20" s="145"/>
      <c r="N20" s="145"/>
      <c r="O20" s="145"/>
      <c r="P20" s="145"/>
      <c r="Q20" s="145"/>
      <c r="R20" s="145"/>
      <c r="S20" s="145"/>
      <c r="T20" s="145"/>
      <c r="U20" s="145"/>
      <c r="V20" s="145"/>
      <c r="W20" s="172"/>
      <c r="X20" s="143"/>
      <c r="Y20" s="143"/>
      <c r="Z20" s="172"/>
      <c r="AA20" s="172"/>
      <c r="AB20" s="172"/>
      <c r="AC20" s="172"/>
      <c r="AD20" s="482"/>
      <c r="AE20" s="476"/>
      <c r="AF20" s="149"/>
    </row>
    <row r="21" spans="2:32" s="8" customFormat="1" ht="21" customHeight="1" x14ac:dyDescent="0.15">
      <c r="B21" s="153"/>
      <c r="C21" s="14"/>
      <c r="D21" s="14"/>
      <c r="E21" s="238"/>
      <c r="G21" s="158" t="s">
        <v>1083</v>
      </c>
      <c r="H21" s="157"/>
      <c r="I21" s="259"/>
      <c r="J21" s="259"/>
      <c r="K21" s="259"/>
      <c r="L21" s="259"/>
      <c r="M21" s="259"/>
      <c r="N21" s="259"/>
      <c r="O21" s="259"/>
      <c r="P21" s="259"/>
      <c r="Q21" s="259"/>
      <c r="R21" s="259"/>
      <c r="S21" s="259"/>
      <c r="T21" s="259"/>
      <c r="U21" s="259"/>
      <c r="V21" s="259"/>
      <c r="W21" s="157"/>
      <c r="X21" s="194"/>
      <c r="Y21" s="194"/>
      <c r="Z21" s="157"/>
      <c r="AA21" s="157"/>
      <c r="AB21" s="157"/>
      <c r="AC21" s="157"/>
      <c r="AD21" s="478"/>
      <c r="AE21" s="474"/>
      <c r="AF21" s="149"/>
    </row>
    <row r="22" spans="2:32" s="8" customFormat="1" ht="23.25" customHeight="1" x14ac:dyDescent="0.15">
      <c r="B22" s="461"/>
      <c r="C22" s="154"/>
      <c r="D22" s="154"/>
      <c r="E22" s="196"/>
      <c r="G22" s="9"/>
      <c r="H22" s="198" t="s">
        <v>279</v>
      </c>
      <c r="I22" s="1170" t="s">
        <v>1082</v>
      </c>
      <c r="J22" s="1171"/>
      <c r="K22" s="1171"/>
      <c r="L22" s="1171"/>
      <c r="M22" s="1172"/>
      <c r="N22" s="484"/>
      <c r="O22" s="472" t="s">
        <v>175</v>
      </c>
      <c r="P22" s="1163" t="s">
        <v>275</v>
      </c>
      <c r="Q22" s="1031" t="s">
        <v>513</v>
      </c>
      <c r="R22" s="1161" t="s">
        <v>1081</v>
      </c>
      <c r="S22" s="1161"/>
      <c r="T22" s="1161"/>
      <c r="U22" s="1161"/>
      <c r="V22" s="1161"/>
      <c r="W22" s="783"/>
      <c r="X22" s="785" t="s">
        <v>339</v>
      </c>
      <c r="Y22" s="151" t="s">
        <v>275</v>
      </c>
      <c r="Z22" s="993" t="s">
        <v>947</v>
      </c>
      <c r="AA22" s="993"/>
      <c r="AB22" s="993"/>
      <c r="AC22" s="993"/>
      <c r="AD22" s="471" t="s">
        <v>0</v>
      </c>
      <c r="AE22" s="470">
        <v>20</v>
      </c>
      <c r="AF22" s="149"/>
    </row>
    <row r="23" spans="2:32" s="8" customFormat="1" ht="30" customHeight="1" x14ac:dyDescent="0.15">
      <c r="B23" s="461"/>
      <c r="C23" s="154"/>
      <c r="D23" s="154"/>
      <c r="E23" s="196"/>
      <c r="G23" s="9"/>
      <c r="H23" s="198" t="s">
        <v>277</v>
      </c>
      <c r="I23" s="1170" t="s">
        <v>1080</v>
      </c>
      <c r="J23" s="1171"/>
      <c r="K23" s="1171"/>
      <c r="L23" s="1171"/>
      <c r="M23" s="1172"/>
      <c r="N23" s="483"/>
      <c r="O23" s="297" t="s">
        <v>175</v>
      </c>
      <c r="P23" s="1163"/>
      <c r="Q23" s="1031"/>
      <c r="R23" s="1161"/>
      <c r="S23" s="1161"/>
      <c r="T23" s="1161"/>
      <c r="U23" s="1161"/>
      <c r="V23" s="1161"/>
      <c r="W23" s="810"/>
      <c r="X23" s="811"/>
      <c r="Y23" s="151" t="s">
        <v>275</v>
      </c>
      <c r="Z23" s="993" t="s">
        <v>1030</v>
      </c>
      <c r="AA23" s="993"/>
      <c r="AB23" s="993"/>
      <c r="AC23" s="993"/>
      <c r="AD23" s="471" t="s">
        <v>0</v>
      </c>
      <c r="AE23" s="470">
        <v>10</v>
      </c>
      <c r="AF23" s="149"/>
    </row>
    <row r="24" spans="2:32" s="8" customFormat="1" ht="24.75" customHeight="1" x14ac:dyDescent="0.15">
      <c r="B24" s="461"/>
      <c r="C24" s="154"/>
      <c r="D24" s="154"/>
      <c r="E24" s="196"/>
      <c r="G24" s="9"/>
      <c r="H24" s="198" t="s">
        <v>293</v>
      </c>
      <c r="I24" s="1170" t="s">
        <v>1079</v>
      </c>
      <c r="J24" s="1171"/>
      <c r="K24" s="1171"/>
      <c r="L24" s="1171"/>
      <c r="M24" s="1172"/>
      <c r="N24" s="483"/>
      <c r="O24" s="297" t="s">
        <v>175</v>
      </c>
      <c r="P24" s="1163"/>
      <c r="Q24" s="1031"/>
      <c r="R24" s="1161"/>
      <c r="S24" s="1161"/>
      <c r="T24" s="1161"/>
      <c r="U24" s="1161"/>
      <c r="V24" s="1161"/>
      <c r="W24" s="786"/>
      <c r="X24" s="788"/>
      <c r="Y24" s="151" t="s">
        <v>275</v>
      </c>
      <c r="Z24" s="993" t="s">
        <v>1029</v>
      </c>
      <c r="AA24" s="993"/>
      <c r="AB24" s="993"/>
      <c r="AC24" s="993"/>
      <c r="AD24" s="471" t="s">
        <v>0</v>
      </c>
      <c r="AE24" s="470">
        <v>0</v>
      </c>
      <c r="AF24" s="486"/>
    </row>
    <row r="25" spans="2:32" s="8" customFormat="1" ht="7.5" customHeight="1" x14ac:dyDescent="0.15">
      <c r="B25" s="461"/>
      <c r="C25" s="154"/>
      <c r="D25" s="154"/>
      <c r="E25" s="196"/>
      <c r="G25" s="173"/>
      <c r="H25" s="172"/>
      <c r="I25" s="469"/>
      <c r="J25" s="464"/>
      <c r="K25" s="464"/>
      <c r="L25" s="464"/>
      <c r="M25" s="464"/>
      <c r="N25" s="145"/>
      <c r="O25" s="298"/>
      <c r="P25" s="487"/>
      <c r="Q25" s="487"/>
      <c r="R25" s="145"/>
      <c r="S25" s="145"/>
      <c r="T25" s="145"/>
      <c r="U25" s="145"/>
      <c r="V25" s="145"/>
      <c r="W25" s="172"/>
      <c r="X25" s="143"/>
      <c r="Y25" s="143"/>
      <c r="Z25" s="172"/>
      <c r="AA25" s="172"/>
      <c r="AB25" s="172"/>
      <c r="AC25" s="172"/>
      <c r="AD25" s="482"/>
      <c r="AE25" s="476"/>
      <c r="AF25" s="149"/>
    </row>
    <row r="26" spans="2:32" s="8" customFormat="1" ht="21" customHeight="1" x14ac:dyDescent="0.15">
      <c r="B26" s="9"/>
      <c r="E26" s="149"/>
      <c r="G26" s="9" t="s">
        <v>1078</v>
      </c>
      <c r="I26" s="154"/>
      <c r="J26" s="154"/>
      <c r="K26" s="154"/>
      <c r="L26" s="154"/>
      <c r="M26" s="154"/>
      <c r="N26" s="154"/>
      <c r="O26" s="154"/>
      <c r="P26" s="154"/>
      <c r="Q26" s="154"/>
      <c r="R26" s="154"/>
      <c r="S26" s="154"/>
      <c r="T26" s="154"/>
      <c r="U26" s="154"/>
      <c r="V26" s="154"/>
      <c r="X26" s="18"/>
      <c r="Y26" s="18"/>
      <c r="AD26" s="478"/>
      <c r="AE26" s="474"/>
      <c r="AF26" s="149"/>
    </row>
    <row r="27" spans="2:32" s="8" customFormat="1" ht="30.75" customHeight="1" x14ac:dyDescent="0.15">
      <c r="B27" s="153"/>
      <c r="C27" s="14"/>
      <c r="D27" s="14"/>
      <c r="E27" s="238"/>
      <c r="G27" s="9"/>
      <c r="H27" s="1032" t="s">
        <v>279</v>
      </c>
      <c r="I27" s="1164" t="s">
        <v>1077</v>
      </c>
      <c r="J27" s="1165"/>
      <c r="K27" s="1165"/>
      <c r="L27" s="1165"/>
      <c r="M27" s="1166"/>
      <c r="N27" s="923"/>
      <c r="O27" s="925" t="s">
        <v>175</v>
      </c>
      <c r="P27" s="926" t="s">
        <v>275</v>
      </c>
      <c r="Q27" s="1177" t="s">
        <v>513</v>
      </c>
      <c r="R27" s="1177" t="s">
        <v>1076</v>
      </c>
      <c r="S27" s="1179"/>
      <c r="T27" s="1179"/>
      <c r="U27" s="1179"/>
      <c r="V27" s="1180"/>
      <c r="W27" s="784"/>
      <c r="X27" s="785" t="s">
        <v>339</v>
      </c>
      <c r="Y27" s="18" t="s">
        <v>275</v>
      </c>
      <c r="Z27" s="993" t="s">
        <v>1113</v>
      </c>
      <c r="AA27" s="993"/>
      <c r="AB27" s="993"/>
      <c r="AC27" s="993"/>
      <c r="AD27" s="471" t="s">
        <v>0</v>
      </c>
      <c r="AE27" s="470">
        <v>10</v>
      </c>
      <c r="AF27" s="149"/>
    </row>
    <row r="28" spans="2:32" s="8" customFormat="1" ht="30.75" customHeight="1" x14ac:dyDescent="0.15">
      <c r="B28" s="153"/>
      <c r="C28" s="14"/>
      <c r="D28" s="14"/>
      <c r="E28" s="238"/>
      <c r="G28" s="9"/>
      <c r="H28" s="1032"/>
      <c r="I28" s="1167"/>
      <c r="J28" s="1168"/>
      <c r="K28" s="1168"/>
      <c r="L28" s="1168"/>
      <c r="M28" s="1169"/>
      <c r="N28" s="928"/>
      <c r="O28" s="930"/>
      <c r="P28" s="926"/>
      <c r="Q28" s="1178"/>
      <c r="R28" s="1178"/>
      <c r="S28" s="1181"/>
      <c r="T28" s="1181"/>
      <c r="U28" s="1181"/>
      <c r="V28" s="1182"/>
      <c r="W28" s="778"/>
      <c r="X28" s="811"/>
      <c r="Y28" s="18" t="s">
        <v>275</v>
      </c>
      <c r="Z28" s="993" t="s">
        <v>1112</v>
      </c>
      <c r="AA28" s="993"/>
      <c r="AB28" s="993"/>
      <c r="AC28" s="993"/>
      <c r="AD28" s="471" t="s">
        <v>0</v>
      </c>
      <c r="AE28" s="470">
        <v>5</v>
      </c>
      <c r="AF28" s="149"/>
    </row>
    <row r="29" spans="2:32" s="8" customFormat="1" ht="27" customHeight="1" x14ac:dyDescent="0.15">
      <c r="B29" s="153"/>
      <c r="C29" s="14"/>
      <c r="D29" s="14"/>
      <c r="E29" s="238"/>
      <c r="G29" s="9"/>
      <c r="H29" s="198" t="s">
        <v>277</v>
      </c>
      <c r="I29" s="1170" t="s">
        <v>1074</v>
      </c>
      <c r="J29" s="1171"/>
      <c r="K29" s="1171"/>
      <c r="L29" s="1171"/>
      <c r="M29" s="1172"/>
      <c r="N29" s="483"/>
      <c r="O29" s="297" t="s">
        <v>175</v>
      </c>
      <c r="P29" s="265"/>
      <c r="Q29" s="1175"/>
      <c r="R29" s="1175"/>
      <c r="S29" s="1183"/>
      <c r="T29" s="1183"/>
      <c r="U29" s="1183"/>
      <c r="V29" s="1184"/>
      <c r="W29" s="787"/>
      <c r="X29" s="788"/>
      <c r="Y29" s="18" t="s">
        <v>275</v>
      </c>
      <c r="Z29" s="993" t="s">
        <v>1111</v>
      </c>
      <c r="AA29" s="993"/>
      <c r="AB29" s="993"/>
      <c r="AC29" s="993"/>
      <c r="AD29" s="471" t="s">
        <v>0</v>
      </c>
      <c r="AE29" s="470">
        <v>0</v>
      </c>
      <c r="AF29" s="149"/>
    </row>
    <row r="30" spans="2:32" s="8" customFormat="1" ht="7.5" customHeight="1" x14ac:dyDescent="0.15">
      <c r="B30" s="153"/>
      <c r="C30" s="14"/>
      <c r="D30" s="14"/>
      <c r="E30" s="238"/>
      <c r="G30" s="173"/>
      <c r="H30" s="465"/>
      <c r="I30" s="464"/>
      <c r="J30" s="464"/>
      <c r="K30" s="464"/>
      <c r="L30" s="464"/>
      <c r="M30" s="464"/>
      <c r="N30" s="145"/>
      <c r="O30" s="298"/>
      <c r="P30" s="145"/>
      <c r="Q30" s="145"/>
      <c r="R30" s="145"/>
      <c r="S30" s="145"/>
      <c r="T30" s="145"/>
      <c r="U30" s="145"/>
      <c r="V30" s="145"/>
      <c r="W30" s="172"/>
      <c r="X30" s="143"/>
      <c r="Y30" s="143"/>
      <c r="Z30" s="464"/>
      <c r="AA30" s="464"/>
      <c r="AB30" s="172"/>
      <c r="AC30" s="172"/>
      <c r="AD30" s="481"/>
      <c r="AE30" s="476"/>
      <c r="AF30" s="149"/>
    </row>
    <row r="31" spans="2:32" s="8" customFormat="1" ht="21" customHeight="1" x14ac:dyDescent="0.15">
      <c r="B31" s="461"/>
      <c r="C31" s="154"/>
      <c r="D31" s="154"/>
      <c r="E31" s="196"/>
      <c r="G31" s="158" t="s">
        <v>1072</v>
      </c>
      <c r="H31" s="157"/>
      <c r="I31" s="259"/>
      <c r="J31" s="259"/>
      <c r="K31" s="259"/>
      <c r="L31" s="259"/>
      <c r="M31" s="259"/>
      <c r="N31" s="259"/>
      <c r="O31" s="259"/>
      <c r="P31" s="259"/>
      <c r="Q31" s="259"/>
      <c r="R31" s="259"/>
      <c r="S31" s="259"/>
      <c r="T31" s="259"/>
      <c r="U31" s="259"/>
      <c r="V31" s="259"/>
      <c r="W31" s="157"/>
      <c r="X31" s="194"/>
      <c r="Y31" s="194"/>
      <c r="AD31" s="478"/>
      <c r="AE31" s="474"/>
      <c r="AF31" s="149"/>
    </row>
    <row r="32" spans="2:32" s="8" customFormat="1" ht="31.5" customHeight="1" x14ac:dyDescent="0.15">
      <c r="B32" s="9"/>
      <c r="E32" s="149"/>
      <c r="G32" s="9"/>
      <c r="H32" s="1176" t="s">
        <v>279</v>
      </c>
      <c r="I32" s="1164" t="s">
        <v>1071</v>
      </c>
      <c r="J32" s="1165"/>
      <c r="K32" s="1165"/>
      <c r="L32" s="1165"/>
      <c r="M32" s="1166"/>
      <c r="N32" s="923"/>
      <c r="O32" s="925" t="s">
        <v>175</v>
      </c>
      <c r="P32" s="1163" t="s">
        <v>275</v>
      </c>
      <c r="Q32" s="1031" t="s">
        <v>513</v>
      </c>
      <c r="R32" s="1031" t="s">
        <v>1070</v>
      </c>
      <c r="S32" s="1031"/>
      <c r="T32" s="1031"/>
      <c r="U32" s="1031"/>
      <c r="V32" s="1031"/>
      <c r="W32" s="783"/>
      <c r="X32" s="785" t="s">
        <v>339</v>
      </c>
      <c r="Y32" s="18" t="s">
        <v>275</v>
      </c>
      <c r="Z32" s="993" t="s">
        <v>1113</v>
      </c>
      <c r="AA32" s="993"/>
      <c r="AB32" s="993"/>
      <c r="AC32" s="993"/>
      <c r="AD32" s="471" t="s">
        <v>0</v>
      </c>
      <c r="AE32" s="470">
        <v>10</v>
      </c>
      <c r="AF32" s="149"/>
    </row>
    <row r="33" spans="2:37" s="8" customFormat="1" ht="31.5" customHeight="1" x14ac:dyDescent="0.15">
      <c r="B33" s="9"/>
      <c r="E33" s="149"/>
      <c r="G33" s="9"/>
      <c r="H33" s="1173"/>
      <c r="I33" s="1167"/>
      <c r="J33" s="1168"/>
      <c r="K33" s="1168"/>
      <c r="L33" s="1168"/>
      <c r="M33" s="1169"/>
      <c r="N33" s="928"/>
      <c r="O33" s="930"/>
      <c r="P33" s="1163"/>
      <c r="Q33" s="1031"/>
      <c r="R33" s="1031"/>
      <c r="S33" s="1031"/>
      <c r="T33" s="1031"/>
      <c r="U33" s="1031"/>
      <c r="V33" s="1031"/>
      <c r="W33" s="810"/>
      <c r="X33" s="811"/>
      <c r="Y33" s="18" t="s">
        <v>275</v>
      </c>
      <c r="Z33" s="993" t="s">
        <v>1112</v>
      </c>
      <c r="AA33" s="993"/>
      <c r="AB33" s="993"/>
      <c r="AC33" s="993"/>
      <c r="AD33" s="471" t="s">
        <v>0</v>
      </c>
      <c r="AE33" s="470">
        <v>5</v>
      </c>
      <c r="AF33" s="486"/>
    </row>
    <row r="34" spans="2:37" s="8" customFormat="1" ht="30.75" customHeight="1" x14ac:dyDescent="0.15">
      <c r="B34" s="9"/>
      <c r="E34" s="149"/>
      <c r="G34" s="9"/>
      <c r="H34" s="198" t="s">
        <v>277</v>
      </c>
      <c r="I34" s="1170" t="s">
        <v>1067</v>
      </c>
      <c r="J34" s="1171"/>
      <c r="K34" s="1171"/>
      <c r="L34" s="1171"/>
      <c r="M34" s="1172"/>
      <c r="N34" s="483"/>
      <c r="O34" s="297" t="s">
        <v>175</v>
      </c>
      <c r="P34" s="1163"/>
      <c r="Q34" s="1031"/>
      <c r="R34" s="1031"/>
      <c r="S34" s="1031"/>
      <c r="T34" s="1031"/>
      <c r="U34" s="1031"/>
      <c r="V34" s="1031"/>
      <c r="W34" s="786"/>
      <c r="X34" s="788"/>
      <c r="Y34" s="18" t="s">
        <v>275</v>
      </c>
      <c r="Z34" s="993" t="s">
        <v>1111</v>
      </c>
      <c r="AA34" s="993"/>
      <c r="AB34" s="993"/>
      <c r="AC34" s="993"/>
      <c r="AD34" s="471" t="s">
        <v>0</v>
      </c>
      <c r="AE34" s="470">
        <v>0</v>
      </c>
      <c r="AF34" s="486"/>
    </row>
    <row r="35" spans="2:37" s="8" customFormat="1" ht="7.5" customHeight="1" x14ac:dyDescent="0.15">
      <c r="B35" s="9"/>
      <c r="E35" s="149"/>
      <c r="G35" s="173"/>
      <c r="H35" s="172"/>
      <c r="I35" s="145"/>
      <c r="J35" s="145"/>
      <c r="K35" s="145"/>
      <c r="L35" s="145"/>
      <c r="M35" s="145"/>
      <c r="N35" s="145"/>
      <c r="O35" s="145"/>
      <c r="P35" s="145"/>
      <c r="Q35" s="145"/>
      <c r="R35" s="145"/>
      <c r="S35" s="145"/>
      <c r="T35" s="145"/>
      <c r="U35" s="145"/>
      <c r="V35" s="145"/>
      <c r="W35" s="172"/>
      <c r="X35" s="143"/>
      <c r="Y35" s="143"/>
      <c r="Z35" s="143"/>
      <c r="AA35" s="143"/>
      <c r="AB35" s="172"/>
      <c r="AC35" s="172"/>
      <c r="AD35" s="482"/>
      <c r="AE35" s="476"/>
      <c r="AF35" s="486"/>
    </row>
    <row r="36" spans="2:37" s="8" customFormat="1" ht="21" customHeight="1" x14ac:dyDescent="0.15">
      <c r="B36" s="9"/>
      <c r="E36" s="149"/>
      <c r="G36" s="158" t="s">
        <v>1065</v>
      </c>
      <c r="H36" s="157"/>
      <c r="I36" s="259"/>
      <c r="J36" s="259"/>
      <c r="K36" s="259"/>
      <c r="L36" s="259"/>
      <c r="M36" s="259"/>
      <c r="N36" s="259"/>
      <c r="O36" s="259"/>
      <c r="P36" s="259"/>
      <c r="Q36" s="259"/>
      <c r="R36" s="259"/>
      <c r="S36" s="259"/>
      <c r="T36" s="259"/>
      <c r="U36" s="259"/>
      <c r="V36" s="259"/>
      <c r="W36" s="157"/>
      <c r="X36" s="194"/>
      <c r="Y36" s="194"/>
      <c r="Z36" s="18"/>
      <c r="AA36" s="18"/>
      <c r="AD36" s="478"/>
      <c r="AE36" s="474"/>
      <c r="AF36" s="149"/>
    </row>
    <row r="37" spans="2:37" s="8" customFormat="1" ht="19.5" customHeight="1" x14ac:dyDescent="0.15">
      <c r="B37" s="9"/>
      <c r="E37" s="149"/>
      <c r="G37" s="9"/>
      <c r="H37" s="1032" t="s">
        <v>279</v>
      </c>
      <c r="I37" s="1164" t="s">
        <v>1064</v>
      </c>
      <c r="J37" s="1165"/>
      <c r="K37" s="1165"/>
      <c r="L37" s="1165"/>
      <c r="M37" s="1165"/>
      <c r="N37" s="1165"/>
      <c r="O37" s="1165"/>
      <c r="P37" s="1165"/>
      <c r="Q37" s="1165"/>
      <c r="R37" s="1165"/>
      <c r="S37" s="1165"/>
      <c r="T37" s="1165"/>
      <c r="U37" s="1166"/>
      <c r="V37" s="926" t="s">
        <v>275</v>
      </c>
      <c r="W37" s="1031"/>
      <c r="X37" s="1031"/>
      <c r="Y37" s="18" t="s">
        <v>275</v>
      </c>
      <c r="Z37" s="993" t="s">
        <v>1063</v>
      </c>
      <c r="AA37" s="993"/>
      <c r="AD37" s="471" t="s">
        <v>0</v>
      </c>
      <c r="AE37" s="470">
        <v>5</v>
      </c>
      <c r="AF37" s="149"/>
    </row>
    <row r="38" spans="2:37" s="8" customFormat="1" ht="30.75" customHeight="1" x14ac:dyDescent="0.15">
      <c r="B38" s="153"/>
      <c r="C38" s="14"/>
      <c r="D38" s="14"/>
      <c r="E38" s="238"/>
      <c r="G38" s="9"/>
      <c r="H38" s="1032"/>
      <c r="I38" s="1167"/>
      <c r="J38" s="1168"/>
      <c r="K38" s="1168"/>
      <c r="L38" s="1168"/>
      <c r="M38" s="1168"/>
      <c r="N38" s="1168"/>
      <c r="O38" s="1168"/>
      <c r="P38" s="1168"/>
      <c r="Q38" s="1168"/>
      <c r="R38" s="1168"/>
      <c r="S38" s="1168"/>
      <c r="T38" s="1168"/>
      <c r="U38" s="1169"/>
      <c r="V38" s="928"/>
      <c r="W38" s="1031"/>
      <c r="X38" s="1031"/>
      <c r="Y38" s="18" t="s">
        <v>275</v>
      </c>
      <c r="Z38" s="993" t="s">
        <v>1062</v>
      </c>
      <c r="AA38" s="993"/>
      <c r="AB38" s="993"/>
      <c r="AC38" s="1162"/>
      <c r="AD38" s="471" t="s">
        <v>0</v>
      </c>
      <c r="AE38" s="470">
        <v>3</v>
      </c>
      <c r="AF38" s="149"/>
    </row>
    <row r="39" spans="2:37" s="8" customFormat="1" ht="38.25" customHeight="1" x14ac:dyDescent="0.15">
      <c r="B39" s="153"/>
      <c r="C39" s="14"/>
      <c r="D39" s="14"/>
      <c r="E39" s="238"/>
      <c r="G39" s="189"/>
      <c r="H39" s="1173"/>
      <c r="I39" s="992"/>
      <c r="J39" s="993"/>
      <c r="K39" s="993"/>
      <c r="L39" s="993"/>
      <c r="M39" s="993"/>
      <c r="N39" s="993"/>
      <c r="O39" s="993"/>
      <c r="P39" s="993"/>
      <c r="Q39" s="993"/>
      <c r="R39" s="993"/>
      <c r="S39" s="993"/>
      <c r="T39" s="993"/>
      <c r="U39" s="994"/>
      <c r="V39" s="926"/>
      <c r="W39" s="1174"/>
      <c r="X39" s="1175"/>
      <c r="Y39" s="151" t="s">
        <v>275</v>
      </c>
      <c r="Z39" s="993" t="s">
        <v>1061</v>
      </c>
      <c r="AA39" s="993"/>
      <c r="AB39" s="993"/>
      <c r="AC39" s="1162"/>
      <c r="AD39" s="471" t="s">
        <v>0</v>
      </c>
      <c r="AE39" s="470">
        <v>1</v>
      </c>
      <c r="AF39" s="149"/>
    </row>
    <row r="40" spans="2:37" s="8" customFormat="1" ht="19.5" customHeight="1" x14ac:dyDescent="0.15">
      <c r="B40" s="153"/>
      <c r="C40" s="14"/>
      <c r="D40" s="14"/>
      <c r="E40" s="238"/>
      <c r="G40" s="9"/>
      <c r="H40" s="1032"/>
      <c r="I40" s="1167"/>
      <c r="J40" s="1168"/>
      <c r="K40" s="1168"/>
      <c r="L40" s="1168"/>
      <c r="M40" s="1168"/>
      <c r="N40" s="1168"/>
      <c r="O40" s="1168"/>
      <c r="P40" s="1168"/>
      <c r="Q40" s="1168"/>
      <c r="R40" s="1168"/>
      <c r="S40" s="1168"/>
      <c r="T40" s="1168"/>
      <c r="U40" s="1169"/>
      <c r="V40" s="926"/>
      <c r="W40" s="1031"/>
      <c r="X40" s="1031"/>
      <c r="Y40" s="18" t="s">
        <v>275</v>
      </c>
      <c r="Z40" s="993" t="s">
        <v>1059</v>
      </c>
      <c r="AA40" s="993"/>
      <c r="AB40" s="993"/>
      <c r="AD40" s="471" t="s">
        <v>0</v>
      </c>
      <c r="AE40" s="470">
        <v>0</v>
      </c>
      <c r="AF40" s="149"/>
    </row>
    <row r="41" spans="2:37" s="8" customFormat="1" ht="7.5" customHeight="1" x14ac:dyDescent="0.15">
      <c r="B41" s="153"/>
      <c r="C41" s="14"/>
      <c r="D41" s="14"/>
      <c r="E41" s="238"/>
      <c r="G41" s="173"/>
      <c r="H41" s="172"/>
      <c r="I41" s="145"/>
      <c r="J41" s="145"/>
      <c r="K41" s="145"/>
      <c r="L41" s="145"/>
      <c r="M41" s="145"/>
      <c r="N41" s="145"/>
      <c r="O41" s="145"/>
      <c r="P41" s="145"/>
      <c r="Q41" s="145"/>
      <c r="R41" s="145"/>
      <c r="S41" s="145"/>
      <c r="T41" s="145"/>
      <c r="U41" s="145"/>
      <c r="V41" s="145"/>
      <c r="W41" s="172"/>
      <c r="X41" s="172"/>
      <c r="Y41" s="143"/>
      <c r="Z41" s="464"/>
      <c r="AA41" s="464"/>
      <c r="AB41" s="172"/>
      <c r="AC41" s="172"/>
      <c r="AD41" s="481"/>
      <c r="AE41" s="476"/>
      <c r="AF41" s="149"/>
    </row>
    <row r="42" spans="2:37" s="8" customFormat="1" ht="21" customHeight="1" x14ac:dyDescent="0.15">
      <c r="B42" s="461"/>
      <c r="C42" s="154"/>
      <c r="D42" s="154"/>
      <c r="E42" s="196"/>
      <c r="G42" s="158" t="s">
        <v>1058</v>
      </c>
      <c r="H42" s="157"/>
      <c r="I42" s="259"/>
      <c r="J42" s="259"/>
      <c r="K42" s="259"/>
      <c r="L42" s="259"/>
      <c r="M42" s="259"/>
      <c r="N42" s="259"/>
      <c r="O42" s="259"/>
      <c r="P42" s="259"/>
      <c r="Q42" s="259"/>
      <c r="R42" s="259"/>
      <c r="S42" s="259"/>
      <c r="T42" s="259"/>
      <c r="U42" s="259"/>
      <c r="V42" s="259"/>
      <c r="W42" s="157"/>
      <c r="X42" s="157"/>
      <c r="Y42" s="194"/>
      <c r="Z42" s="157"/>
      <c r="AA42" s="157"/>
      <c r="AB42" s="157"/>
      <c r="AC42" s="157"/>
      <c r="AD42" s="478"/>
      <c r="AE42" s="474"/>
      <c r="AF42" s="149"/>
    </row>
    <row r="43" spans="2:37" s="8" customFormat="1" ht="42" customHeight="1" x14ac:dyDescent="0.15">
      <c r="B43" s="461"/>
      <c r="C43" s="154"/>
      <c r="D43" s="154"/>
      <c r="E43" s="196"/>
      <c r="G43" s="9"/>
      <c r="H43" s="198" t="s">
        <v>279</v>
      </c>
      <c r="I43" s="1161" t="s">
        <v>1057</v>
      </c>
      <c r="J43" s="1161"/>
      <c r="K43" s="1161"/>
      <c r="L43" s="1161"/>
      <c r="M43" s="1161"/>
      <c r="N43" s="484"/>
      <c r="O43" s="472" t="s">
        <v>174</v>
      </c>
      <c r="P43" s="1163" t="s">
        <v>275</v>
      </c>
      <c r="Q43" s="1031" t="s">
        <v>511</v>
      </c>
      <c r="R43" s="1161" t="s">
        <v>1048</v>
      </c>
      <c r="S43" s="1161"/>
      <c r="T43" s="1161"/>
      <c r="U43" s="1161"/>
      <c r="V43" s="1161"/>
      <c r="W43" s="790"/>
      <c r="X43" s="790"/>
      <c r="Y43" s="18" t="s">
        <v>275</v>
      </c>
      <c r="Z43" s="993" t="s">
        <v>1056</v>
      </c>
      <c r="AA43" s="993"/>
      <c r="AB43" s="993"/>
      <c r="AC43" s="1162"/>
      <c r="AD43" s="471" t="s">
        <v>0</v>
      </c>
      <c r="AE43" s="470">
        <v>5</v>
      </c>
      <c r="AF43" s="149"/>
    </row>
    <row r="44" spans="2:37" s="8" customFormat="1" ht="40.5" customHeight="1" x14ac:dyDescent="0.15">
      <c r="B44" s="9"/>
      <c r="E44" s="149"/>
      <c r="G44" s="9"/>
      <c r="H44" s="198" t="s">
        <v>277</v>
      </c>
      <c r="I44" s="1161" t="s">
        <v>1110</v>
      </c>
      <c r="J44" s="1161"/>
      <c r="K44" s="1161"/>
      <c r="L44" s="1161"/>
      <c r="M44" s="1161"/>
      <c r="N44" s="145"/>
      <c r="O44" s="297" t="s">
        <v>174</v>
      </c>
      <c r="P44" s="1163"/>
      <c r="Q44" s="1031"/>
      <c r="R44" s="1161"/>
      <c r="S44" s="1161"/>
      <c r="T44" s="1161"/>
      <c r="U44" s="1161"/>
      <c r="V44" s="1161"/>
      <c r="W44" s="790"/>
      <c r="X44" s="790"/>
      <c r="Y44" s="18" t="s">
        <v>275</v>
      </c>
      <c r="Z44" s="993" t="s">
        <v>450</v>
      </c>
      <c r="AA44" s="993"/>
      <c r="AB44" s="993"/>
      <c r="AC44" s="1162"/>
      <c r="AD44" s="471" t="s">
        <v>0</v>
      </c>
      <c r="AE44" s="470">
        <v>3</v>
      </c>
      <c r="AF44" s="149"/>
    </row>
    <row r="45" spans="2:37" s="8" customFormat="1" ht="30" customHeight="1" x14ac:dyDescent="0.15">
      <c r="B45" s="9"/>
      <c r="E45" s="149"/>
      <c r="G45" s="9"/>
      <c r="H45" s="198" t="s">
        <v>293</v>
      </c>
      <c r="I45" s="1170" t="s">
        <v>1054</v>
      </c>
      <c r="J45" s="1171"/>
      <c r="K45" s="1171"/>
      <c r="L45" s="1171"/>
      <c r="M45" s="1172"/>
      <c r="N45" s="484"/>
      <c r="O45" s="472" t="s">
        <v>175</v>
      </c>
      <c r="P45" s="1163"/>
      <c r="Q45" s="1031"/>
      <c r="R45" s="1161"/>
      <c r="S45" s="1161"/>
      <c r="T45" s="1161"/>
      <c r="U45" s="1161"/>
      <c r="V45" s="1161"/>
      <c r="W45" s="790"/>
      <c r="X45" s="790"/>
      <c r="Y45" s="18" t="s">
        <v>275</v>
      </c>
      <c r="Z45" s="1013" t="s">
        <v>1053</v>
      </c>
      <c r="AA45" s="1013"/>
      <c r="AD45" s="471" t="s">
        <v>0</v>
      </c>
      <c r="AE45" s="470">
        <v>2</v>
      </c>
      <c r="AF45" s="149"/>
    </row>
    <row r="46" spans="2:37" s="8" customFormat="1" ht="21" customHeight="1" x14ac:dyDescent="0.15">
      <c r="B46" s="9"/>
      <c r="E46" s="149"/>
      <c r="G46" s="9"/>
      <c r="H46" s="198" t="s">
        <v>513</v>
      </c>
      <c r="I46" s="1170" t="s">
        <v>1052</v>
      </c>
      <c r="J46" s="1171"/>
      <c r="K46" s="1171"/>
      <c r="L46" s="1171"/>
      <c r="M46" s="1172"/>
      <c r="N46" s="483"/>
      <c r="O46" s="297" t="s">
        <v>20</v>
      </c>
      <c r="P46" s="1163"/>
      <c r="Q46" s="1031"/>
      <c r="R46" s="1161"/>
      <c r="S46" s="1161"/>
      <c r="T46" s="1161"/>
      <c r="U46" s="1161"/>
      <c r="V46" s="1161"/>
      <c r="W46" s="790"/>
      <c r="X46" s="790"/>
      <c r="Y46" s="18" t="s">
        <v>275</v>
      </c>
      <c r="Z46" s="993" t="s">
        <v>1051</v>
      </c>
      <c r="AA46" s="993"/>
      <c r="AB46" s="993"/>
      <c r="AD46" s="471" t="s">
        <v>0</v>
      </c>
      <c r="AE46" s="470">
        <v>0</v>
      </c>
      <c r="AF46" s="149"/>
    </row>
    <row r="47" spans="2:37" s="8" customFormat="1" ht="7.5" customHeight="1" x14ac:dyDescent="0.15">
      <c r="B47" s="9"/>
      <c r="E47" s="149"/>
      <c r="G47" s="173"/>
      <c r="H47" s="172"/>
      <c r="I47" s="145"/>
      <c r="J47" s="145"/>
      <c r="K47" s="145"/>
      <c r="L47" s="145"/>
      <c r="M47" s="145"/>
      <c r="N47" s="145"/>
      <c r="O47" s="145"/>
      <c r="P47" s="145"/>
      <c r="Q47" s="145"/>
      <c r="R47" s="145"/>
      <c r="S47" s="145"/>
      <c r="T47" s="145"/>
      <c r="U47" s="145"/>
      <c r="V47" s="145"/>
      <c r="W47" s="172"/>
      <c r="X47" s="172"/>
      <c r="Y47" s="143"/>
      <c r="Z47" s="172"/>
      <c r="AA47" s="172"/>
      <c r="AB47" s="172"/>
      <c r="AC47" s="172"/>
      <c r="AD47" s="482"/>
      <c r="AE47" s="476"/>
      <c r="AF47" s="485"/>
      <c r="AH47" s="333"/>
      <c r="AI47" s="333"/>
      <c r="AJ47" s="18"/>
      <c r="AK47" s="18"/>
    </row>
    <row r="48" spans="2:37" s="8" customFormat="1" ht="21" customHeight="1" x14ac:dyDescent="0.15">
      <c r="B48" s="153"/>
      <c r="C48" s="14"/>
      <c r="D48" s="14"/>
      <c r="E48" s="238"/>
      <c r="G48" s="158" t="s">
        <v>1050</v>
      </c>
      <c r="H48" s="157"/>
      <c r="I48" s="259"/>
      <c r="J48" s="259"/>
      <c r="K48" s="259"/>
      <c r="L48" s="259"/>
      <c r="M48" s="259"/>
      <c r="N48" s="259"/>
      <c r="O48" s="259"/>
      <c r="P48" s="259"/>
      <c r="Q48" s="259"/>
      <c r="R48" s="259"/>
      <c r="S48" s="259"/>
      <c r="T48" s="259"/>
      <c r="U48" s="259"/>
      <c r="V48" s="259"/>
      <c r="W48" s="157"/>
      <c r="X48" s="157"/>
      <c r="Y48" s="194"/>
      <c r="Z48" s="194"/>
      <c r="AA48" s="194"/>
      <c r="AB48" s="157"/>
      <c r="AC48" s="157"/>
      <c r="AD48" s="478"/>
      <c r="AE48" s="474"/>
      <c r="AF48" s="149"/>
    </row>
    <row r="49" spans="2:32" s="8" customFormat="1" ht="43.5" customHeight="1" x14ac:dyDescent="0.15">
      <c r="B49" s="153"/>
      <c r="C49" s="14"/>
      <c r="D49" s="14"/>
      <c r="E49" s="238"/>
      <c r="G49" s="9"/>
      <c r="H49" s="198" t="s">
        <v>279</v>
      </c>
      <c r="I49" s="1161" t="s">
        <v>1049</v>
      </c>
      <c r="J49" s="1161"/>
      <c r="K49" s="1161"/>
      <c r="L49" s="1161"/>
      <c r="M49" s="1161"/>
      <c r="N49" s="484"/>
      <c r="O49" s="472" t="s">
        <v>174</v>
      </c>
      <c r="P49" s="1163" t="s">
        <v>275</v>
      </c>
      <c r="Q49" s="1031" t="s">
        <v>511</v>
      </c>
      <c r="R49" s="1161" t="s">
        <v>1048</v>
      </c>
      <c r="S49" s="1161"/>
      <c r="T49" s="1161"/>
      <c r="U49" s="1161"/>
      <c r="V49" s="1161"/>
      <c r="W49" s="790"/>
      <c r="X49" s="790"/>
      <c r="Y49" s="18" t="s">
        <v>275</v>
      </c>
      <c r="Z49" s="993" t="s">
        <v>1109</v>
      </c>
      <c r="AA49" s="993"/>
      <c r="AB49" s="993"/>
      <c r="AC49" s="993"/>
      <c r="AD49" s="471" t="s">
        <v>0</v>
      </c>
      <c r="AE49" s="470">
        <v>5</v>
      </c>
      <c r="AF49" s="149"/>
    </row>
    <row r="50" spans="2:32" s="8" customFormat="1" ht="30" customHeight="1" x14ac:dyDescent="0.15">
      <c r="B50" s="461"/>
      <c r="C50" s="154"/>
      <c r="D50" s="154"/>
      <c r="E50" s="196"/>
      <c r="G50" s="9"/>
      <c r="H50" s="198" t="s">
        <v>277</v>
      </c>
      <c r="I50" s="1161" t="s">
        <v>1047</v>
      </c>
      <c r="J50" s="1161"/>
      <c r="K50" s="1161"/>
      <c r="L50" s="1161"/>
      <c r="M50" s="1161"/>
      <c r="N50" s="483"/>
      <c r="O50" s="297" t="s">
        <v>174</v>
      </c>
      <c r="P50" s="1163"/>
      <c r="Q50" s="1031"/>
      <c r="R50" s="1161"/>
      <c r="S50" s="1161"/>
      <c r="T50" s="1161"/>
      <c r="U50" s="1161"/>
      <c r="V50" s="1161"/>
      <c r="W50" s="790"/>
      <c r="X50" s="790"/>
      <c r="Y50" s="18" t="s">
        <v>275</v>
      </c>
      <c r="Z50" s="993" t="s">
        <v>454</v>
      </c>
      <c r="AA50" s="993"/>
      <c r="AB50" s="993"/>
      <c r="AC50" s="993"/>
      <c r="AD50" s="471" t="s">
        <v>0</v>
      </c>
      <c r="AE50" s="470">
        <v>3</v>
      </c>
      <c r="AF50" s="149"/>
    </row>
    <row r="51" spans="2:32" s="8" customFormat="1" ht="30" customHeight="1" x14ac:dyDescent="0.15">
      <c r="B51" s="461"/>
      <c r="C51" s="154"/>
      <c r="D51" s="154"/>
      <c r="E51" s="196"/>
      <c r="G51" s="9"/>
      <c r="H51" s="198" t="s">
        <v>293</v>
      </c>
      <c r="I51" s="1170" t="s">
        <v>1045</v>
      </c>
      <c r="J51" s="1171"/>
      <c r="K51" s="1171"/>
      <c r="L51" s="1171"/>
      <c r="M51" s="1172"/>
      <c r="N51" s="484"/>
      <c r="O51" s="472" t="s">
        <v>175</v>
      </c>
      <c r="P51" s="1163"/>
      <c r="Q51" s="1031"/>
      <c r="R51" s="1161"/>
      <c r="S51" s="1161"/>
      <c r="T51" s="1161"/>
      <c r="U51" s="1161"/>
      <c r="V51" s="1161"/>
      <c r="W51" s="790"/>
      <c r="X51" s="790"/>
      <c r="Y51" s="18" t="s">
        <v>275</v>
      </c>
      <c r="Z51" s="993" t="s">
        <v>1046</v>
      </c>
      <c r="AA51" s="993"/>
      <c r="AB51" s="993"/>
      <c r="AC51" s="993"/>
      <c r="AD51" s="471" t="s">
        <v>0</v>
      </c>
      <c r="AE51" s="470">
        <v>1</v>
      </c>
      <c r="AF51" s="149"/>
    </row>
    <row r="52" spans="2:32" s="8" customFormat="1" ht="25.5" customHeight="1" x14ac:dyDescent="0.15">
      <c r="B52" s="461"/>
      <c r="C52" s="154"/>
      <c r="D52" s="154"/>
      <c r="E52" s="196"/>
      <c r="G52" s="9"/>
      <c r="H52" s="198" t="s">
        <v>513</v>
      </c>
      <c r="I52" s="1170" t="s">
        <v>1043</v>
      </c>
      <c r="J52" s="1171"/>
      <c r="K52" s="1171"/>
      <c r="L52" s="1171"/>
      <c r="M52" s="1172"/>
      <c r="N52" s="483"/>
      <c r="O52" s="297" t="s">
        <v>20</v>
      </c>
      <c r="P52" s="1163"/>
      <c r="Q52" s="1031"/>
      <c r="R52" s="1161"/>
      <c r="S52" s="1161"/>
      <c r="T52" s="1161"/>
      <c r="U52" s="1161"/>
      <c r="V52" s="1161"/>
      <c r="W52" s="790"/>
      <c r="X52" s="790"/>
      <c r="Y52" s="18"/>
      <c r="Z52" s="993" t="s">
        <v>1044</v>
      </c>
      <c r="AA52" s="993"/>
      <c r="AB52" s="993"/>
      <c r="AC52" s="1162"/>
      <c r="AD52" s="471" t="s">
        <v>0</v>
      </c>
      <c r="AE52" s="470">
        <v>0</v>
      </c>
      <c r="AF52" s="149"/>
    </row>
    <row r="53" spans="2:32" s="8" customFormat="1" ht="6.75" customHeight="1" x14ac:dyDescent="0.15">
      <c r="B53" s="461"/>
      <c r="C53" s="154"/>
      <c r="D53" s="154"/>
      <c r="E53" s="196"/>
      <c r="G53" s="173"/>
      <c r="H53" s="172"/>
      <c r="I53" s="145"/>
      <c r="J53" s="145"/>
      <c r="K53" s="145"/>
      <c r="L53" s="145"/>
      <c r="M53" s="145"/>
      <c r="N53" s="145"/>
      <c r="O53" s="145"/>
      <c r="P53" s="145"/>
      <c r="Q53" s="145"/>
      <c r="R53" s="145"/>
      <c r="S53" s="145"/>
      <c r="T53" s="145"/>
      <c r="U53" s="145"/>
      <c r="V53" s="145"/>
      <c r="W53" s="172"/>
      <c r="X53" s="172"/>
      <c r="Y53" s="143"/>
      <c r="Z53" s="143"/>
      <c r="AA53" s="143"/>
      <c r="AB53" s="172"/>
      <c r="AC53" s="172"/>
      <c r="AD53" s="482"/>
      <c r="AE53" s="476"/>
      <c r="AF53" s="149"/>
    </row>
    <row r="54" spans="2:32" s="8" customFormat="1" ht="21" customHeight="1" x14ac:dyDescent="0.15">
      <c r="B54" s="461"/>
      <c r="C54" s="154"/>
      <c r="D54" s="154"/>
      <c r="E54" s="196"/>
      <c r="G54" s="158" t="s">
        <v>1042</v>
      </c>
      <c r="H54" s="157"/>
      <c r="I54" s="259"/>
      <c r="J54" s="259"/>
      <c r="K54" s="259"/>
      <c r="L54" s="259"/>
      <c r="M54" s="259"/>
      <c r="N54" s="259"/>
      <c r="O54" s="259"/>
      <c r="P54" s="259"/>
      <c r="Q54" s="259"/>
      <c r="R54" s="259"/>
      <c r="S54" s="259"/>
      <c r="T54" s="259"/>
      <c r="U54" s="259"/>
      <c r="V54" s="259"/>
      <c r="W54" s="157"/>
      <c r="X54" s="157"/>
      <c r="Y54" s="194"/>
      <c r="Z54" s="194"/>
      <c r="AA54" s="194"/>
      <c r="AB54" s="157"/>
      <c r="AC54" s="157"/>
      <c r="AD54" s="478"/>
      <c r="AE54" s="474"/>
      <c r="AF54" s="149"/>
    </row>
    <row r="55" spans="2:32" s="8" customFormat="1" ht="30" customHeight="1" x14ac:dyDescent="0.15">
      <c r="B55" s="9"/>
      <c r="E55" s="149"/>
      <c r="G55" s="9"/>
      <c r="H55" s="198" t="s">
        <v>279</v>
      </c>
      <c r="I55" s="1161" t="s">
        <v>1041</v>
      </c>
      <c r="J55" s="1161"/>
      <c r="K55" s="1161"/>
      <c r="L55" s="1161"/>
      <c r="M55" s="1161"/>
      <c r="N55" s="473"/>
      <c r="O55" s="472" t="s">
        <v>20</v>
      </c>
      <c r="P55" s="926" t="s">
        <v>275</v>
      </c>
      <c r="Q55" s="1031" t="s">
        <v>293</v>
      </c>
      <c r="R55" s="1164" t="s">
        <v>1032</v>
      </c>
      <c r="S55" s="1165"/>
      <c r="T55" s="1165"/>
      <c r="U55" s="1165"/>
      <c r="V55" s="1166"/>
      <c r="W55" s="783"/>
      <c r="X55" s="785" t="s">
        <v>339</v>
      </c>
      <c r="Y55" s="18" t="s">
        <v>275</v>
      </c>
      <c r="Z55" s="993" t="s">
        <v>1040</v>
      </c>
      <c r="AA55" s="993"/>
      <c r="AB55" s="993"/>
      <c r="AC55" s="1162"/>
      <c r="AD55" s="471" t="s">
        <v>0</v>
      </c>
      <c r="AE55" s="470">
        <v>5</v>
      </c>
      <c r="AF55" s="149"/>
    </row>
    <row r="56" spans="2:32" s="8" customFormat="1" ht="19.5" customHeight="1" x14ac:dyDescent="0.15">
      <c r="B56" s="9"/>
      <c r="E56" s="149"/>
      <c r="G56" s="9"/>
      <c r="H56" s="1032" t="s">
        <v>277</v>
      </c>
      <c r="I56" s="1164" t="s">
        <v>1039</v>
      </c>
      <c r="J56" s="1165"/>
      <c r="K56" s="1165"/>
      <c r="L56" s="1165"/>
      <c r="M56" s="1166"/>
      <c r="N56" s="923"/>
      <c r="O56" s="925" t="s">
        <v>20</v>
      </c>
      <c r="P56" s="807"/>
      <c r="Q56" s="1031"/>
      <c r="R56" s="992"/>
      <c r="S56" s="993"/>
      <c r="T56" s="993"/>
      <c r="U56" s="993"/>
      <c r="V56" s="994"/>
      <c r="W56" s="810"/>
      <c r="X56" s="811"/>
      <c r="Y56" s="18" t="s">
        <v>275</v>
      </c>
      <c r="Z56" s="993" t="s">
        <v>1038</v>
      </c>
      <c r="AA56" s="993"/>
      <c r="AB56" s="993"/>
      <c r="AC56" s="1162"/>
      <c r="AD56" s="471" t="s">
        <v>0</v>
      </c>
      <c r="AE56" s="470">
        <v>3</v>
      </c>
      <c r="AF56" s="149"/>
    </row>
    <row r="57" spans="2:32" s="8" customFormat="1" ht="19.5" customHeight="1" x14ac:dyDescent="0.15">
      <c r="B57" s="9"/>
      <c r="E57" s="149"/>
      <c r="G57" s="9"/>
      <c r="H57" s="1032"/>
      <c r="I57" s="1167"/>
      <c r="J57" s="1168"/>
      <c r="K57" s="1168"/>
      <c r="L57" s="1168"/>
      <c r="M57" s="1169"/>
      <c r="N57" s="928"/>
      <c r="O57" s="930"/>
      <c r="P57" s="265"/>
      <c r="Q57" s="1031"/>
      <c r="R57" s="1167"/>
      <c r="S57" s="1168"/>
      <c r="T57" s="1168"/>
      <c r="U57" s="1168"/>
      <c r="V57" s="1169"/>
      <c r="W57" s="786"/>
      <c r="X57" s="788"/>
      <c r="Y57" s="18" t="s">
        <v>275</v>
      </c>
      <c r="Z57" s="993" t="s">
        <v>1037</v>
      </c>
      <c r="AA57" s="993"/>
      <c r="AB57" s="993"/>
      <c r="AC57" s="1162"/>
      <c r="AD57" s="471" t="s">
        <v>0</v>
      </c>
      <c r="AE57" s="470">
        <v>0</v>
      </c>
      <c r="AF57" s="149"/>
    </row>
    <row r="58" spans="2:32" s="8" customFormat="1" ht="7.5" customHeight="1" x14ac:dyDescent="0.15">
      <c r="B58" s="9"/>
      <c r="E58" s="149"/>
      <c r="G58" s="173"/>
      <c r="H58" s="465"/>
      <c r="I58" s="464"/>
      <c r="J58" s="464"/>
      <c r="K58" s="464"/>
      <c r="L58" s="464"/>
      <c r="M58" s="464"/>
      <c r="N58" s="145"/>
      <c r="O58" s="298"/>
      <c r="P58" s="145"/>
      <c r="Q58" s="145"/>
      <c r="R58" s="145"/>
      <c r="S58" s="145"/>
      <c r="T58" s="145"/>
      <c r="U58" s="145"/>
      <c r="V58" s="145"/>
      <c r="W58" s="172"/>
      <c r="X58" s="172"/>
      <c r="Y58" s="143"/>
      <c r="Z58" s="469"/>
      <c r="AA58" s="469"/>
      <c r="AB58" s="172"/>
      <c r="AC58" s="172"/>
      <c r="AD58" s="481"/>
      <c r="AE58" s="476"/>
      <c r="AF58" s="149"/>
    </row>
    <row r="59" spans="2:32" s="8" customFormat="1" ht="21" customHeight="1" x14ac:dyDescent="0.15">
      <c r="B59" s="153"/>
      <c r="C59" s="14"/>
      <c r="D59" s="14"/>
      <c r="E59" s="238"/>
      <c r="G59" s="158" t="s">
        <v>1036</v>
      </c>
      <c r="H59" s="480"/>
      <c r="I59" s="479"/>
      <c r="J59" s="479"/>
      <c r="K59" s="479"/>
      <c r="L59" s="479"/>
      <c r="M59" s="479"/>
      <c r="N59" s="304"/>
      <c r="O59" s="259"/>
      <c r="P59" s="259"/>
      <c r="Q59" s="259"/>
      <c r="R59" s="259"/>
      <c r="S59" s="259"/>
      <c r="T59" s="259"/>
      <c r="U59" s="259"/>
      <c r="V59" s="259"/>
      <c r="W59" s="157"/>
      <c r="X59" s="157"/>
      <c r="Y59" s="194"/>
      <c r="Z59" s="194"/>
      <c r="AA59" s="194"/>
      <c r="AB59" s="157"/>
      <c r="AC59" s="157"/>
      <c r="AD59" s="478"/>
      <c r="AE59" s="474"/>
      <c r="AF59" s="149"/>
    </row>
    <row r="60" spans="2:32" s="8" customFormat="1" ht="48.75" customHeight="1" x14ac:dyDescent="0.15">
      <c r="B60" s="153"/>
      <c r="C60" s="14"/>
      <c r="D60" s="14"/>
      <c r="E60" s="238"/>
      <c r="G60" s="9"/>
      <c r="H60" s="198" t="s">
        <v>279</v>
      </c>
      <c r="I60" s="1022" t="s">
        <v>1108</v>
      </c>
      <c r="J60" s="1022"/>
      <c r="K60" s="1022"/>
      <c r="L60" s="1022"/>
      <c r="M60" s="1022"/>
      <c r="N60" s="473"/>
      <c r="O60" s="472" t="s">
        <v>175</v>
      </c>
      <c r="P60" s="926" t="s">
        <v>275</v>
      </c>
      <c r="Q60" s="1031" t="s">
        <v>293</v>
      </c>
      <c r="R60" s="1161" t="s">
        <v>1032</v>
      </c>
      <c r="S60" s="1161"/>
      <c r="T60" s="1161"/>
      <c r="U60" s="1161"/>
      <c r="V60" s="1161"/>
      <c r="W60" s="783"/>
      <c r="X60" s="785" t="s">
        <v>339</v>
      </c>
      <c r="Y60" s="18" t="s">
        <v>275</v>
      </c>
      <c r="Z60" s="993" t="s">
        <v>947</v>
      </c>
      <c r="AA60" s="993"/>
      <c r="AB60" s="993"/>
      <c r="AC60" s="1162"/>
      <c r="AD60" s="471" t="s">
        <v>0</v>
      </c>
      <c r="AE60" s="470">
        <v>5</v>
      </c>
      <c r="AF60" s="149"/>
    </row>
    <row r="61" spans="2:32" s="8" customFormat="1" ht="19.5" customHeight="1" x14ac:dyDescent="0.15">
      <c r="B61" s="153"/>
      <c r="C61" s="14"/>
      <c r="D61" s="14"/>
      <c r="E61" s="238"/>
      <c r="G61" s="9"/>
      <c r="H61" s="1032" t="s">
        <v>277</v>
      </c>
      <c r="I61" s="1022" t="s">
        <v>1031</v>
      </c>
      <c r="J61" s="1022"/>
      <c r="K61" s="1022"/>
      <c r="L61" s="1022"/>
      <c r="M61" s="1022"/>
      <c r="N61" s="923"/>
      <c r="O61" s="925" t="s">
        <v>175</v>
      </c>
      <c r="P61" s="807"/>
      <c r="Q61" s="1031"/>
      <c r="R61" s="1161"/>
      <c r="S61" s="1161"/>
      <c r="T61" s="1161"/>
      <c r="U61" s="1161"/>
      <c r="V61" s="1161"/>
      <c r="W61" s="810"/>
      <c r="X61" s="811"/>
      <c r="Y61" s="18" t="s">
        <v>275</v>
      </c>
      <c r="Z61" s="993" t="s">
        <v>1030</v>
      </c>
      <c r="AA61" s="993"/>
      <c r="AB61" s="993"/>
      <c r="AC61" s="1162"/>
      <c r="AD61" s="471" t="s">
        <v>0</v>
      </c>
      <c r="AE61" s="470">
        <v>3</v>
      </c>
      <c r="AF61" s="149"/>
    </row>
    <row r="62" spans="2:32" s="8" customFormat="1" ht="19.5" customHeight="1" x14ac:dyDescent="0.15">
      <c r="B62" s="153"/>
      <c r="C62" s="14"/>
      <c r="D62" s="14"/>
      <c r="E62" s="238"/>
      <c r="G62" s="9"/>
      <c r="H62" s="1032"/>
      <c r="I62" s="1022"/>
      <c r="J62" s="1022"/>
      <c r="K62" s="1022"/>
      <c r="L62" s="1022"/>
      <c r="M62" s="1022"/>
      <c r="N62" s="928"/>
      <c r="O62" s="930"/>
      <c r="P62" s="265"/>
      <c r="Q62" s="1031"/>
      <c r="R62" s="1161"/>
      <c r="S62" s="1161"/>
      <c r="T62" s="1161"/>
      <c r="U62" s="1161"/>
      <c r="V62" s="1161"/>
      <c r="W62" s="786"/>
      <c r="X62" s="788"/>
      <c r="Y62" s="18" t="s">
        <v>275</v>
      </c>
      <c r="Z62" s="993" t="s">
        <v>1029</v>
      </c>
      <c r="AA62" s="993"/>
      <c r="AB62" s="993"/>
      <c r="AC62" s="1162"/>
      <c r="AD62" s="471" t="s">
        <v>0</v>
      </c>
      <c r="AE62" s="470">
        <v>0</v>
      </c>
      <c r="AF62" s="149"/>
    </row>
    <row r="63" spans="2:32" s="8" customFormat="1" ht="7.5" customHeight="1" x14ac:dyDescent="0.15">
      <c r="B63" s="153"/>
      <c r="C63" s="14"/>
      <c r="D63" s="14"/>
      <c r="E63" s="238"/>
      <c r="G63" s="173"/>
      <c r="H63" s="465"/>
      <c r="I63" s="464"/>
      <c r="J63" s="464"/>
      <c r="K63" s="464"/>
      <c r="L63" s="464"/>
      <c r="M63" s="464"/>
      <c r="N63" s="145"/>
      <c r="O63" s="298"/>
      <c r="P63" s="145"/>
      <c r="Q63" s="469"/>
      <c r="R63" s="464"/>
      <c r="S63" s="464"/>
      <c r="T63" s="464"/>
      <c r="U63" s="464"/>
      <c r="V63" s="464"/>
      <c r="W63" s="172"/>
      <c r="X63" s="143"/>
      <c r="Y63" s="172"/>
      <c r="Z63" s="172"/>
      <c r="AA63" s="172"/>
      <c r="AB63" s="172"/>
      <c r="AC63" s="172"/>
      <c r="AD63" s="477"/>
      <c r="AE63" s="476"/>
      <c r="AF63" s="149"/>
    </row>
    <row r="64" spans="2:32" s="8" customFormat="1" ht="21" customHeight="1" x14ac:dyDescent="0.15">
      <c r="B64" s="461"/>
      <c r="C64" s="154"/>
      <c r="D64" s="154"/>
      <c r="E64" s="196"/>
      <c r="G64" s="158" t="s">
        <v>1034</v>
      </c>
      <c r="H64" s="157"/>
      <c r="I64" s="259"/>
      <c r="J64" s="259"/>
      <c r="K64" s="259"/>
      <c r="L64" s="259"/>
      <c r="M64" s="259"/>
      <c r="N64" s="259"/>
      <c r="O64" s="259"/>
      <c r="P64" s="259"/>
      <c r="Q64" s="259"/>
      <c r="R64" s="259"/>
      <c r="S64" s="259"/>
      <c r="T64" s="259"/>
      <c r="U64" s="259"/>
      <c r="V64" s="259"/>
      <c r="W64" s="157"/>
      <c r="X64" s="157"/>
      <c r="Y64" s="157"/>
      <c r="Z64" s="157"/>
      <c r="AA64" s="157"/>
      <c r="AB64" s="157"/>
      <c r="AC64" s="157"/>
      <c r="AD64" s="475"/>
      <c r="AE64" s="474"/>
      <c r="AF64" s="149"/>
    </row>
    <row r="65" spans="2:32" s="8" customFormat="1" ht="48.75" customHeight="1" x14ac:dyDescent="0.15">
      <c r="B65" s="461"/>
      <c r="C65" s="154"/>
      <c r="D65" s="154"/>
      <c r="E65" s="196"/>
      <c r="G65" s="9"/>
      <c r="H65" s="198" t="s">
        <v>279</v>
      </c>
      <c r="I65" s="1022" t="s">
        <v>1033</v>
      </c>
      <c r="J65" s="1022"/>
      <c r="K65" s="1022"/>
      <c r="L65" s="1022"/>
      <c r="M65" s="1022"/>
      <c r="N65" s="473"/>
      <c r="O65" s="472" t="s">
        <v>175</v>
      </c>
      <c r="P65" s="1163" t="s">
        <v>275</v>
      </c>
      <c r="Q65" s="1031" t="s">
        <v>293</v>
      </c>
      <c r="R65" s="1161" t="s">
        <v>1032</v>
      </c>
      <c r="S65" s="1161"/>
      <c r="T65" s="1161"/>
      <c r="U65" s="1161"/>
      <c r="V65" s="1161"/>
      <c r="W65" s="783"/>
      <c r="X65" s="785" t="s">
        <v>339</v>
      </c>
      <c r="Y65" s="18" t="s">
        <v>275</v>
      </c>
      <c r="Z65" s="993" t="s">
        <v>947</v>
      </c>
      <c r="AA65" s="993"/>
      <c r="AB65" s="993"/>
      <c r="AC65" s="1162"/>
      <c r="AD65" s="471" t="s">
        <v>0</v>
      </c>
      <c r="AE65" s="470">
        <v>5</v>
      </c>
      <c r="AF65" s="149"/>
    </row>
    <row r="66" spans="2:32" s="8" customFormat="1" ht="19.5" customHeight="1" x14ac:dyDescent="0.15">
      <c r="B66" s="461"/>
      <c r="C66" s="154"/>
      <c r="D66" s="154"/>
      <c r="E66" s="196"/>
      <c r="G66" s="9"/>
      <c r="H66" s="1032" t="s">
        <v>277</v>
      </c>
      <c r="I66" s="1022" t="s">
        <v>1031</v>
      </c>
      <c r="J66" s="1022"/>
      <c r="K66" s="1022"/>
      <c r="L66" s="1022"/>
      <c r="M66" s="1022"/>
      <c r="N66" s="923"/>
      <c r="O66" s="925" t="s">
        <v>175</v>
      </c>
      <c r="P66" s="927"/>
      <c r="Q66" s="1031"/>
      <c r="R66" s="1161"/>
      <c r="S66" s="1161"/>
      <c r="T66" s="1161"/>
      <c r="U66" s="1161"/>
      <c r="V66" s="1161"/>
      <c r="W66" s="810"/>
      <c r="X66" s="811"/>
      <c r="Y66" s="151" t="s">
        <v>275</v>
      </c>
      <c r="Z66" s="993" t="s">
        <v>1030</v>
      </c>
      <c r="AA66" s="993"/>
      <c r="AB66" s="993"/>
      <c r="AC66" s="1162"/>
      <c r="AD66" s="471" t="s">
        <v>0</v>
      </c>
      <c r="AE66" s="470">
        <v>3</v>
      </c>
      <c r="AF66" s="149"/>
    </row>
    <row r="67" spans="2:32" s="8" customFormat="1" ht="19.5" customHeight="1" x14ac:dyDescent="0.15">
      <c r="B67" s="461"/>
      <c r="C67" s="154"/>
      <c r="D67" s="154"/>
      <c r="E67" s="196"/>
      <c r="G67" s="9"/>
      <c r="H67" s="1032"/>
      <c r="I67" s="1022"/>
      <c r="J67" s="1022"/>
      <c r="K67" s="1022"/>
      <c r="L67" s="1022"/>
      <c r="M67" s="1022"/>
      <c r="N67" s="928"/>
      <c r="O67" s="930"/>
      <c r="P67" s="265"/>
      <c r="Q67" s="1031"/>
      <c r="R67" s="1161"/>
      <c r="S67" s="1161"/>
      <c r="T67" s="1161"/>
      <c r="U67" s="1161"/>
      <c r="V67" s="1161"/>
      <c r="W67" s="786"/>
      <c r="X67" s="788"/>
      <c r="Y67" s="151" t="s">
        <v>275</v>
      </c>
      <c r="Z67" s="993" t="s">
        <v>1029</v>
      </c>
      <c r="AA67" s="993"/>
      <c r="AB67" s="993"/>
      <c r="AC67" s="1162"/>
      <c r="AD67" s="471" t="s">
        <v>0</v>
      </c>
      <c r="AE67" s="470">
        <v>0</v>
      </c>
      <c r="AF67" s="149"/>
    </row>
    <row r="68" spans="2:32" s="8" customFormat="1" ht="7.5" customHeight="1" thickBot="1" x14ac:dyDescent="0.2">
      <c r="B68" s="461"/>
      <c r="C68" s="154"/>
      <c r="D68" s="154"/>
      <c r="E68" s="196"/>
      <c r="G68" s="173"/>
      <c r="H68" s="465"/>
      <c r="I68" s="464"/>
      <c r="J68" s="464"/>
      <c r="K68" s="464"/>
      <c r="L68" s="464"/>
      <c r="M68" s="464"/>
      <c r="N68" s="172"/>
      <c r="O68" s="143"/>
      <c r="P68" s="172"/>
      <c r="Q68" s="465"/>
      <c r="R68" s="464"/>
      <c r="S68" s="464"/>
      <c r="T68" s="464"/>
      <c r="U68" s="464"/>
      <c r="V68" s="464"/>
      <c r="W68" s="143"/>
      <c r="X68" s="143"/>
      <c r="Y68" s="143"/>
      <c r="Z68" s="469"/>
      <c r="AA68" s="469"/>
      <c r="AB68" s="172"/>
      <c r="AC68" s="172"/>
      <c r="AD68" s="468"/>
      <c r="AE68" s="467"/>
      <c r="AF68" s="149"/>
    </row>
    <row r="69" spans="2:32" s="8" customFormat="1" ht="24.75" customHeight="1" thickBot="1" x14ac:dyDescent="0.2">
      <c r="B69" s="461"/>
      <c r="C69" s="154"/>
      <c r="D69" s="154"/>
      <c r="E69" s="196"/>
      <c r="H69" s="249"/>
      <c r="I69" s="333"/>
      <c r="J69" s="333"/>
      <c r="K69" s="333"/>
      <c r="L69" s="333"/>
      <c r="M69" s="333"/>
      <c r="O69" s="18"/>
      <c r="Q69" s="249"/>
      <c r="R69" s="333"/>
      <c r="S69" s="333"/>
      <c r="T69" s="333"/>
      <c r="U69" s="333"/>
      <c r="V69" s="333"/>
      <c r="W69" s="18"/>
      <c r="X69" s="18"/>
      <c r="Y69" s="18"/>
      <c r="Z69" s="466"/>
      <c r="AA69" s="466"/>
      <c r="AB69" s="143"/>
      <c r="AC69" s="143"/>
      <c r="AD69" s="1156" t="s">
        <v>284</v>
      </c>
      <c r="AE69" s="1156"/>
      <c r="AF69" s="149"/>
    </row>
    <row r="70" spans="2:32" s="8" customFormat="1" ht="15" customHeight="1" x14ac:dyDescent="0.15">
      <c r="B70" s="9"/>
      <c r="E70" s="149"/>
      <c r="I70" s="790" t="s">
        <v>1028</v>
      </c>
      <c r="J70" s="790"/>
      <c r="K70" s="790"/>
      <c r="L70" s="790"/>
      <c r="M70" s="790"/>
      <c r="N70" s="790"/>
      <c r="O70" s="790"/>
      <c r="P70" s="790"/>
      <c r="Q70" s="790"/>
      <c r="R70" s="790"/>
      <c r="S70" s="790"/>
      <c r="T70" s="790"/>
      <c r="U70" s="790"/>
      <c r="V70" s="790"/>
      <c r="W70" s="790"/>
      <c r="X70" s="790"/>
      <c r="Y70" s="790"/>
      <c r="Z70" s="790"/>
      <c r="AA70" s="790"/>
      <c r="AB70" s="790" t="s">
        <v>173</v>
      </c>
      <c r="AC70" s="780"/>
      <c r="AD70" s="1157"/>
      <c r="AE70" s="1158"/>
      <c r="AF70" s="149"/>
    </row>
    <row r="71" spans="2:32" s="8" customFormat="1" ht="15" customHeight="1" thickBot="1" x14ac:dyDescent="0.2">
      <c r="B71" s="9"/>
      <c r="E71" s="149"/>
      <c r="H71" s="249"/>
      <c r="I71" s="790"/>
      <c r="J71" s="790"/>
      <c r="K71" s="790"/>
      <c r="L71" s="790"/>
      <c r="M71" s="790"/>
      <c r="N71" s="790"/>
      <c r="O71" s="790"/>
      <c r="P71" s="790"/>
      <c r="Q71" s="790"/>
      <c r="R71" s="790"/>
      <c r="S71" s="790"/>
      <c r="T71" s="790"/>
      <c r="U71" s="790"/>
      <c r="V71" s="790"/>
      <c r="W71" s="790"/>
      <c r="X71" s="790"/>
      <c r="Y71" s="790"/>
      <c r="Z71" s="790"/>
      <c r="AA71" s="790"/>
      <c r="AB71" s="790"/>
      <c r="AC71" s="780"/>
      <c r="AD71" s="1159"/>
      <c r="AE71" s="1160"/>
      <c r="AF71" s="149"/>
    </row>
    <row r="72" spans="2:32" s="8" customFormat="1" ht="7.5" customHeight="1" x14ac:dyDescent="0.15">
      <c r="B72" s="173"/>
      <c r="C72" s="172"/>
      <c r="D72" s="172"/>
      <c r="E72" s="171"/>
      <c r="F72" s="172"/>
      <c r="G72" s="172"/>
      <c r="H72" s="465"/>
      <c r="I72" s="465"/>
      <c r="J72" s="465"/>
      <c r="K72" s="172"/>
      <c r="L72" s="464"/>
      <c r="M72" s="464"/>
      <c r="N72" s="143"/>
      <c r="O72" s="143"/>
      <c r="P72" s="143"/>
      <c r="Q72" s="143"/>
      <c r="R72" s="143"/>
      <c r="S72" s="143"/>
      <c r="T72" s="143"/>
      <c r="U72" s="143"/>
      <c r="V72" s="143"/>
      <c r="W72" s="143"/>
      <c r="X72" s="143"/>
      <c r="Y72" s="143"/>
      <c r="Z72" s="143"/>
      <c r="AA72" s="143"/>
      <c r="AB72" s="143"/>
      <c r="AC72" s="143"/>
      <c r="AD72" s="463"/>
      <c r="AE72" s="143"/>
      <c r="AF72" s="171"/>
    </row>
    <row r="73" spans="2:32" s="8" customFormat="1" ht="5.25" customHeight="1" x14ac:dyDescent="0.15"/>
    <row r="74" spans="2:32" s="8" customFormat="1" ht="22.5" customHeight="1" x14ac:dyDescent="0.15">
      <c r="B74" s="158" t="s">
        <v>1027</v>
      </c>
      <c r="C74" s="157"/>
      <c r="D74" s="157"/>
      <c r="E74" s="157"/>
      <c r="F74" s="157"/>
      <c r="G74" s="157"/>
      <c r="H74" s="157"/>
      <c r="I74" s="157"/>
      <c r="J74" s="157"/>
      <c r="K74" s="157"/>
      <c r="L74" s="157"/>
      <c r="M74" s="157"/>
      <c r="N74" s="157"/>
      <c r="O74" s="157"/>
      <c r="P74" s="157"/>
      <c r="Q74" s="157"/>
      <c r="R74" s="157"/>
      <c r="S74" s="157"/>
      <c r="T74" s="157"/>
      <c r="U74" s="157"/>
      <c r="V74" s="157"/>
      <c r="W74" s="157"/>
      <c r="X74" s="157"/>
      <c r="Y74" s="157"/>
      <c r="Z74" s="157"/>
      <c r="AA74" s="157"/>
      <c r="AB74" s="157"/>
      <c r="AC74" s="157"/>
      <c r="AD74" s="157"/>
      <c r="AE74" s="157"/>
      <c r="AF74" s="156"/>
    </row>
    <row r="75" spans="2:32" s="8" customFormat="1" ht="7.5" customHeight="1" x14ac:dyDescent="0.15">
      <c r="B75" s="9"/>
      <c r="C75" s="158"/>
      <c r="D75" s="157"/>
      <c r="E75" s="157"/>
      <c r="F75" s="156"/>
      <c r="G75" s="157"/>
      <c r="H75" s="157"/>
      <c r="I75" s="157"/>
      <c r="J75" s="157"/>
      <c r="K75" s="157"/>
      <c r="L75" s="157"/>
      <c r="M75" s="157"/>
      <c r="N75" s="157"/>
      <c r="O75" s="157"/>
      <c r="P75" s="157"/>
      <c r="Q75" s="157"/>
      <c r="R75" s="157"/>
      <c r="S75" s="157"/>
      <c r="T75" s="157"/>
      <c r="U75" s="157"/>
      <c r="V75" s="157"/>
      <c r="W75" s="157"/>
      <c r="X75" s="157"/>
      <c r="Y75" s="157"/>
      <c r="Z75" s="157"/>
      <c r="AA75" s="157"/>
      <c r="AB75" s="157"/>
      <c r="AC75" s="158"/>
      <c r="AD75" s="157"/>
      <c r="AE75" s="156"/>
      <c r="AF75" s="149"/>
    </row>
    <row r="76" spans="2:32" s="8" customFormat="1" x14ac:dyDescent="0.15">
      <c r="B76" s="9"/>
      <c r="C76" s="9"/>
      <c r="F76" s="149"/>
      <c r="J76" s="172"/>
      <c r="K76" s="172"/>
      <c r="L76" s="172"/>
      <c r="M76" s="172"/>
      <c r="N76" s="172"/>
      <c r="O76" s="172"/>
      <c r="P76" s="172"/>
      <c r="Q76" s="172"/>
      <c r="R76" s="172"/>
      <c r="S76" s="172"/>
      <c r="T76" s="172"/>
      <c r="U76" s="172"/>
      <c r="V76" s="172"/>
      <c r="W76" s="172"/>
      <c r="X76" s="172"/>
      <c r="Y76" s="172"/>
      <c r="Z76" s="172"/>
      <c r="AA76" s="172"/>
      <c r="AC76" s="340" t="s">
        <v>227</v>
      </c>
      <c r="AD76" s="152" t="s">
        <v>217</v>
      </c>
      <c r="AE76" s="339" t="s">
        <v>226</v>
      </c>
      <c r="AF76" s="149"/>
    </row>
    <row r="77" spans="2:32" s="8" customFormat="1" ht="27" customHeight="1" x14ac:dyDescent="0.15">
      <c r="B77" s="9"/>
      <c r="C77" s="822" t="s">
        <v>1026</v>
      </c>
      <c r="D77" s="789"/>
      <c r="E77" s="789"/>
      <c r="F77" s="805"/>
      <c r="G77" s="14"/>
      <c r="H77" s="14"/>
      <c r="J77" s="198" t="s">
        <v>279</v>
      </c>
      <c r="K77" s="1155" t="s">
        <v>1025</v>
      </c>
      <c r="L77" s="1155"/>
      <c r="M77" s="1155"/>
      <c r="N77" s="1155"/>
      <c r="O77" s="1155"/>
      <c r="P77" s="1155"/>
      <c r="Q77" s="1155"/>
      <c r="R77" s="1155"/>
      <c r="S77" s="1155"/>
      <c r="T77" s="1155"/>
      <c r="U77" s="1155"/>
      <c r="V77" s="1155"/>
      <c r="W77" s="1155"/>
      <c r="X77" s="1155"/>
      <c r="Y77" s="1155"/>
      <c r="Z77" s="1155"/>
      <c r="AA77" s="1155"/>
      <c r="AB77" s="459"/>
      <c r="AC77" s="291" t="s">
        <v>0</v>
      </c>
      <c r="AD77" s="178" t="s">
        <v>217</v>
      </c>
      <c r="AE77" s="338" t="s">
        <v>0</v>
      </c>
      <c r="AF77" s="149"/>
    </row>
    <row r="78" spans="2:32" s="8" customFormat="1" ht="27" customHeight="1" x14ac:dyDescent="0.15">
      <c r="B78" s="9"/>
      <c r="C78" s="461"/>
      <c r="D78" s="154"/>
      <c r="E78" s="154"/>
      <c r="F78" s="196"/>
      <c r="G78" s="14"/>
      <c r="H78" s="14"/>
      <c r="J78" s="198" t="s">
        <v>277</v>
      </c>
      <c r="K78" s="1155" t="s">
        <v>1022</v>
      </c>
      <c r="L78" s="1155"/>
      <c r="M78" s="1155"/>
      <c r="N78" s="1155"/>
      <c r="O78" s="1155"/>
      <c r="P78" s="1155"/>
      <c r="Q78" s="1155"/>
      <c r="R78" s="1155"/>
      <c r="S78" s="1155"/>
      <c r="T78" s="1155"/>
      <c r="U78" s="1155"/>
      <c r="V78" s="1155"/>
      <c r="W78" s="1155"/>
      <c r="X78" s="1155"/>
      <c r="Y78" s="1155"/>
      <c r="Z78" s="1155"/>
      <c r="AA78" s="1155"/>
      <c r="AB78" s="460"/>
      <c r="AC78" s="291" t="s">
        <v>0</v>
      </c>
      <c r="AD78" s="178" t="s">
        <v>217</v>
      </c>
      <c r="AE78" s="338" t="s">
        <v>0</v>
      </c>
      <c r="AF78" s="150"/>
    </row>
    <row r="79" spans="2:32" s="8" customFormat="1" ht="27" customHeight="1" x14ac:dyDescent="0.15">
      <c r="B79" s="9"/>
      <c r="C79" s="461"/>
      <c r="D79" s="154"/>
      <c r="E79" s="154"/>
      <c r="F79" s="196"/>
      <c r="G79" s="14"/>
      <c r="H79" s="14"/>
      <c r="J79" s="198" t="s">
        <v>293</v>
      </c>
      <c r="K79" s="1155" t="s">
        <v>1021</v>
      </c>
      <c r="L79" s="1155"/>
      <c r="M79" s="1155"/>
      <c r="N79" s="1155"/>
      <c r="O79" s="1155"/>
      <c r="P79" s="1155"/>
      <c r="Q79" s="1155"/>
      <c r="R79" s="1155"/>
      <c r="S79" s="1155"/>
      <c r="T79" s="1155"/>
      <c r="U79" s="1155"/>
      <c r="V79" s="1155"/>
      <c r="W79" s="1155"/>
      <c r="X79" s="1155"/>
      <c r="Y79" s="1155"/>
      <c r="Z79" s="1155"/>
      <c r="AA79" s="1155"/>
      <c r="AB79" s="460"/>
      <c r="AC79" s="291" t="s">
        <v>0</v>
      </c>
      <c r="AD79" s="178" t="s">
        <v>217</v>
      </c>
      <c r="AE79" s="338" t="s">
        <v>0</v>
      </c>
      <c r="AF79" s="150"/>
    </row>
    <row r="80" spans="2:32" s="8" customFormat="1" ht="27" customHeight="1" x14ac:dyDescent="0.15">
      <c r="B80" s="9"/>
      <c r="C80" s="461"/>
      <c r="D80" s="154"/>
      <c r="E80" s="154"/>
      <c r="F80" s="196"/>
      <c r="G80" s="14"/>
      <c r="H80" s="14"/>
      <c r="J80" s="198" t="s">
        <v>513</v>
      </c>
      <c r="K80" s="1155" t="s">
        <v>1107</v>
      </c>
      <c r="L80" s="1155"/>
      <c r="M80" s="1155"/>
      <c r="N80" s="1155"/>
      <c r="O80" s="1155"/>
      <c r="P80" s="1155"/>
      <c r="Q80" s="1155"/>
      <c r="R80" s="1155"/>
      <c r="S80" s="1155"/>
      <c r="T80" s="1155"/>
      <c r="U80" s="1155"/>
      <c r="V80" s="1155"/>
      <c r="W80" s="1155"/>
      <c r="X80" s="1155"/>
      <c r="Y80" s="1155"/>
      <c r="Z80" s="1155"/>
      <c r="AA80" s="1155"/>
      <c r="AB80" s="460"/>
      <c r="AC80" s="291" t="s">
        <v>0</v>
      </c>
      <c r="AD80" s="178" t="s">
        <v>217</v>
      </c>
      <c r="AE80" s="338" t="s">
        <v>0</v>
      </c>
      <c r="AF80" s="150"/>
    </row>
    <row r="81" spans="2:32" s="8" customFormat="1" ht="11.25" customHeight="1" x14ac:dyDescent="0.15">
      <c r="B81" s="9"/>
      <c r="C81" s="173"/>
      <c r="D81" s="172"/>
      <c r="E81" s="172"/>
      <c r="F81" s="171"/>
      <c r="G81" s="172"/>
      <c r="H81" s="172"/>
      <c r="I81" s="172"/>
      <c r="J81" s="172"/>
      <c r="K81" s="172"/>
      <c r="L81" s="172"/>
      <c r="M81" s="172"/>
      <c r="N81" s="172"/>
      <c r="O81" s="172"/>
      <c r="P81" s="172"/>
      <c r="Q81" s="172"/>
      <c r="R81" s="172"/>
      <c r="S81" s="172"/>
      <c r="T81" s="172"/>
      <c r="U81" s="172"/>
      <c r="V81" s="172"/>
      <c r="W81" s="172"/>
      <c r="X81" s="172"/>
      <c r="Y81" s="172"/>
      <c r="Z81" s="172"/>
      <c r="AA81" s="172"/>
      <c r="AB81" s="172"/>
      <c r="AC81" s="173"/>
      <c r="AD81" s="172"/>
      <c r="AE81" s="171"/>
      <c r="AF81" s="149"/>
    </row>
    <row r="82" spans="2:32" s="8" customFormat="1" ht="7.5" customHeight="1" x14ac:dyDescent="0.15">
      <c r="B82" s="9"/>
      <c r="C82" s="158"/>
      <c r="D82" s="157"/>
      <c r="E82" s="157"/>
      <c r="F82" s="156"/>
      <c r="G82" s="157"/>
      <c r="H82" s="157"/>
      <c r="I82" s="157"/>
      <c r="J82" s="157"/>
      <c r="K82" s="157"/>
      <c r="L82" s="157"/>
      <c r="M82" s="157"/>
      <c r="N82" s="157"/>
      <c r="O82" s="157"/>
      <c r="P82" s="157"/>
      <c r="Q82" s="157"/>
      <c r="R82" s="157"/>
      <c r="S82" s="157"/>
      <c r="T82" s="157"/>
      <c r="U82" s="157"/>
      <c r="V82" s="157"/>
      <c r="W82" s="157"/>
      <c r="X82" s="157"/>
      <c r="Y82" s="157"/>
      <c r="Z82" s="157"/>
      <c r="AA82" s="157"/>
      <c r="AB82" s="157"/>
      <c r="AC82" s="158"/>
      <c r="AD82" s="157"/>
      <c r="AE82" s="156"/>
      <c r="AF82" s="149"/>
    </row>
    <row r="83" spans="2:32" s="8" customFormat="1" x14ac:dyDescent="0.15">
      <c r="B83" s="9"/>
      <c r="C83" s="9"/>
      <c r="F83" s="149"/>
      <c r="J83" s="172"/>
      <c r="K83" s="172"/>
      <c r="L83" s="172"/>
      <c r="M83" s="172"/>
      <c r="N83" s="172"/>
      <c r="O83" s="172"/>
      <c r="P83" s="172"/>
      <c r="Q83" s="172"/>
      <c r="R83" s="172"/>
      <c r="S83" s="172"/>
      <c r="T83" s="172"/>
      <c r="U83" s="172"/>
      <c r="V83" s="172"/>
      <c r="W83" s="172"/>
      <c r="X83" s="172"/>
      <c r="Y83" s="172"/>
      <c r="Z83" s="172"/>
      <c r="AA83" s="172"/>
      <c r="AC83" s="340" t="s">
        <v>227</v>
      </c>
      <c r="AD83" s="152" t="s">
        <v>217</v>
      </c>
      <c r="AE83" s="339" t="s">
        <v>226</v>
      </c>
      <c r="AF83" s="149"/>
    </row>
    <row r="84" spans="2:32" s="8" customFormat="1" ht="24.75" customHeight="1" x14ac:dyDescent="0.15">
      <c r="B84" s="9"/>
      <c r="C84" s="822" t="s">
        <v>1024</v>
      </c>
      <c r="D84" s="789"/>
      <c r="E84" s="789"/>
      <c r="F84" s="805"/>
      <c r="G84" s="14"/>
      <c r="H84" s="14"/>
      <c r="J84" s="198" t="s">
        <v>279</v>
      </c>
      <c r="K84" s="1155" t="s">
        <v>1023</v>
      </c>
      <c r="L84" s="1155"/>
      <c r="M84" s="1155"/>
      <c r="N84" s="1155"/>
      <c r="O84" s="1155"/>
      <c r="P84" s="1155"/>
      <c r="Q84" s="1155"/>
      <c r="R84" s="1155"/>
      <c r="S84" s="1155"/>
      <c r="T84" s="1155"/>
      <c r="U84" s="1155"/>
      <c r="V84" s="1155"/>
      <c r="W84" s="1155"/>
      <c r="X84" s="1155"/>
      <c r="Y84" s="1155"/>
      <c r="Z84" s="1155"/>
      <c r="AA84" s="1155"/>
      <c r="AB84" s="459"/>
      <c r="AC84" s="291" t="s">
        <v>0</v>
      </c>
      <c r="AD84" s="178" t="s">
        <v>217</v>
      </c>
      <c r="AE84" s="338" t="s">
        <v>0</v>
      </c>
      <c r="AF84" s="149"/>
    </row>
    <row r="85" spans="2:32" s="8" customFormat="1" ht="24.75" customHeight="1" x14ac:dyDescent="0.15">
      <c r="B85" s="9"/>
      <c r="C85" s="153"/>
      <c r="D85" s="14"/>
      <c r="E85" s="14"/>
      <c r="F85" s="238"/>
      <c r="G85" s="14"/>
      <c r="H85" s="14"/>
      <c r="J85" s="198" t="s">
        <v>277</v>
      </c>
      <c r="K85" s="1155" t="s">
        <v>1022</v>
      </c>
      <c r="L85" s="1155"/>
      <c r="M85" s="1155"/>
      <c r="N85" s="1155"/>
      <c r="O85" s="1155"/>
      <c r="P85" s="1155"/>
      <c r="Q85" s="1155"/>
      <c r="R85" s="1155"/>
      <c r="S85" s="1155"/>
      <c r="T85" s="1155"/>
      <c r="U85" s="1155"/>
      <c r="V85" s="1155"/>
      <c r="W85" s="1155"/>
      <c r="X85" s="1155"/>
      <c r="Y85" s="1155"/>
      <c r="Z85" s="1155"/>
      <c r="AA85" s="1155"/>
      <c r="AB85" s="460"/>
      <c r="AC85" s="291" t="s">
        <v>0</v>
      </c>
      <c r="AD85" s="178" t="s">
        <v>217</v>
      </c>
      <c r="AE85" s="338" t="s">
        <v>0</v>
      </c>
      <c r="AF85" s="149"/>
    </row>
    <row r="86" spans="2:32" s="8" customFormat="1" ht="24.75" customHeight="1" x14ac:dyDescent="0.15">
      <c r="B86" s="9"/>
      <c r="C86" s="153"/>
      <c r="D86" s="14"/>
      <c r="E86" s="14"/>
      <c r="F86" s="238"/>
      <c r="G86" s="14"/>
      <c r="H86" s="14"/>
      <c r="J86" s="198" t="s">
        <v>293</v>
      </c>
      <c r="K86" s="1155" t="s">
        <v>1021</v>
      </c>
      <c r="L86" s="1155"/>
      <c r="M86" s="1155"/>
      <c r="N86" s="1155"/>
      <c r="O86" s="1155"/>
      <c r="P86" s="1155"/>
      <c r="Q86" s="1155"/>
      <c r="R86" s="1155"/>
      <c r="S86" s="1155"/>
      <c r="T86" s="1155"/>
      <c r="U86" s="1155"/>
      <c r="V86" s="1155"/>
      <c r="W86" s="1155"/>
      <c r="X86" s="1155"/>
      <c r="Y86" s="1155"/>
      <c r="Z86" s="1155"/>
      <c r="AA86" s="1155"/>
      <c r="AB86" s="460"/>
      <c r="AC86" s="291" t="s">
        <v>0</v>
      </c>
      <c r="AD86" s="178" t="s">
        <v>217</v>
      </c>
      <c r="AE86" s="338" t="s">
        <v>0</v>
      </c>
      <c r="AF86" s="149"/>
    </row>
    <row r="87" spans="2:32" s="8" customFormat="1" ht="27" customHeight="1" x14ac:dyDescent="0.15">
      <c r="B87" s="9"/>
      <c r="C87" s="461"/>
      <c r="D87" s="154"/>
      <c r="E87" s="154"/>
      <c r="F87" s="196"/>
      <c r="G87" s="14"/>
      <c r="H87" s="14"/>
      <c r="J87" s="198" t="s">
        <v>513</v>
      </c>
      <c r="K87" s="1155" t="s">
        <v>1107</v>
      </c>
      <c r="L87" s="1155"/>
      <c r="M87" s="1155"/>
      <c r="N87" s="1155"/>
      <c r="O87" s="1155"/>
      <c r="P87" s="1155"/>
      <c r="Q87" s="1155"/>
      <c r="R87" s="1155"/>
      <c r="S87" s="1155"/>
      <c r="T87" s="1155"/>
      <c r="U87" s="1155"/>
      <c r="V87" s="1155"/>
      <c r="W87" s="1155"/>
      <c r="X87" s="1155"/>
      <c r="Y87" s="1155"/>
      <c r="Z87" s="1155"/>
      <c r="AA87" s="1155"/>
      <c r="AB87" s="460"/>
      <c r="AC87" s="291" t="s">
        <v>0</v>
      </c>
      <c r="AD87" s="178" t="s">
        <v>217</v>
      </c>
      <c r="AE87" s="338" t="s">
        <v>0</v>
      </c>
      <c r="AF87" s="150"/>
    </row>
    <row r="88" spans="2:32" s="8" customFormat="1" ht="24.75" customHeight="1" x14ac:dyDescent="0.15">
      <c r="B88" s="9"/>
      <c r="C88" s="153"/>
      <c r="D88" s="14"/>
      <c r="E88" s="14"/>
      <c r="F88" s="238"/>
      <c r="G88" s="14"/>
      <c r="H88" s="14"/>
      <c r="J88" s="198" t="s">
        <v>511</v>
      </c>
      <c r="K88" s="1155" t="s">
        <v>1014</v>
      </c>
      <c r="L88" s="1155"/>
      <c r="M88" s="1155"/>
      <c r="N88" s="1155"/>
      <c r="O88" s="1155"/>
      <c r="P88" s="1155"/>
      <c r="Q88" s="1155"/>
      <c r="R88" s="1155"/>
      <c r="S88" s="1155"/>
      <c r="T88" s="1155"/>
      <c r="U88" s="1155"/>
      <c r="V88" s="1155"/>
      <c r="W88" s="1155"/>
      <c r="X88" s="1155"/>
      <c r="Y88" s="1155"/>
      <c r="Z88" s="1155"/>
      <c r="AA88" s="1155"/>
      <c r="AB88" s="460"/>
      <c r="AC88" s="291" t="s">
        <v>0</v>
      </c>
      <c r="AD88" s="178" t="s">
        <v>217</v>
      </c>
      <c r="AE88" s="338" t="s">
        <v>0</v>
      </c>
      <c r="AF88" s="149"/>
    </row>
    <row r="89" spans="2:32" s="8" customFormat="1" ht="24.75" customHeight="1" x14ac:dyDescent="0.15">
      <c r="B89" s="9"/>
      <c r="C89" s="153"/>
      <c r="D89" s="14"/>
      <c r="E89" s="14"/>
      <c r="F89" s="238"/>
      <c r="G89" s="14"/>
      <c r="H89" s="14"/>
      <c r="J89" s="198" t="s">
        <v>509</v>
      </c>
      <c r="K89" s="1155" t="s">
        <v>1019</v>
      </c>
      <c r="L89" s="1155"/>
      <c r="M89" s="1155"/>
      <c r="N89" s="1155"/>
      <c r="O89" s="1155"/>
      <c r="P89" s="1155"/>
      <c r="Q89" s="1155"/>
      <c r="R89" s="1155"/>
      <c r="S89" s="1155"/>
      <c r="T89" s="1155"/>
      <c r="U89" s="1155"/>
      <c r="V89" s="1155"/>
      <c r="W89" s="1155"/>
      <c r="X89" s="1155"/>
      <c r="Y89" s="1155"/>
      <c r="Z89" s="1155"/>
      <c r="AA89" s="1155"/>
      <c r="AB89" s="460"/>
      <c r="AC89" s="291" t="s">
        <v>0</v>
      </c>
      <c r="AD89" s="178" t="s">
        <v>217</v>
      </c>
      <c r="AE89" s="338" t="s">
        <v>0</v>
      </c>
      <c r="AF89" s="149"/>
    </row>
    <row r="90" spans="2:32" s="8" customFormat="1" ht="7.5" customHeight="1" x14ac:dyDescent="0.15">
      <c r="B90" s="9"/>
      <c r="C90" s="173"/>
      <c r="D90" s="172"/>
      <c r="E90" s="172"/>
      <c r="F90" s="171"/>
      <c r="G90" s="172"/>
      <c r="H90" s="172"/>
      <c r="I90" s="172"/>
      <c r="J90" s="172"/>
      <c r="K90" s="172"/>
      <c r="L90" s="172"/>
      <c r="M90" s="172"/>
      <c r="N90" s="172"/>
      <c r="O90" s="172"/>
      <c r="P90" s="172"/>
      <c r="Q90" s="172"/>
      <c r="R90" s="172"/>
      <c r="S90" s="172"/>
      <c r="T90" s="172"/>
      <c r="U90" s="172"/>
      <c r="V90" s="172"/>
      <c r="W90" s="172"/>
      <c r="X90" s="172"/>
      <c r="Y90" s="172"/>
      <c r="Z90" s="172"/>
      <c r="AA90" s="172"/>
      <c r="AB90" s="172"/>
      <c r="AC90" s="173"/>
      <c r="AD90" s="172"/>
      <c r="AE90" s="171"/>
      <c r="AF90" s="149"/>
    </row>
    <row r="91" spans="2:32" s="8" customFormat="1" ht="15" customHeight="1" x14ac:dyDescent="0.15">
      <c r="B91" s="9"/>
      <c r="H91" s="249"/>
      <c r="I91" s="249"/>
      <c r="J91" s="249"/>
      <c r="L91" s="333"/>
      <c r="M91" s="333"/>
      <c r="N91" s="18"/>
      <c r="O91" s="18"/>
      <c r="P91" s="18"/>
      <c r="Q91" s="18"/>
      <c r="R91" s="18"/>
      <c r="S91" s="18"/>
      <c r="T91" s="18"/>
      <c r="U91" s="18"/>
      <c r="V91" s="18"/>
      <c r="W91" s="18"/>
      <c r="X91" s="18"/>
      <c r="Y91" s="18"/>
      <c r="Z91" s="18"/>
      <c r="AA91" s="18"/>
      <c r="AB91" s="18"/>
      <c r="AC91" s="18"/>
      <c r="AD91" s="462"/>
      <c r="AE91" s="18"/>
      <c r="AF91" s="149"/>
    </row>
    <row r="92" spans="2:32" s="8" customFormat="1" ht="22.5" customHeight="1" x14ac:dyDescent="0.15">
      <c r="B92" s="9" t="s">
        <v>1018</v>
      </c>
      <c r="AF92" s="149"/>
    </row>
    <row r="93" spans="2:32" s="8" customFormat="1" ht="7.5" customHeight="1" x14ac:dyDescent="0.15">
      <c r="B93" s="9"/>
      <c r="C93" s="158"/>
      <c r="D93" s="157"/>
      <c r="E93" s="157"/>
      <c r="F93" s="156"/>
      <c r="G93" s="157"/>
      <c r="H93" s="157"/>
      <c r="I93" s="157"/>
      <c r="J93" s="157"/>
      <c r="K93" s="157"/>
      <c r="L93" s="157"/>
      <c r="M93" s="157"/>
      <c r="N93" s="157"/>
      <c r="O93" s="157"/>
      <c r="P93" s="157"/>
      <c r="Q93" s="157"/>
      <c r="R93" s="157"/>
      <c r="S93" s="157"/>
      <c r="T93" s="157"/>
      <c r="U93" s="157"/>
      <c r="V93" s="157"/>
      <c r="W93" s="157"/>
      <c r="X93" s="157"/>
      <c r="Y93" s="157"/>
      <c r="Z93" s="157"/>
      <c r="AA93" s="157"/>
      <c r="AB93" s="157"/>
      <c r="AC93" s="158"/>
      <c r="AD93" s="157"/>
      <c r="AE93" s="156"/>
      <c r="AF93" s="149"/>
    </row>
    <row r="94" spans="2:32" s="8" customFormat="1" x14ac:dyDescent="0.15">
      <c r="B94" s="9"/>
      <c r="C94" s="9"/>
      <c r="F94" s="149"/>
      <c r="J94" s="172"/>
      <c r="K94" s="172"/>
      <c r="L94" s="172"/>
      <c r="M94" s="172"/>
      <c r="N94" s="172"/>
      <c r="O94" s="172"/>
      <c r="P94" s="172"/>
      <c r="Q94" s="172"/>
      <c r="R94" s="172"/>
      <c r="S94" s="172"/>
      <c r="T94" s="172"/>
      <c r="U94" s="172"/>
      <c r="V94" s="172"/>
      <c r="W94" s="172"/>
      <c r="X94" s="172"/>
      <c r="Y94" s="172"/>
      <c r="Z94" s="172"/>
      <c r="AA94" s="172"/>
      <c r="AC94" s="340" t="s">
        <v>227</v>
      </c>
      <c r="AD94" s="152" t="s">
        <v>217</v>
      </c>
      <c r="AE94" s="339" t="s">
        <v>226</v>
      </c>
      <c r="AF94" s="149"/>
    </row>
    <row r="95" spans="2:32" s="8" customFormat="1" ht="27" customHeight="1" x14ac:dyDescent="0.15">
      <c r="B95" s="9"/>
      <c r="C95" s="822" t="s">
        <v>1017</v>
      </c>
      <c r="D95" s="789"/>
      <c r="E95" s="789"/>
      <c r="F95" s="805"/>
      <c r="J95" s="198" t="s">
        <v>279</v>
      </c>
      <c r="K95" s="1155" t="s">
        <v>1016</v>
      </c>
      <c r="L95" s="1155"/>
      <c r="M95" s="1155"/>
      <c r="N95" s="1155"/>
      <c r="O95" s="1155"/>
      <c r="P95" s="1155"/>
      <c r="Q95" s="1155"/>
      <c r="R95" s="1155"/>
      <c r="S95" s="1155"/>
      <c r="T95" s="1155"/>
      <c r="U95" s="1155"/>
      <c r="V95" s="1155"/>
      <c r="W95" s="1155"/>
      <c r="X95" s="1155"/>
      <c r="Y95" s="1155"/>
      <c r="Z95" s="1155"/>
      <c r="AA95" s="1155"/>
      <c r="AC95" s="291" t="s">
        <v>0</v>
      </c>
      <c r="AD95" s="178" t="s">
        <v>217</v>
      </c>
      <c r="AE95" s="338" t="s">
        <v>0</v>
      </c>
      <c r="AF95" s="149"/>
    </row>
    <row r="96" spans="2:32" s="8" customFormat="1" ht="27" customHeight="1" x14ac:dyDescent="0.15">
      <c r="B96" s="9"/>
      <c r="C96" s="822"/>
      <c r="D96" s="789"/>
      <c r="E96" s="789"/>
      <c r="F96" s="805"/>
      <c r="G96" s="14"/>
      <c r="H96" s="14"/>
      <c r="J96" s="198" t="s">
        <v>277</v>
      </c>
      <c r="K96" s="1155" t="s">
        <v>1015</v>
      </c>
      <c r="L96" s="1155"/>
      <c r="M96" s="1155"/>
      <c r="N96" s="1155"/>
      <c r="O96" s="1155"/>
      <c r="P96" s="1155"/>
      <c r="Q96" s="1155"/>
      <c r="R96" s="1155"/>
      <c r="S96" s="1155"/>
      <c r="T96" s="1155"/>
      <c r="U96" s="1155"/>
      <c r="V96" s="1155"/>
      <c r="W96" s="1155"/>
      <c r="X96" s="1155"/>
      <c r="Y96" s="1155"/>
      <c r="Z96" s="1155"/>
      <c r="AA96" s="1155"/>
      <c r="AB96" s="459"/>
      <c r="AC96" s="291" t="s">
        <v>0</v>
      </c>
      <c r="AD96" s="178" t="s">
        <v>217</v>
      </c>
      <c r="AE96" s="338" t="s">
        <v>0</v>
      </c>
      <c r="AF96" s="149"/>
    </row>
    <row r="97" spans="2:32" s="8" customFormat="1" ht="27" customHeight="1" x14ac:dyDescent="0.15">
      <c r="B97" s="9"/>
      <c r="C97" s="461"/>
      <c r="D97" s="154"/>
      <c r="E97" s="154"/>
      <c r="F97" s="196"/>
      <c r="G97" s="14"/>
      <c r="H97" s="14"/>
      <c r="J97" s="198" t="s">
        <v>293</v>
      </c>
      <c r="K97" s="1155" t="s">
        <v>1014</v>
      </c>
      <c r="L97" s="1155"/>
      <c r="M97" s="1155"/>
      <c r="N97" s="1155"/>
      <c r="O97" s="1155"/>
      <c r="P97" s="1155"/>
      <c r="Q97" s="1155"/>
      <c r="R97" s="1155"/>
      <c r="S97" s="1155"/>
      <c r="T97" s="1155"/>
      <c r="U97" s="1155"/>
      <c r="V97" s="1155"/>
      <c r="W97" s="1155"/>
      <c r="X97" s="1155"/>
      <c r="Y97" s="1155"/>
      <c r="Z97" s="1155"/>
      <c r="AA97" s="1155"/>
      <c r="AB97" s="460"/>
      <c r="AC97" s="291" t="s">
        <v>0</v>
      </c>
      <c r="AD97" s="178" t="s">
        <v>217</v>
      </c>
      <c r="AE97" s="338" t="s">
        <v>0</v>
      </c>
      <c r="AF97" s="150"/>
    </row>
    <row r="98" spans="2:32" s="8" customFormat="1" ht="11.25" customHeight="1" x14ac:dyDescent="0.15">
      <c r="B98" s="9"/>
      <c r="C98" s="173"/>
      <c r="D98" s="172"/>
      <c r="E98" s="172"/>
      <c r="F98" s="171"/>
      <c r="G98" s="172"/>
      <c r="H98" s="172"/>
      <c r="I98" s="172"/>
      <c r="J98" s="172"/>
      <c r="K98" s="172"/>
      <c r="L98" s="172"/>
      <c r="M98" s="172"/>
      <c r="N98" s="172"/>
      <c r="O98" s="172"/>
      <c r="P98" s="172"/>
      <c r="Q98" s="172"/>
      <c r="R98" s="172"/>
      <c r="S98" s="172"/>
      <c r="T98" s="172"/>
      <c r="U98" s="172"/>
      <c r="V98" s="172"/>
      <c r="W98" s="172"/>
      <c r="X98" s="172"/>
      <c r="Y98" s="172"/>
      <c r="Z98" s="172"/>
      <c r="AA98" s="172"/>
      <c r="AB98" s="172"/>
      <c r="AC98" s="173"/>
      <c r="AD98" s="172"/>
      <c r="AE98" s="171"/>
      <c r="AF98" s="149"/>
    </row>
    <row r="99" spans="2:32" s="8" customFormat="1" ht="7.5" customHeight="1" x14ac:dyDescent="0.15">
      <c r="B99" s="9"/>
      <c r="C99" s="158"/>
      <c r="D99" s="157"/>
      <c r="E99" s="157"/>
      <c r="F99" s="156"/>
      <c r="G99" s="157"/>
      <c r="H99" s="157"/>
      <c r="I99" s="157"/>
      <c r="J99" s="157"/>
      <c r="K99" s="157"/>
      <c r="L99" s="157"/>
      <c r="M99" s="157"/>
      <c r="N99" s="157"/>
      <c r="O99" s="157"/>
      <c r="P99" s="157"/>
      <c r="Q99" s="157"/>
      <c r="R99" s="157"/>
      <c r="S99" s="157"/>
      <c r="T99" s="157"/>
      <c r="U99" s="157"/>
      <c r="V99" s="157"/>
      <c r="W99" s="157"/>
      <c r="X99" s="157"/>
      <c r="Y99" s="157"/>
      <c r="Z99" s="157"/>
      <c r="AA99" s="157"/>
      <c r="AB99" s="157"/>
      <c r="AC99" s="158"/>
      <c r="AD99" s="157"/>
      <c r="AE99" s="156"/>
      <c r="AF99" s="149"/>
    </row>
    <row r="100" spans="2:32" s="8" customFormat="1" x14ac:dyDescent="0.15">
      <c r="B100" s="9"/>
      <c r="C100" s="9"/>
      <c r="F100" s="149"/>
      <c r="J100" s="172"/>
      <c r="K100" s="172"/>
      <c r="L100" s="172"/>
      <c r="M100" s="172"/>
      <c r="N100" s="172"/>
      <c r="O100" s="172"/>
      <c r="P100" s="172"/>
      <c r="Q100" s="172"/>
      <c r="R100" s="172"/>
      <c r="S100" s="172"/>
      <c r="T100" s="172"/>
      <c r="U100" s="172"/>
      <c r="V100" s="172"/>
      <c r="W100" s="172"/>
      <c r="X100" s="172"/>
      <c r="Y100" s="172"/>
      <c r="Z100" s="172"/>
      <c r="AA100" s="172"/>
      <c r="AC100" s="340" t="s">
        <v>227</v>
      </c>
      <c r="AD100" s="152" t="s">
        <v>217</v>
      </c>
      <c r="AE100" s="339" t="s">
        <v>226</v>
      </c>
      <c r="AF100" s="149"/>
    </row>
    <row r="101" spans="2:32" s="8" customFormat="1" ht="27" customHeight="1" x14ac:dyDescent="0.15">
      <c r="B101" s="9"/>
      <c r="C101" s="822" t="s">
        <v>1013</v>
      </c>
      <c r="D101" s="789"/>
      <c r="E101" s="789"/>
      <c r="F101" s="805"/>
      <c r="J101" s="198" t="s">
        <v>279</v>
      </c>
      <c r="K101" s="1155" t="s">
        <v>1012</v>
      </c>
      <c r="L101" s="1155"/>
      <c r="M101" s="1155"/>
      <c r="N101" s="1155"/>
      <c r="O101" s="1155"/>
      <c r="P101" s="1155"/>
      <c r="Q101" s="1155"/>
      <c r="R101" s="1155"/>
      <c r="S101" s="1155"/>
      <c r="T101" s="1155"/>
      <c r="U101" s="1155"/>
      <c r="V101" s="1155"/>
      <c r="W101" s="1155"/>
      <c r="X101" s="1155"/>
      <c r="Y101" s="1155"/>
      <c r="Z101" s="1155"/>
      <c r="AA101" s="1155"/>
      <c r="AC101" s="291" t="s">
        <v>0</v>
      </c>
      <c r="AD101" s="178" t="s">
        <v>217</v>
      </c>
      <c r="AE101" s="338" t="s">
        <v>0</v>
      </c>
      <c r="AF101" s="149"/>
    </row>
    <row r="102" spans="2:32" s="8" customFormat="1" ht="24.75" customHeight="1" x14ac:dyDescent="0.15">
      <c r="B102" s="9"/>
      <c r="C102" s="822"/>
      <c r="D102" s="789"/>
      <c r="E102" s="789"/>
      <c r="F102" s="805"/>
      <c r="G102" s="14"/>
      <c r="H102" s="14"/>
      <c r="J102" s="198" t="s">
        <v>277</v>
      </c>
      <c r="K102" s="1155" t="s">
        <v>1011</v>
      </c>
      <c r="L102" s="1155"/>
      <c r="M102" s="1155"/>
      <c r="N102" s="1155"/>
      <c r="O102" s="1155"/>
      <c r="P102" s="1155"/>
      <c r="Q102" s="1155"/>
      <c r="R102" s="1155"/>
      <c r="S102" s="1155"/>
      <c r="T102" s="1155"/>
      <c r="U102" s="1155"/>
      <c r="V102" s="1155"/>
      <c r="W102" s="1155"/>
      <c r="X102" s="1155"/>
      <c r="Y102" s="1155"/>
      <c r="Z102" s="1155"/>
      <c r="AA102" s="1155"/>
      <c r="AB102" s="459"/>
      <c r="AC102" s="291" t="s">
        <v>0</v>
      </c>
      <c r="AD102" s="178" t="s">
        <v>217</v>
      </c>
      <c r="AE102" s="338" t="s">
        <v>0</v>
      </c>
      <c r="AF102" s="149"/>
    </row>
    <row r="103" spans="2:32" s="8" customFormat="1" ht="7.5" customHeight="1" x14ac:dyDescent="0.15">
      <c r="B103" s="9"/>
      <c r="C103" s="173"/>
      <c r="D103" s="172"/>
      <c r="E103" s="172"/>
      <c r="F103" s="171"/>
      <c r="G103" s="172"/>
      <c r="H103" s="172"/>
      <c r="I103" s="172"/>
      <c r="J103" s="172"/>
      <c r="K103" s="172"/>
      <c r="L103" s="172"/>
      <c r="M103" s="172"/>
      <c r="N103" s="172"/>
      <c r="O103" s="172"/>
      <c r="P103" s="172"/>
      <c r="Q103" s="172"/>
      <c r="R103" s="172"/>
      <c r="S103" s="172"/>
      <c r="T103" s="172"/>
      <c r="U103" s="172"/>
      <c r="V103" s="172"/>
      <c r="W103" s="172"/>
      <c r="X103" s="172"/>
      <c r="Y103" s="172"/>
      <c r="Z103" s="172"/>
      <c r="AA103" s="172"/>
      <c r="AB103" s="172"/>
      <c r="AC103" s="173"/>
      <c r="AD103" s="172"/>
      <c r="AE103" s="171"/>
      <c r="AF103" s="149"/>
    </row>
    <row r="104" spans="2:32" s="8" customFormat="1" ht="7.5" customHeight="1" x14ac:dyDescent="0.15">
      <c r="B104" s="173"/>
      <c r="C104" s="172"/>
      <c r="D104" s="172"/>
      <c r="E104" s="172"/>
      <c r="F104" s="172"/>
      <c r="G104" s="172"/>
      <c r="H104" s="172"/>
      <c r="I104" s="172"/>
      <c r="J104" s="172"/>
      <c r="K104" s="172"/>
      <c r="L104" s="172"/>
      <c r="M104" s="172"/>
      <c r="N104" s="172"/>
      <c r="O104" s="172"/>
      <c r="P104" s="172"/>
      <c r="Q104" s="172"/>
      <c r="R104" s="172"/>
      <c r="S104" s="172"/>
      <c r="T104" s="172"/>
      <c r="U104" s="172"/>
      <c r="V104" s="172"/>
      <c r="W104" s="172"/>
      <c r="X104" s="172"/>
      <c r="Y104" s="172"/>
      <c r="Z104" s="172"/>
      <c r="AA104" s="172"/>
      <c r="AB104" s="172"/>
      <c r="AC104" s="172"/>
      <c r="AD104" s="172"/>
      <c r="AE104" s="172"/>
      <c r="AF104" s="171"/>
    </row>
    <row r="105" spans="2:32" s="8" customFormat="1" ht="7.5" customHeight="1" x14ac:dyDescent="0.15"/>
    <row r="106" spans="2:32" s="195" customFormat="1" ht="398.25" customHeight="1" x14ac:dyDescent="0.15">
      <c r="B106" s="946" t="s">
        <v>1106</v>
      </c>
      <c r="C106" s="946"/>
      <c r="D106" s="946"/>
      <c r="E106" s="946"/>
      <c r="F106" s="946"/>
      <c r="G106" s="946"/>
      <c r="H106" s="946"/>
      <c r="I106" s="946"/>
      <c r="J106" s="946"/>
      <c r="K106" s="946"/>
      <c r="L106" s="946"/>
      <c r="M106" s="946"/>
      <c r="N106" s="946"/>
      <c r="O106" s="946"/>
      <c r="P106" s="946"/>
      <c r="Q106" s="946"/>
      <c r="R106" s="946"/>
      <c r="S106" s="946"/>
      <c r="T106" s="946"/>
      <c r="U106" s="946"/>
      <c r="V106" s="946"/>
      <c r="W106" s="946"/>
      <c r="X106" s="946"/>
      <c r="Y106" s="946"/>
      <c r="Z106" s="946"/>
      <c r="AA106" s="946"/>
      <c r="AB106" s="946"/>
      <c r="AC106" s="946"/>
      <c r="AD106" s="946"/>
      <c r="AE106" s="946"/>
    </row>
    <row r="107" spans="2:32" s="195" customFormat="1" ht="187.5" customHeight="1" x14ac:dyDescent="0.15">
      <c r="B107" s="946" t="s">
        <v>1105</v>
      </c>
      <c r="C107" s="946"/>
      <c r="D107" s="946"/>
      <c r="E107" s="946"/>
      <c r="F107" s="946"/>
      <c r="G107" s="946"/>
      <c r="H107" s="946"/>
      <c r="I107" s="946"/>
      <c r="J107" s="946"/>
      <c r="K107" s="946"/>
      <c r="L107" s="946"/>
      <c r="M107" s="946"/>
      <c r="N107" s="946"/>
      <c r="O107" s="946"/>
      <c r="P107" s="946"/>
      <c r="Q107" s="946"/>
      <c r="R107" s="946"/>
      <c r="S107" s="946"/>
      <c r="T107" s="946"/>
      <c r="U107" s="946"/>
      <c r="V107" s="946"/>
      <c r="W107" s="946"/>
      <c r="X107" s="946"/>
      <c r="Y107" s="946"/>
      <c r="Z107" s="946"/>
      <c r="AA107" s="946"/>
      <c r="AB107" s="946"/>
      <c r="AC107" s="946"/>
      <c r="AD107" s="946"/>
      <c r="AE107" s="946"/>
    </row>
    <row r="108" spans="2:32" s="234" customFormat="1" ht="21.75" customHeight="1" x14ac:dyDescent="0.15">
      <c r="B108" s="789" t="s">
        <v>1104</v>
      </c>
      <c r="C108" s="789"/>
      <c r="D108" s="789"/>
      <c r="E108" s="789"/>
      <c r="F108" s="789"/>
      <c r="G108" s="789"/>
      <c r="H108" s="789"/>
      <c r="I108" s="789"/>
      <c r="J108" s="789"/>
      <c r="K108" s="789"/>
      <c r="L108" s="789"/>
      <c r="M108" s="789"/>
      <c r="N108" s="789"/>
      <c r="O108" s="789"/>
      <c r="P108" s="789"/>
      <c r="Q108" s="789"/>
      <c r="R108" s="789"/>
      <c r="S108" s="789"/>
      <c r="T108" s="789"/>
      <c r="U108" s="789"/>
      <c r="V108" s="789"/>
      <c r="W108" s="789"/>
      <c r="X108" s="789"/>
      <c r="Y108" s="789"/>
      <c r="Z108" s="789"/>
      <c r="AA108" s="789"/>
      <c r="AB108" s="789"/>
      <c r="AC108" s="789"/>
      <c r="AD108" s="789"/>
      <c r="AE108" s="789"/>
    </row>
  </sheetData>
  <mergeCells count="155">
    <mergeCell ref="B9:E9"/>
    <mergeCell ref="B10:E11"/>
    <mergeCell ref="B14:E16"/>
    <mergeCell ref="AD14:AE15"/>
    <mergeCell ref="X3:Y3"/>
    <mergeCell ref="AA3:AB3"/>
    <mergeCell ref="B5:AD5"/>
    <mergeCell ref="B7:E7"/>
    <mergeCell ref="F7:AF7"/>
    <mergeCell ref="B8:E8"/>
    <mergeCell ref="Z17:AC17"/>
    <mergeCell ref="I18:M18"/>
    <mergeCell ref="Z18:AC18"/>
    <mergeCell ref="I19:M19"/>
    <mergeCell ref="Z19:AC19"/>
    <mergeCell ref="I22:M22"/>
    <mergeCell ref="P22:P24"/>
    <mergeCell ref="Q22:Q24"/>
    <mergeCell ref="R22:V24"/>
    <mergeCell ref="W22:W24"/>
    <mergeCell ref="X22:X24"/>
    <mergeCell ref="Z22:AC22"/>
    <mergeCell ref="I23:M23"/>
    <mergeCell ref="Z23:AC23"/>
    <mergeCell ref="I24:M24"/>
    <mergeCell ref="Z24:AC24"/>
    <mergeCell ref="I17:M17"/>
    <mergeCell ref="P17:P19"/>
    <mergeCell ref="Q17:Q19"/>
    <mergeCell ref="R17:V19"/>
    <mergeCell ref="W17:W19"/>
    <mergeCell ref="X17:X19"/>
    <mergeCell ref="Z27:AC27"/>
    <mergeCell ref="Z28:AC28"/>
    <mergeCell ref="I29:M29"/>
    <mergeCell ref="Z29:AC29"/>
    <mergeCell ref="I34:M34"/>
    <mergeCell ref="Z34:AC34"/>
    <mergeCell ref="H32:H33"/>
    <mergeCell ref="I32:M33"/>
    <mergeCell ref="N32:N33"/>
    <mergeCell ref="O32:O33"/>
    <mergeCell ref="P32:P34"/>
    <mergeCell ref="Q32:Q34"/>
    <mergeCell ref="H27:H28"/>
    <mergeCell ref="I27:M28"/>
    <mergeCell ref="N27:N28"/>
    <mergeCell ref="O27:O28"/>
    <mergeCell ref="P27:P28"/>
    <mergeCell ref="Q27:Q29"/>
    <mergeCell ref="R27:V29"/>
    <mergeCell ref="W27:W29"/>
    <mergeCell ref="X27:X29"/>
    <mergeCell ref="Z40:AB40"/>
    <mergeCell ref="R32:V34"/>
    <mergeCell ref="W32:W34"/>
    <mergeCell ref="X32:X34"/>
    <mergeCell ref="Z32:AC32"/>
    <mergeCell ref="Z33:AC33"/>
    <mergeCell ref="Z45:AA45"/>
    <mergeCell ref="I46:M46"/>
    <mergeCell ref="Z46:AB46"/>
    <mergeCell ref="H37:H40"/>
    <mergeCell ref="I37:U40"/>
    <mergeCell ref="V37:V40"/>
    <mergeCell ref="W37:X40"/>
    <mergeCell ref="Z37:AA37"/>
    <mergeCell ref="Z38:AC38"/>
    <mergeCell ref="Z39:AC39"/>
    <mergeCell ref="Z55:AC55"/>
    <mergeCell ref="I43:M43"/>
    <mergeCell ref="P43:P46"/>
    <mergeCell ref="Q43:Q46"/>
    <mergeCell ref="R43:V46"/>
    <mergeCell ref="W43:X46"/>
    <mergeCell ref="Z43:AC43"/>
    <mergeCell ref="I44:M44"/>
    <mergeCell ref="Z44:AC44"/>
    <mergeCell ref="I45:M45"/>
    <mergeCell ref="I49:M49"/>
    <mergeCell ref="P49:P52"/>
    <mergeCell ref="Q49:Q52"/>
    <mergeCell ref="R49:V52"/>
    <mergeCell ref="W49:X52"/>
    <mergeCell ref="Z49:AC49"/>
    <mergeCell ref="I50:M50"/>
    <mergeCell ref="Z50:AC50"/>
    <mergeCell ref="I51:M51"/>
    <mergeCell ref="Z51:AC51"/>
    <mergeCell ref="I52:M52"/>
    <mergeCell ref="Z52:AC52"/>
    <mergeCell ref="I55:M55"/>
    <mergeCell ref="P55:P56"/>
    <mergeCell ref="Q55:Q57"/>
    <mergeCell ref="R55:V57"/>
    <mergeCell ref="W55:W57"/>
    <mergeCell ref="X55:X57"/>
    <mergeCell ref="H56:H57"/>
    <mergeCell ref="I56:M57"/>
    <mergeCell ref="N56:N57"/>
    <mergeCell ref="O56:O57"/>
    <mergeCell ref="Z56:AC56"/>
    <mergeCell ref="Z57:AC57"/>
    <mergeCell ref="I60:M60"/>
    <mergeCell ref="P60:P61"/>
    <mergeCell ref="Q60:Q62"/>
    <mergeCell ref="R60:V62"/>
    <mergeCell ref="W60:W62"/>
    <mergeCell ref="X60:X62"/>
    <mergeCell ref="R65:V67"/>
    <mergeCell ref="W65:W67"/>
    <mergeCell ref="X65:X67"/>
    <mergeCell ref="Z60:AC60"/>
    <mergeCell ref="H61:H62"/>
    <mergeCell ref="I61:M62"/>
    <mergeCell ref="N61:N62"/>
    <mergeCell ref="O61:O62"/>
    <mergeCell ref="Z61:AC61"/>
    <mergeCell ref="Z62:AC62"/>
    <mergeCell ref="Z65:AC65"/>
    <mergeCell ref="H66:H67"/>
    <mergeCell ref="I66:M67"/>
    <mergeCell ref="N66:N67"/>
    <mergeCell ref="O66:O67"/>
    <mergeCell ref="Z66:AC66"/>
    <mergeCell ref="Z67:AC67"/>
    <mergeCell ref="I65:M65"/>
    <mergeCell ref="P65:P66"/>
    <mergeCell ref="Q65:Q67"/>
    <mergeCell ref="AD69:AE69"/>
    <mergeCell ref="I70:AA71"/>
    <mergeCell ref="AB70:AC71"/>
    <mergeCell ref="AD70:AE71"/>
    <mergeCell ref="C77:F77"/>
    <mergeCell ref="K77:AA77"/>
    <mergeCell ref="K78:AA78"/>
    <mergeCell ref="K79:AA79"/>
    <mergeCell ref="K80:AA80"/>
    <mergeCell ref="B108:AE108"/>
    <mergeCell ref="K97:AA97"/>
    <mergeCell ref="C101:F102"/>
    <mergeCell ref="K101:AA101"/>
    <mergeCell ref="K102:AA102"/>
    <mergeCell ref="B106:AE106"/>
    <mergeCell ref="B107:AE107"/>
    <mergeCell ref="C84:F84"/>
    <mergeCell ref="K84:AA84"/>
    <mergeCell ref="K85:AA85"/>
    <mergeCell ref="K86:AA86"/>
    <mergeCell ref="K87:AA87"/>
    <mergeCell ref="K88:AA88"/>
    <mergeCell ref="K89:AA89"/>
    <mergeCell ref="C95:F96"/>
    <mergeCell ref="K95:AA95"/>
    <mergeCell ref="K96:AA96"/>
  </mergeCells>
  <phoneticPr fontId="2"/>
  <dataValidations count="1">
    <dataValidation type="list" allowBlank="1" showInputMessage="1" showErrorMessage="1" sqref="H8:H11 M8 S8:S9 AD17:AD19 AD22:AD24 AD27:AD29 AD32:AD34 AD37:AD40 AD43:AD46 AE101:AE102 AD55:AD57 AD60:AD62 AD65:AD67 AC77:AC80 AE77:AE80 AC84:AC89 AE84:AE89 AC95:AC97 AE95:AE97 AC101:AC102 AD49:AD52">
      <formula1>"□,■"</formula1>
    </dataValidation>
  </dataValidations>
  <pageMargins left="0.7" right="0.7" top="0.75" bottom="0.75" header="0.3" footer="0.3"/>
  <pageSetup paperSize="9" scale="49" orientation="portrait" r:id="rId1"/>
  <rowBreaks count="1" manualBreakCount="1">
    <brk id="72" max="16383" man="1"/>
  </rowBreaks>
</worksheet>
</file>

<file path=xl/worksheets/sheet4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AH40"/>
  <sheetViews>
    <sheetView zoomScaleNormal="100" zoomScaleSheetLayoutView="85" workbookViewId="0">
      <selection activeCell="C87" sqref="C87"/>
    </sheetView>
  </sheetViews>
  <sheetFormatPr defaultColWidth="3.5" defaultRowHeight="13.5" x14ac:dyDescent="0.15"/>
  <cols>
    <col min="1" max="1" width="1.5" style="3" customWidth="1"/>
    <col min="2" max="2" width="2.125" style="3" customWidth="1"/>
    <col min="3" max="3" width="3" style="140" customWidth="1"/>
    <col min="4" max="7" width="3.5" style="3"/>
    <col min="8" max="8" width="1.5" style="3" customWidth="1"/>
    <col min="9" max="9" width="3.125" style="3" customWidth="1"/>
    <col min="10" max="10" width="4.75" style="3" customWidth="1"/>
    <col min="11" max="17" width="3.5" style="3"/>
    <col min="18" max="18" width="5.5" style="3" customWidth="1"/>
    <col min="19" max="26" width="4.5" style="3" customWidth="1"/>
    <col min="27" max="27" width="3.875" style="3" customWidth="1"/>
    <col min="28" max="29" width="4.625" style="3" customWidth="1"/>
    <col min="30" max="30" width="4.5" style="3" customWidth="1"/>
    <col min="31" max="32" width="4.375" style="3" customWidth="1"/>
    <col min="33" max="33" width="4" style="3" customWidth="1"/>
    <col min="34" max="34" width="2.125" style="3" customWidth="1"/>
    <col min="35" max="35" width="1.5" style="3" customWidth="1"/>
    <col min="36" max="16384" width="3.5" style="3"/>
  </cols>
  <sheetData>
    <row r="1" spans="2:34" s="8" customFormat="1" ht="13.5" customHeight="1" x14ac:dyDescent="0.15"/>
    <row r="2" spans="2:34" s="8" customFormat="1" ht="13.5" customHeight="1" x14ac:dyDescent="0.15">
      <c r="C2" s="8" t="s">
        <v>1144</v>
      </c>
    </row>
    <row r="3" spans="2:34" s="8" customFormat="1" ht="13.5" customHeight="1" x14ac:dyDescent="0.15">
      <c r="AA3" s="17" t="s">
        <v>12</v>
      </c>
      <c r="AB3" s="18"/>
      <c r="AC3" s="18" t="s">
        <v>11</v>
      </c>
      <c r="AD3" s="18"/>
      <c r="AE3" s="18" t="s">
        <v>21</v>
      </c>
      <c r="AF3" s="18"/>
      <c r="AG3" s="18" t="s">
        <v>20</v>
      </c>
    </row>
    <row r="4" spans="2:34" s="8" customFormat="1" ht="9.75" customHeight="1" x14ac:dyDescent="0.15">
      <c r="AG4" s="17"/>
    </row>
    <row r="5" spans="2:34" s="8" customFormat="1" ht="33" customHeight="1" x14ac:dyDescent="0.15">
      <c r="C5" s="807" t="s">
        <v>1143</v>
      </c>
      <c r="D5" s="807"/>
      <c r="E5" s="807"/>
      <c r="F5" s="807"/>
      <c r="G5" s="807"/>
      <c r="H5" s="807"/>
      <c r="I5" s="807"/>
      <c r="J5" s="807"/>
      <c r="K5" s="807"/>
      <c r="L5" s="807"/>
      <c r="M5" s="807"/>
      <c r="N5" s="807"/>
      <c r="O5" s="807"/>
      <c r="P5" s="807"/>
      <c r="Q5" s="807"/>
      <c r="R5" s="807"/>
      <c r="S5" s="807"/>
      <c r="T5" s="807"/>
      <c r="U5" s="807"/>
      <c r="V5" s="807"/>
      <c r="W5" s="807"/>
      <c r="X5" s="807"/>
      <c r="Y5" s="807"/>
      <c r="Z5" s="807"/>
      <c r="AA5" s="807"/>
      <c r="AB5" s="807"/>
      <c r="AC5" s="807"/>
      <c r="AD5" s="807"/>
      <c r="AE5" s="807"/>
      <c r="AF5" s="807"/>
      <c r="AG5" s="807"/>
    </row>
    <row r="6" spans="2:34" s="8" customFormat="1" ht="11.25" customHeight="1" x14ac:dyDescent="0.15"/>
    <row r="7" spans="2:34" s="8" customFormat="1" ht="39.75" customHeight="1" x14ac:dyDescent="0.15">
      <c r="B7" s="252"/>
      <c r="C7" s="792" t="s">
        <v>1101</v>
      </c>
      <c r="D7" s="792"/>
      <c r="E7" s="792"/>
      <c r="F7" s="792"/>
      <c r="G7" s="793"/>
      <c r="H7" s="780"/>
      <c r="I7" s="781"/>
      <c r="J7" s="781"/>
      <c r="K7" s="781"/>
      <c r="L7" s="781"/>
      <c r="M7" s="781"/>
      <c r="N7" s="781"/>
      <c r="O7" s="781"/>
      <c r="P7" s="781"/>
      <c r="Q7" s="781"/>
      <c r="R7" s="781"/>
      <c r="S7" s="781"/>
      <c r="T7" s="781"/>
      <c r="U7" s="781"/>
      <c r="V7" s="781"/>
      <c r="W7" s="781"/>
      <c r="X7" s="781"/>
      <c r="Y7" s="781"/>
      <c r="Z7" s="781"/>
      <c r="AA7" s="781"/>
      <c r="AB7" s="781"/>
      <c r="AC7" s="781"/>
      <c r="AD7" s="781"/>
      <c r="AE7" s="781"/>
      <c r="AF7" s="781"/>
      <c r="AG7" s="781"/>
      <c r="AH7" s="782"/>
    </row>
    <row r="8" spans="2:34" ht="36" customHeight="1" x14ac:dyDescent="0.15">
      <c r="B8" s="497"/>
      <c r="C8" s="792" t="s">
        <v>1100</v>
      </c>
      <c r="D8" s="792"/>
      <c r="E8" s="792"/>
      <c r="F8" s="792"/>
      <c r="G8" s="793"/>
      <c r="H8" s="247"/>
      <c r="I8" s="191" t="s">
        <v>0</v>
      </c>
      <c r="J8" s="168" t="s">
        <v>242</v>
      </c>
      <c r="K8" s="168"/>
      <c r="L8" s="168"/>
      <c r="M8" s="168"/>
      <c r="N8" s="191" t="s">
        <v>0</v>
      </c>
      <c r="O8" s="168" t="s">
        <v>241</v>
      </c>
      <c r="P8" s="168"/>
      <c r="Q8" s="168"/>
      <c r="R8" s="168"/>
      <c r="S8" s="191" t="s">
        <v>0</v>
      </c>
      <c r="T8" s="168" t="s">
        <v>240</v>
      </c>
      <c r="U8" s="168"/>
      <c r="V8" s="168"/>
      <c r="W8" s="168"/>
      <c r="X8" s="168"/>
      <c r="Y8" s="168"/>
      <c r="Z8" s="168"/>
      <c r="AA8" s="168"/>
      <c r="AB8" s="168"/>
      <c r="AC8" s="168"/>
      <c r="AD8" s="168"/>
      <c r="AE8" s="168"/>
      <c r="AF8" s="168"/>
      <c r="AG8" s="168"/>
      <c r="AH8" s="7"/>
    </row>
    <row r="9" spans="2:34" ht="36" customHeight="1" x14ac:dyDescent="0.15">
      <c r="B9" s="497"/>
      <c r="C9" s="792" t="s">
        <v>1099</v>
      </c>
      <c r="D9" s="792"/>
      <c r="E9" s="792"/>
      <c r="F9" s="792"/>
      <c r="G9" s="792"/>
      <c r="H9" s="247"/>
      <c r="I9" s="191" t="s">
        <v>0</v>
      </c>
      <c r="J9" s="157" t="s">
        <v>1142</v>
      </c>
      <c r="K9" s="168"/>
      <c r="L9" s="168"/>
      <c r="M9" s="168"/>
      <c r="N9" s="168"/>
      <c r="O9" s="168"/>
      <c r="P9" s="168"/>
      <c r="Q9" s="168"/>
      <c r="R9" s="168"/>
      <c r="S9" s="168"/>
      <c r="T9" s="168"/>
      <c r="U9" s="168"/>
      <c r="V9" s="168"/>
      <c r="W9" s="168"/>
      <c r="X9" s="168"/>
      <c r="Y9" s="168"/>
      <c r="Z9" s="168"/>
      <c r="AA9" s="168"/>
      <c r="AB9" s="168"/>
      <c r="AC9" s="168"/>
      <c r="AD9" s="168"/>
      <c r="AE9" s="168"/>
      <c r="AF9" s="168"/>
      <c r="AG9" s="168"/>
      <c r="AH9" s="7"/>
    </row>
    <row r="10" spans="2:34" ht="36" customHeight="1" x14ac:dyDescent="0.15">
      <c r="B10" s="497"/>
      <c r="C10" s="792" t="s">
        <v>1141</v>
      </c>
      <c r="D10" s="792"/>
      <c r="E10" s="792"/>
      <c r="F10" s="792"/>
      <c r="G10" s="792"/>
      <c r="H10" s="247"/>
      <c r="I10" s="191" t="s">
        <v>0</v>
      </c>
      <c r="J10" s="181" t="s">
        <v>1140</v>
      </c>
      <c r="K10" s="168"/>
      <c r="L10" s="168"/>
      <c r="M10" s="168"/>
      <c r="N10" s="168"/>
      <c r="O10" s="168"/>
      <c r="P10" s="168"/>
      <c r="Q10" s="168"/>
      <c r="R10" s="168"/>
      <c r="S10" s="168"/>
      <c r="T10" s="168"/>
      <c r="U10" s="168"/>
      <c r="V10" s="168"/>
      <c r="W10" s="168"/>
      <c r="X10" s="168"/>
      <c r="Y10" s="168"/>
      <c r="Z10" s="168"/>
      <c r="AA10" s="168"/>
      <c r="AB10" s="168"/>
      <c r="AC10" s="168"/>
      <c r="AD10" s="168"/>
      <c r="AE10" s="168"/>
      <c r="AF10" s="168"/>
      <c r="AG10" s="168"/>
      <c r="AH10" s="7"/>
    </row>
    <row r="11" spans="2:34" s="8" customFormat="1" x14ac:dyDescent="0.15"/>
    <row r="12" spans="2:34" s="8" customFormat="1" ht="25.5" customHeight="1" x14ac:dyDescent="0.15">
      <c r="B12" s="158" t="s">
        <v>1139</v>
      </c>
      <c r="C12" s="181" t="s">
        <v>1138</v>
      </c>
      <c r="D12" s="181"/>
      <c r="E12" s="181"/>
      <c r="F12" s="181"/>
      <c r="G12" s="181"/>
      <c r="H12" s="181"/>
      <c r="I12" s="181"/>
      <c r="J12" s="181"/>
      <c r="K12" s="181"/>
      <c r="L12" s="181"/>
      <c r="M12" s="181"/>
      <c r="N12" s="181"/>
      <c r="O12" s="181"/>
      <c r="P12" s="181"/>
      <c r="Q12" s="181"/>
      <c r="R12" s="181"/>
      <c r="S12" s="492"/>
      <c r="T12" s="181"/>
      <c r="U12" s="181"/>
      <c r="V12" s="181"/>
      <c r="W12" s="181"/>
      <c r="X12" s="181"/>
      <c r="Y12" s="157"/>
      <c r="Z12" s="157"/>
      <c r="AA12" s="181"/>
      <c r="AB12" s="181"/>
      <c r="AC12" s="181"/>
      <c r="AD12" s="157"/>
      <c r="AE12" s="157"/>
      <c r="AF12" s="157"/>
      <c r="AG12" s="157"/>
      <c r="AH12" s="156"/>
    </row>
    <row r="13" spans="2:34" s="8" customFormat="1" ht="11.25" customHeight="1" x14ac:dyDescent="0.15">
      <c r="B13" s="9"/>
      <c r="C13" s="158"/>
      <c r="D13" s="157"/>
      <c r="E13" s="157"/>
      <c r="F13" s="157"/>
      <c r="G13" s="156"/>
      <c r="H13" s="158"/>
      <c r="Y13" s="157"/>
      <c r="Z13" s="157"/>
      <c r="AA13" s="157"/>
      <c r="AB13" s="157"/>
      <c r="AC13" s="157"/>
      <c r="AD13" s="157"/>
      <c r="AE13" s="158"/>
      <c r="AF13" s="157"/>
      <c r="AG13" s="156"/>
      <c r="AH13" s="149"/>
    </row>
    <row r="14" spans="2:34" s="8" customFormat="1" ht="27" customHeight="1" x14ac:dyDescent="0.15">
      <c r="B14" s="9"/>
      <c r="C14" s="926" t="s">
        <v>1137</v>
      </c>
      <c r="D14" s="807"/>
      <c r="E14" s="807"/>
      <c r="F14" s="807"/>
      <c r="G14" s="927"/>
      <c r="I14" s="198" t="s">
        <v>279</v>
      </c>
      <c r="J14" s="1200" t="s">
        <v>1136</v>
      </c>
      <c r="K14" s="1205"/>
      <c r="L14" s="1205"/>
      <c r="M14" s="1205"/>
      <c r="N14" s="1205"/>
      <c r="O14" s="1205"/>
      <c r="P14" s="1205"/>
      <c r="Q14" s="1205"/>
      <c r="R14" s="1205"/>
      <c r="S14" s="1205"/>
      <c r="T14" s="1205"/>
      <c r="U14" s="1206"/>
      <c r="V14" s="780"/>
      <c r="W14" s="781"/>
      <c r="X14" s="197" t="s">
        <v>175</v>
      </c>
      <c r="AE14" s="9"/>
      <c r="AG14" s="149"/>
      <c r="AH14" s="149"/>
    </row>
    <row r="15" spans="2:34" s="8" customFormat="1" ht="27" customHeight="1" x14ac:dyDescent="0.15">
      <c r="B15" s="9"/>
      <c r="C15" s="926"/>
      <c r="D15" s="807"/>
      <c r="E15" s="807"/>
      <c r="F15" s="807"/>
      <c r="G15" s="927"/>
      <c r="I15" s="198" t="s">
        <v>277</v>
      </c>
      <c r="J15" s="1170" t="s">
        <v>1135</v>
      </c>
      <c r="K15" s="1203"/>
      <c r="L15" s="1203"/>
      <c r="M15" s="1203"/>
      <c r="N15" s="1203"/>
      <c r="O15" s="1203"/>
      <c r="P15" s="1203"/>
      <c r="Q15" s="1203"/>
      <c r="R15" s="1203"/>
      <c r="S15" s="1203"/>
      <c r="T15" s="1203"/>
      <c r="U15" s="1204"/>
      <c r="V15" s="780"/>
      <c r="W15" s="781"/>
      <c r="X15" s="197" t="s">
        <v>175</v>
      </c>
      <c r="Z15" s="993"/>
      <c r="AA15" s="993"/>
      <c r="AB15" s="993"/>
      <c r="AC15" s="993"/>
      <c r="AE15" s="20"/>
      <c r="AF15" s="16"/>
      <c r="AG15" s="150"/>
      <c r="AH15" s="149"/>
    </row>
    <row r="16" spans="2:34" s="8" customFormat="1" ht="27" customHeight="1" x14ac:dyDescent="0.15">
      <c r="B16" s="9"/>
      <c r="C16" s="926"/>
      <c r="D16" s="807"/>
      <c r="E16" s="807"/>
      <c r="F16" s="807"/>
      <c r="G16" s="927"/>
      <c r="I16" s="198" t="s">
        <v>293</v>
      </c>
      <c r="J16" s="1200" t="s">
        <v>1134</v>
      </c>
      <c r="K16" s="1201"/>
      <c r="L16" s="1201"/>
      <c r="M16" s="1201"/>
      <c r="N16" s="1201"/>
      <c r="O16" s="1201"/>
      <c r="P16" s="1201"/>
      <c r="Q16" s="1201"/>
      <c r="R16" s="1201"/>
      <c r="S16" s="1201"/>
      <c r="T16" s="1201"/>
      <c r="U16" s="1202"/>
      <c r="V16" s="780"/>
      <c r="W16" s="781"/>
      <c r="X16" s="197" t="s">
        <v>175</v>
      </c>
      <c r="Z16" s="993"/>
      <c r="AA16" s="993"/>
      <c r="AB16" s="993"/>
      <c r="AC16" s="993"/>
      <c r="AE16" s="340" t="s">
        <v>227</v>
      </c>
      <c r="AF16" s="152" t="s">
        <v>217</v>
      </c>
      <c r="AG16" s="339" t="s">
        <v>226</v>
      </c>
      <c r="AH16" s="149"/>
    </row>
    <row r="17" spans="2:34" s="8" customFormat="1" ht="27" customHeight="1" x14ac:dyDescent="0.15">
      <c r="B17" s="9"/>
      <c r="C17" s="9"/>
      <c r="G17" s="149"/>
      <c r="I17" s="198" t="s">
        <v>513</v>
      </c>
      <c r="J17" s="1200" t="s">
        <v>1133</v>
      </c>
      <c r="K17" s="1201"/>
      <c r="L17" s="1201"/>
      <c r="M17" s="1201"/>
      <c r="N17" s="1201"/>
      <c r="O17" s="1201"/>
      <c r="P17" s="1201"/>
      <c r="Q17" s="1201"/>
      <c r="R17" s="1201"/>
      <c r="S17" s="1201"/>
      <c r="T17" s="1201"/>
      <c r="U17" s="1202"/>
      <c r="V17" s="780"/>
      <c r="W17" s="781"/>
      <c r="X17" s="197" t="s">
        <v>339</v>
      </c>
      <c r="Y17" s="8" t="s">
        <v>275</v>
      </c>
      <c r="Z17" s="993" t="s">
        <v>1113</v>
      </c>
      <c r="AA17" s="993"/>
      <c r="AB17" s="993"/>
      <c r="AC17" s="993"/>
      <c r="AE17" s="291" t="s">
        <v>0</v>
      </c>
      <c r="AF17" s="178" t="s">
        <v>217</v>
      </c>
      <c r="AG17" s="338" t="s">
        <v>0</v>
      </c>
      <c r="AH17" s="149"/>
    </row>
    <row r="18" spans="2:34" s="8" customFormat="1" ht="11.25" customHeight="1" x14ac:dyDescent="0.15">
      <c r="B18" s="9"/>
      <c r="C18" s="173"/>
      <c r="D18" s="172"/>
      <c r="E18" s="172"/>
      <c r="F18" s="172"/>
      <c r="G18" s="171"/>
      <c r="H18" s="172"/>
      <c r="I18" s="172"/>
      <c r="J18" s="172"/>
      <c r="K18" s="172"/>
      <c r="L18" s="172"/>
      <c r="M18" s="172"/>
      <c r="N18" s="172"/>
      <c r="O18" s="172"/>
      <c r="P18" s="172"/>
      <c r="Q18" s="172"/>
      <c r="R18" s="172"/>
      <c r="S18" s="172"/>
      <c r="T18" s="172"/>
      <c r="U18" s="172"/>
      <c r="V18" s="172"/>
      <c r="W18" s="172"/>
      <c r="X18" s="172"/>
      <c r="Y18" s="172"/>
      <c r="Z18" s="172"/>
      <c r="AA18" s="172"/>
      <c r="AB18" s="172"/>
      <c r="AC18" s="172"/>
      <c r="AD18" s="172"/>
      <c r="AE18" s="173"/>
      <c r="AF18" s="172"/>
      <c r="AG18" s="171"/>
      <c r="AH18" s="149"/>
    </row>
    <row r="19" spans="2:34" s="8" customFormat="1" ht="11.25" customHeight="1" x14ac:dyDescent="0.15">
      <c r="B19" s="9"/>
      <c r="C19" s="158"/>
      <c r="D19" s="157"/>
      <c r="E19" s="157"/>
      <c r="F19" s="157"/>
      <c r="G19" s="156"/>
      <c r="H19" s="157"/>
      <c r="I19" s="157"/>
      <c r="J19" s="157"/>
      <c r="K19" s="157"/>
      <c r="L19" s="157"/>
      <c r="M19" s="157"/>
      <c r="N19" s="157"/>
      <c r="O19" s="157"/>
      <c r="P19" s="157"/>
      <c r="Q19" s="157"/>
      <c r="R19" s="157"/>
      <c r="S19" s="157"/>
      <c r="T19" s="157"/>
      <c r="U19" s="157"/>
      <c r="V19" s="157"/>
      <c r="W19" s="157"/>
      <c r="X19" s="157"/>
      <c r="Y19" s="157"/>
      <c r="Z19" s="157"/>
      <c r="AA19" s="157"/>
      <c r="AB19" s="157"/>
      <c r="AC19" s="157"/>
      <c r="AD19" s="157"/>
      <c r="AE19" s="158"/>
      <c r="AF19" s="157"/>
      <c r="AG19" s="156"/>
      <c r="AH19" s="149"/>
    </row>
    <row r="20" spans="2:34" s="8" customFormat="1" ht="27" customHeight="1" x14ac:dyDescent="0.15">
      <c r="B20" s="9"/>
      <c r="C20" s="926" t="s">
        <v>1132</v>
      </c>
      <c r="D20" s="807"/>
      <c r="E20" s="807"/>
      <c r="F20" s="807"/>
      <c r="G20" s="927"/>
      <c r="S20" s="1198" t="s">
        <v>1126</v>
      </c>
      <c r="T20" s="1199"/>
      <c r="U20" s="1198" t="s">
        <v>1125</v>
      </c>
      <c r="V20" s="1199"/>
      <c r="W20" s="1198" t="s">
        <v>1124</v>
      </c>
      <c r="X20" s="1199"/>
      <c r="Y20" s="780" t="s">
        <v>1123</v>
      </c>
      <c r="Z20" s="782"/>
      <c r="AE20" s="9"/>
      <c r="AG20" s="149"/>
      <c r="AH20" s="149"/>
    </row>
    <row r="21" spans="2:34" s="8" customFormat="1" ht="27" customHeight="1" x14ac:dyDescent="0.15">
      <c r="B21" s="9"/>
      <c r="C21" s="926"/>
      <c r="D21" s="807"/>
      <c r="E21" s="807"/>
      <c r="F21" s="807"/>
      <c r="G21" s="927"/>
      <c r="I21" s="188" t="s">
        <v>279</v>
      </c>
      <c r="J21" s="1195" t="s">
        <v>1122</v>
      </c>
      <c r="K21" s="1196"/>
      <c r="L21" s="1196"/>
      <c r="M21" s="1196"/>
      <c r="N21" s="1196"/>
      <c r="O21" s="1196"/>
      <c r="P21" s="1196"/>
      <c r="Q21" s="1196"/>
      <c r="R21" s="1197"/>
      <c r="S21" s="252"/>
      <c r="T21" s="492" t="s">
        <v>175</v>
      </c>
      <c r="U21" s="252"/>
      <c r="V21" s="493" t="s">
        <v>175</v>
      </c>
      <c r="W21" s="181"/>
      <c r="X21" s="493" t="s">
        <v>175</v>
      </c>
      <c r="Y21" s="1193"/>
      <c r="Z21" s="1194"/>
      <c r="AE21" s="9"/>
      <c r="AG21" s="149"/>
      <c r="AH21" s="149"/>
    </row>
    <row r="22" spans="2:34" s="8" customFormat="1" ht="27" customHeight="1" x14ac:dyDescent="0.15">
      <c r="B22" s="9"/>
      <c r="C22" s="926"/>
      <c r="D22" s="807"/>
      <c r="E22" s="807"/>
      <c r="F22" s="807"/>
      <c r="G22" s="927"/>
      <c r="I22" s="188" t="s">
        <v>277</v>
      </c>
      <c r="J22" s="1014" t="s">
        <v>1121</v>
      </c>
      <c r="K22" s="1015"/>
      <c r="L22" s="1015"/>
      <c r="M22" s="1015"/>
      <c r="N22" s="1015"/>
      <c r="O22" s="1015"/>
      <c r="P22" s="1015"/>
      <c r="Q22" s="1015"/>
      <c r="R22" s="1016"/>
      <c r="S22" s="252"/>
      <c r="T22" s="492" t="s">
        <v>175</v>
      </c>
      <c r="U22" s="252"/>
      <c r="V22" s="493" t="s">
        <v>175</v>
      </c>
      <c r="W22" s="181"/>
      <c r="X22" s="493" t="s">
        <v>175</v>
      </c>
      <c r="Y22" s="1193"/>
      <c r="Z22" s="1194"/>
      <c r="AA22" s="778" t="s">
        <v>1120</v>
      </c>
      <c r="AB22" s="778"/>
      <c r="AC22" s="778"/>
      <c r="AD22" s="811"/>
      <c r="AE22" s="9"/>
      <c r="AG22" s="149"/>
      <c r="AH22" s="149"/>
    </row>
    <row r="23" spans="2:34" s="8" customFormat="1" ht="27" customHeight="1" x14ac:dyDescent="0.15">
      <c r="B23" s="9"/>
      <c r="C23" s="9"/>
      <c r="G23" s="149"/>
      <c r="I23" s="188" t="s">
        <v>293</v>
      </c>
      <c r="J23" s="1195" t="s">
        <v>795</v>
      </c>
      <c r="K23" s="1196"/>
      <c r="L23" s="1196"/>
      <c r="M23" s="1196"/>
      <c r="N23" s="1196"/>
      <c r="O23" s="1196"/>
      <c r="P23" s="1196"/>
      <c r="Q23" s="1196"/>
      <c r="R23" s="1197"/>
      <c r="S23" s="158"/>
      <c r="T23" s="490" t="s">
        <v>339</v>
      </c>
      <c r="U23" s="158"/>
      <c r="V23" s="496" t="s">
        <v>339</v>
      </c>
      <c r="W23" s="157"/>
      <c r="X23" s="496" t="s">
        <v>339</v>
      </c>
      <c r="Y23" s="247"/>
      <c r="Z23" s="493" t="s">
        <v>339</v>
      </c>
      <c r="AA23" s="8" t="s">
        <v>275</v>
      </c>
      <c r="AB23" s="993" t="s">
        <v>1131</v>
      </c>
      <c r="AC23" s="993"/>
      <c r="AD23" s="994"/>
      <c r="AE23" s="340" t="s">
        <v>227</v>
      </c>
      <c r="AF23" s="152" t="s">
        <v>217</v>
      </c>
      <c r="AG23" s="339" t="s">
        <v>226</v>
      </c>
      <c r="AH23" s="149"/>
    </row>
    <row r="24" spans="2:34" s="8" customFormat="1" ht="27" customHeight="1" x14ac:dyDescent="0.15">
      <c r="B24" s="9"/>
      <c r="C24" s="810"/>
      <c r="D24" s="1191"/>
      <c r="E24" s="1191"/>
      <c r="F24" s="1191"/>
      <c r="G24" s="1192"/>
      <c r="I24" s="188" t="s">
        <v>513</v>
      </c>
      <c r="J24" s="1014" t="s">
        <v>1130</v>
      </c>
      <c r="K24" s="1015"/>
      <c r="L24" s="1015"/>
      <c r="M24" s="1015"/>
      <c r="N24" s="1015"/>
      <c r="O24" s="1015"/>
      <c r="P24" s="1015"/>
      <c r="Q24" s="1015"/>
      <c r="R24" s="1016"/>
      <c r="S24" s="252"/>
      <c r="T24" s="492" t="s">
        <v>175</v>
      </c>
      <c r="U24" s="252"/>
      <c r="V24" s="493" t="s">
        <v>175</v>
      </c>
      <c r="W24" s="181"/>
      <c r="X24" s="493" t="s">
        <v>175</v>
      </c>
      <c r="Y24" s="1193"/>
      <c r="Z24" s="1194"/>
      <c r="AB24" s="778" t="s">
        <v>550</v>
      </c>
      <c r="AC24" s="778"/>
      <c r="AE24" s="291" t="s">
        <v>0</v>
      </c>
      <c r="AF24" s="178" t="s">
        <v>217</v>
      </c>
      <c r="AG24" s="338" t="s">
        <v>0</v>
      </c>
      <c r="AH24" s="149"/>
    </row>
    <row r="25" spans="2:34" s="8" customFormat="1" ht="27" customHeight="1" x14ac:dyDescent="0.15">
      <c r="B25" s="9"/>
      <c r="C25" s="151"/>
      <c r="D25" s="495"/>
      <c r="E25" s="495"/>
      <c r="F25" s="495"/>
      <c r="G25" s="494"/>
      <c r="I25" s="188" t="s">
        <v>511</v>
      </c>
      <c r="J25" s="1195" t="s">
        <v>1116</v>
      </c>
      <c r="K25" s="1196"/>
      <c r="L25" s="1196"/>
      <c r="M25" s="1196"/>
      <c r="N25" s="1196"/>
      <c r="O25" s="1196"/>
      <c r="P25" s="1196"/>
      <c r="Q25" s="1196"/>
      <c r="R25" s="1197"/>
      <c r="S25" s="252"/>
      <c r="T25" s="492" t="s">
        <v>339</v>
      </c>
      <c r="U25" s="252"/>
      <c r="V25" s="493" t="s">
        <v>339</v>
      </c>
      <c r="W25" s="181"/>
      <c r="X25" s="493" t="s">
        <v>339</v>
      </c>
      <c r="Y25" s="247"/>
      <c r="Z25" s="493" t="s">
        <v>339</v>
      </c>
      <c r="AA25" s="8" t="s">
        <v>275</v>
      </c>
      <c r="AB25" s="993" t="s">
        <v>1119</v>
      </c>
      <c r="AC25" s="993"/>
      <c r="AD25" s="994"/>
      <c r="AE25" s="20"/>
      <c r="AF25" s="16"/>
      <c r="AG25" s="150"/>
      <c r="AH25" s="149"/>
    </row>
    <row r="26" spans="2:34" s="8" customFormat="1" ht="11.25" customHeight="1" x14ac:dyDescent="0.15">
      <c r="B26" s="9"/>
      <c r="C26" s="173"/>
      <c r="D26" s="172"/>
      <c r="E26" s="172"/>
      <c r="F26" s="172"/>
      <c r="G26" s="171"/>
      <c r="J26" s="154"/>
      <c r="K26" s="154"/>
      <c r="L26" s="154"/>
      <c r="M26" s="154"/>
      <c r="N26" s="154"/>
      <c r="O26" s="154"/>
      <c r="P26" s="154"/>
      <c r="Q26" s="154"/>
      <c r="R26" s="154"/>
      <c r="S26" s="154"/>
      <c r="T26" s="154"/>
      <c r="U26" s="154"/>
      <c r="W26" s="17"/>
      <c r="Y26" s="17"/>
      <c r="AA26" s="17"/>
      <c r="AB26" s="17"/>
      <c r="AE26" s="810"/>
      <c r="AF26" s="778"/>
      <c r="AG26" s="811"/>
      <c r="AH26" s="149"/>
    </row>
    <row r="27" spans="2:34" s="8" customFormat="1" ht="11.25" customHeight="1" x14ac:dyDescent="0.15">
      <c r="B27" s="173"/>
      <c r="C27" s="157"/>
      <c r="D27" s="157"/>
      <c r="E27" s="157"/>
      <c r="F27" s="157"/>
      <c r="G27" s="157"/>
      <c r="H27" s="157"/>
      <c r="I27" s="157"/>
      <c r="J27" s="157"/>
      <c r="K27" s="157"/>
      <c r="L27" s="157"/>
      <c r="M27" s="157"/>
      <c r="N27" s="157"/>
      <c r="O27" s="157"/>
      <c r="P27" s="157"/>
      <c r="Q27" s="157"/>
      <c r="R27" s="157"/>
      <c r="S27" s="157"/>
      <c r="T27" s="157"/>
      <c r="U27" s="157"/>
      <c r="V27" s="157"/>
      <c r="W27" s="157"/>
      <c r="X27" s="157"/>
      <c r="Y27" s="157"/>
      <c r="Z27" s="157"/>
      <c r="AA27" s="157"/>
      <c r="AB27" s="157"/>
      <c r="AC27" s="157"/>
      <c r="AD27" s="157"/>
      <c r="AE27" s="157"/>
      <c r="AF27" s="157"/>
      <c r="AG27" s="157"/>
      <c r="AH27" s="149"/>
    </row>
    <row r="28" spans="2:34" s="8" customFormat="1" ht="21" customHeight="1" x14ac:dyDescent="0.15">
      <c r="B28" s="181"/>
      <c r="C28" s="181"/>
      <c r="D28" s="181"/>
      <c r="E28" s="181"/>
      <c r="F28" s="181"/>
      <c r="G28" s="181"/>
      <c r="H28" s="181"/>
      <c r="I28" s="181"/>
      <c r="J28" s="181"/>
      <c r="K28" s="181"/>
      <c r="L28" s="181"/>
      <c r="M28" s="181"/>
      <c r="N28" s="181"/>
      <c r="O28" s="181"/>
      <c r="P28" s="181"/>
      <c r="Q28" s="181"/>
      <c r="R28" s="181"/>
      <c r="S28" s="181"/>
      <c r="T28" s="181"/>
      <c r="U28" s="181"/>
      <c r="V28" s="181"/>
      <c r="W28" s="181"/>
      <c r="X28" s="181"/>
      <c r="Y28" s="181"/>
      <c r="Z28" s="181"/>
      <c r="AA28" s="181"/>
      <c r="AB28" s="181"/>
      <c r="AC28" s="181"/>
      <c r="AD28" s="181"/>
      <c r="AE28" s="181"/>
      <c r="AF28" s="181"/>
      <c r="AG28" s="181"/>
      <c r="AH28" s="181"/>
    </row>
    <row r="29" spans="2:34" s="8" customFormat="1" ht="27" customHeight="1" x14ac:dyDescent="0.15">
      <c r="B29" s="158" t="s">
        <v>1129</v>
      </c>
      <c r="C29" s="181" t="s">
        <v>1128</v>
      </c>
      <c r="D29" s="181"/>
      <c r="E29" s="181"/>
      <c r="F29" s="181"/>
      <c r="G29" s="181"/>
      <c r="H29" s="181"/>
      <c r="I29" s="181"/>
      <c r="J29" s="181"/>
      <c r="K29" s="181"/>
      <c r="L29" s="181"/>
      <c r="M29" s="181"/>
      <c r="N29" s="181"/>
      <c r="O29" s="181"/>
      <c r="P29" s="181"/>
      <c r="Q29" s="181"/>
      <c r="R29" s="181"/>
      <c r="S29" s="492"/>
      <c r="T29" s="181"/>
      <c r="U29" s="181"/>
      <c r="V29" s="181"/>
      <c r="W29" s="181"/>
      <c r="X29" s="181"/>
      <c r="Y29" s="157"/>
      <c r="Z29" s="157"/>
      <c r="AA29" s="181"/>
      <c r="AB29" s="181"/>
      <c r="AC29" s="181"/>
      <c r="AD29" s="157"/>
      <c r="AE29" s="157"/>
      <c r="AF29" s="157"/>
      <c r="AG29" s="157"/>
      <c r="AH29" s="156"/>
    </row>
    <row r="30" spans="2:34" s="8" customFormat="1" ht="11.25" customHeight="1" x14ac:dyDescent="0.15">
      <c r="B30" s="9"/>
      <c r="C30" s="158"/>
      <c r="D30" s="157"/>
      <c r="E30" s="157"/>
      <c r="F30" s="157"/>
      <c r="G30" s="156"/>
      <c r="H30" s="157"/>
      <c r="I30" s="157"/>
      <c r="J30" s="157"/>
      <c r="K30" s="157"/>
      <c r="L30" s="157"/>
      <c r="M30" s="157"/>
      <c r="N30" s="157"/>
      <c r="O30" s="157"/>
      <c r="P30" s="157"/>
      <c r="Q30" s="157"/>
      <c r="R30" s="157"/>
      <c r="S30" s="157"/>
      <c r="T30" s="157"/>
      <c r="U30" s="157"/>
      <c r="V30" s="157"/>
      <c r="W30" s="157"/>
      <c r="X30" s="157"/>
      <c r="Y30" s="157"/>
      <c r="Z30" s="157"/>
      <c r="AA30" s="157"/>
      <c r="AB30" s="157"/>
      <c r="AC30" s="157"/>
      <c r="AD30" s="157"/>
      <c r="AE30" s="158"/>
      <c r="AF30" s="157"/>
      <c r="AG30" s="156"/>
      <c r="AH30" s="149"/>
    </row>
    <row r="31" spans="2:34" s="8" customFormat="1" ht="27" customHeight="1" x14ac:dyDescent="0.15">
      <c r="B31" s="9"/>
      <c r="C31" s="926" t="s">
        <v>1127</v>
      </c>
      <c r="D31" s="807"/>
      <c r="E31" s="807"/>
      <c r="F31" s="807"/>
      <c r="G31" s="927"/>
      <c r="S31" s="1198" t="s">
        <v>1126</v>
      </c>
      <c r="T31" s="1199"/>
      <c r="U31" s="1198" t="s">
        <v>1125</v>
      </c>
      <c r="V31" s="1199"/>
      <c r="W31" s="1198" t="s">
        <v>1124</v>
      </c>
      <c r="X31" s="1199"/>
      <c r="Y31" s="780" t="s">
        <v>1123</v>
      </c>
      <c r="Z31" s="782"/>
      <c r="AE31" s="9"/>
      <c r="AG31" s="149"/>
      <c r="AH31" s="149"/>
    </row>
    <row r="32" spans="2:34" s="8" customFormat="1" ht="27" customHeight="1" x14ac:dyDescent="0.15">
      <c r="B32" s="9"/>
      <c r="C32" s="926"/>
      <c r="D32" s="807"/>
      <c r="E32" s="807"/>
      <c r="F32" s="807"/>
      <c r="G32" s="927"/>
      <c r="I32" s="188" t="s">
        <v>279</v>
      </c>
      <c r="J32" s="1195" t="s">
        <v>1122</v>
      </c>
      <c r="K32" s="1196"/>
      <c r="L32" s="1196"/>
      <c r="M32" s="1196"/>
      <c r="N32" s="1196"/>
      <c r="O32" s="1196"/>
      <c r="P32" s="1196"/>
      <c r="Q32" s="1196"/>
      <c r="R32" s="1197"/>
      <c r="S32" s="252"/>
      <c r="T32" s="492" t="s">
        <v>175</v>
      </c>
      <c r="U32" s="252"/>
      <c r="V32" s="493" t="s">
        <v>175</v>
      </c>
      <c r="W32" s="181"/>
      <c r="X32" s="493" t="s">
        <v>175</v>
      </c>
      <c r="Y32" s="1193"/>
      <c r="Z32" s="1194"/>
      <c r="AE32" s="9"/>
      <c r="AG32" s="149"/>
      <c r="AH32" s="149"/>
    </row>
    <row r="33" spans="2:34" s="8" customFormat="1" ht="27" customHeight="1" x14ac:dyDescent="0.15">
      <c r="B33" s="9"/>
      <c r="C33" s="926"/>
      <c r="D33" s="807"/>
      <c r="E33" s="807"/>
      <c r="F33" s="807"/>
      <c r="G33" s="927"/>
      <c r="I33" s="188" t="s">
        <v>277</v>
      </c>
      <c r="J33" s="1014" t="s">
        <v>1121</v>
      </c>
      <c r="K33" s="1015"/>
      <c r="L33" s="1015"/>
      <c r="M33" s="1015"/>
      <c r="N33" s="1015"/>
      <c r="O33" s="1015"/>
      <c r="P33" s="1015"/>
      <c r="Q33" s="1015"/>
      <c r="R33" s="1016"/>
      <c r="S33" s="252"/>
      <c r="T33" s="492" t="s">
        <v>175</v>
      </c>
      <c r="U33" s="252"/>
      <c r="V33" s="493" t="s">
        <v>175</v>
      </c>
      <c r="W33" s="181"/>
      <c r="X33" s="493" t="s">
        <v>175</v>
      </c>
      <c r="Y33" s="1193"/>
      <c r="Z33" s="1194"/>
      <c r="AA33" s="778" t="s">
        <v>1120</v>
      </c>
      <c r="AB33" s="778"/>
      <c r="AC33" s="778"/>
      <c r="AD33" s="811"/>
      <c r="AE33" s="9"/>
      <c r="AG33" s="149"/>
      <c r="AH33" s="149"/>
    </row>
    <row r="34" spans="2:34" s="8" customFormat="1" ht="27" customHeight="1" x14ac:dyDescent="0.15">
      <c r="B34" s="9"/>
      <c r="C34" s="9"/>
      <c r="G34" s="149"/>
      <c r="I34" s="188" t="s">
        <v>293</v>
      </c>
      <c r="J34" s="1195" t="s">
        <v>795</v>
      </c>
      <c r="K34" s="1196"/>
      <c r="L34" s="1196"/>
      <c r="M34" s="1196"/>
      <c r="N34" s="1196"/>
      <c r="O34" s="1196"/>
      <c r="P34" s="1196"/>
      <c r="Q34" s="1196"/>
      <c r="R34" s="1197"/>
      <c r="S34" s="158"/>
      <c r="T34" s="490" t="s">
        <v>339</v>
      </c>
      <c r="U34" s="158"/>
      <c r="V34" s="496" t="s">
        <v>339</v>
      </c>
      <c r="W34" s="157"/>
      <c r="X34" s="496" t="s">
        <v>339</v>
      </c>
      <c r="Y34" s="247"/>
      <c r="Z34" s="493" t="s">
        <v>339</v>
      </c>
      <c r="AA34" s="8" t="s">
        <v>275</v>
      </c>
      <c r="AB34" s="993" t="s">
        <v>1119</v>
      </c>
      <c r="AC34" s="993"/>
      <c r="AD34" s="994"/>
      <c r="AE34" s="340" t="s">
        <v>227</v>
      </c>
      <c r="AF34" s="152" t="s">
        <v>217</v>
      </c>
      <c r="AG34" s="339" t="s">
        <v>226</v>
      </c>
      <c r="AH34" s="149"/>
    </row>
    <row r="35" spans="2:34" s="8" customFormat="1" ht="27" customHeight="1" x14ac:dyDescent="0.15">
      <c r="B35" s="9"/>
      <c r="C35" s="810"/>
      <c r="D35" s="1191"/>
      <c r="E35" s="1191"/>
      <c r="F35" s="1191"/>
      <c r="G35" s="1192"/>
      <c r="I35" s="188" t="s">
        <v>513</v>
      </c>
      <c r="J35" s="1014" t="s">
        <v>1118</v>
      </c>
      <c r="K35" s="1015"/>
      <c r="L35" s="1015"/>
      <c r="M35" s="1015"/>
      <c r="N35" s="1015"/>
      <c r="O35" s="1015"/>
      <c r="P35" s="1015"/>
      <c r="Q35" s="1015"/>
      <c r="R35" s="1016"/>
      <c r="S35" s="252"/>
      <c r="T35" s="492" t="s">
        <v>175</v>
      </c>
      <c r="U35" s="252"/>
      <c r="V35" s="493" t="s">
        <v>175</v>
      </c>
      <c r="W35" s="181"/>
      <c r="X35" s="493" t="s">
        <v>175</v>
      </c>
      <c r="Y35" s="1193"/>
      <c r="Z35" s="1194"/>
      <c r="AA35" s="16"/>
      <c r="AB35" s="778" t="s">
        <v>1117</v>
      </c>
      <c r="AC35" s="778"/>
      <c r="AE35" s="291" t="s">
        <v>0</v>
      </c>
      <c r="AF35" s="178" t="s">
        <v>217</v>
      </c>
      <c r="AG35" s="338" t="s">
        <v>0</v>
      </c>
      <c r="AH35" s="149"/>
    </row>
    <row r="36" spans="2:34" s="8" customFormat="1" ht="27" customHeight="1" x14ac:dyDescent="0.15">
      <c r="B36" s="9"/>
      <c r="C36" s="151"/>
      <c r="D36" s="495"/>
      <c r="E36" s="495"/>
      <c r="F36" s="495"/>
      <c r="G36" s="494"/>
      <c r="I36" s="188" t="s">
        <v>511</v>
      </c>
      <c r="J36" s="1195" t="s">
        <v>1116</v>
      </c>
      <c r="K36" s="1196"/>
      <c r="L36" s="1196"/>
      <c r="M36" s="1196"/>
      <c r="N36" s="1196"/>
      <c r="O36" s="1196"/>
      <c r="P36" s="1196"/>
      <c r="Q36" s="1196"/>
      <c r="R36" s="1197"/>
      <c r="S36" s="252"/>
      <c r="T36" s="492" t="s">
        <v>339</v>
      </c>
      <c r="U36" s="252"/>
      <c r="V36" s="493" t="s">
        <v>339</v>
      </c>
      <c r="W36" s="181"/>
      <c r="X36" s="493" t="s">
        <v>339</v>
      </c>
      <c r="Y36" s="247"/>
      <c r="Z36" s="493" t="s">
        <v>339</v>
      </c>
      <c r="AA36" s="8" t="s">
        <v>275</v>
      </c>
      <c r="AB36" s="993" t="s">
        <v>1040</v>
      </c>
      <c r="AC36" s="993"/>
      <c r="AD36" s="994"/>
      <c r="AE36" s="20"/>
      <c r="AF36" s="16"/>
      <c r="AG36" s="150"/>
      <c r="AH36" s="149"/>
    </row>
    <row r="37" spans="2:34" s="8" customFormat="1" ht="12" customHeight="1" x14ac:dyDescent="0.15">
      <c r="B37" s="9"/>
      <c r="C37" s="173"/>
      <c r="D37" s="172"/>
      <c r="E37" s="172"/>
      <c r="F37" s="172"/>
      <c r="G37" s="171"/>
      <c r="J37" s="154"/>
      <c r="K37" s="154"/>
      <c r="L37" s="154"/>
      <c r="M37" s="154"/>
      <c r="N37" s="154"/>
      <c r="O37" s="154"/>
      <c r="P37" s="154"/>
      <c r="Q37" s="154"/>
      <c r="R37" s="154"/>
      <c r="S37" s="154"/>
      <c r="T37" s="154"/>
      <c r="U37" s="154"/>
      <c r="W37" s="17"/>
      <c r="Y37" s="17"/>
      <c r="AA37" s="17"/>
      <c r="AB37" s="17"/>
      <c r="AE37" s="810"/>
      <c r="AF37" s="778"/>
      <c r="AG37" s="811"/>
      <c r="AH37" s="149"/>
    </row>
    <row r="38" spans="2:34" s="8" customFormat="1" ht="11.25" customHeight="1" x14ac:dyDescent="0.15">
      <c r="B38" s="173"/>
      <c r="C38" s="172"/>
      <c r="D38" s="172"/>
      <c r="E38" s="172"/>
      <c r="F38" s="172"/>
      <c r="G38" s="172"/>
      <c r="H38" s="181"/>
      <c r="I38" s="181"/>
      <c r="J38" s="473"/>
      <c r="K38" s="473"/>
      <c r="L38" s="473"/>
      <c r="M38" s="473"/>
      <c r="N38" s="473"/>
      <c r="O38" s="473"/>
      <c r="P38" s="473"/>
      <c r="Q38" s="473"/>
      <c r="R38" s="473"/>
      <c r="S38" s="473"/>
      <c r="T38" s="473"/>
      <c r="U38" s="473"/>
      <c r="V38" s="181"/>
      <c r="W38" s="492"/>
      <c r="X38" s="181"/>
      <c r="Y38" s="492"/>
      <c r="Z38" s="181"/>
      <c r="AA38" s="492"/>
      <c r="AB38" s="492"/>
      <c r="AC38" s="181"/>
      <c r="AD38" s="181"/>
      <c r="AE38" s="491"/>
      <c r="AF38" s="491"/>
      <c r="AG38" s="480"/>
      <c r="AH38" s="149"/>
    </row>
    <row r="39" spans="2:34" ht="19.5" customHeight="1" x14ac:dyDescent="0.15">
      <c r="C39" s="938" t="s">
        <v>1115</v>
      </c>
      <c r="D39" s="789"/>
      <c r="E39" s="789"/>
      <c r="F39" s="789"/>
      <c r="G39" s="789"/>
      <c r="H39" s="789"/>
      <c r="I39" s="789"/>
      <c r="J39" s="789"/>
      <c r="K39" s="789"/>
      <c r="L39" s="789"/>
      <c r="M39" s="789"/>
      <c r="N39" s="789"/>
      <c r="O39" s="789"/>
      <c r="P39" s="789"/>
      <c r="Q39" s="789"/>
      <c r="R39" s="789"/>
      <c r="S39" s="789"/>
      <c r="T39" s="789"/>
      <c r="U39" s="789"/>
      <c r="V39" s="789"/>
      <c r="W39" s="789"/>
      <c r="X39" s="789"/>
      <c r="Y39" s="789"/>
      <c r="Z39" s="789"/>
      <c r="AA39" s="789"/>
      <c r="AB39" s="789"/>
      <c r="AC39" s="789"/>
      <c r="AD39" s="789"/>
      <c r="AE39" s="789"/>
      <c r="AF39" s="789"/>
      <c r="AG39" s="938"/>
      <c r="AH39" s="4"/>
    </row>
    <row r="40" spans="2:34" x14ac:dyDescent="0.15">
      <c r="C40" s="789" t="s">
        <v>1104</v>
      </c>
      <c r="D40" s="789"/>
      <c r="E40" s="789"/>
      <c r="F40" s="789"/>
      <c r="G40" s="789"/>
      <c r="H40" s="789"/>
      <c r="I40" s="789"/>
      <c r="J40" s="789"/>
      <c r="K40" s="789"/>
      <c r="L40" s="789"/>
      <c r="M40" s="789"/>
      <c r="N40" s="789"/>
      <c r="O40" s="789"/>
      <c r="P40" s="789"/>
      <c r="Q40" s="789"/>
      <c r="R40" s="789"/>
      <c r="S40" s="789"/>
      <c r="T40" s="789"/>
      <c r="U40" s="789"/>
      <c r="V40" s="789"/>
      <c r="W40" s="789"/>
      <c r="X40" s="789"/>
      <c r="Y40" s="789"/>
      <c r="Z40" s="789"/>
      <c r="AA40" s="789"/>
      <c r="AB40" s="789"/>
      <c r="AC40" s="789"/>
      <c r="AD40" s="789"/>
      <c r="AE40" s="789"/>
      <c r="AF40" s="789"/>
      <c r="AG40" s="789"/>
    </row>
  </sheetData>
  <mergeCells count="61">
    <mergeCell ref="J15:U15"/>
    <mergeCell ref="V15:W15"/>
    <mergeCell ref="Z15:AC15"/>
    <mergeCell ref="C5:AG5"/>
    <mergeCell ref="C7:G7"/>
    <mergeCell ref="H7:AH7"/>
    <mergeCell ref="C8:G8"/>
    <mergeCell ref="C9:G9"/>
    <mergeCell ref="C10:G10"/>
    <mergeCell ref="C14:G15"/>
    <mergeCell ref="J14:U14"/>
    <mergeCell ref="V14:W14"/>
    <mergeCell ref="C16:G16"/>
    <mergeCell ref="J16:U16"/>
    <mergeCell ref="V16:W16"/>
    <mergeCell ref="Z16:AC16"/>
    <mergeCell ref="J17:U17"/>
    <mergeCell ref="V17:W17"/>
    <mergeCell ref="Z17:AC17"/>
    <mergeCell ref="C20:G21"/>
    <mergeCell ref="S20:T20"/>
    <mergeCell ref="U20:V20"/>
    <mergeCell ref="W20:X20"/>
    <mergeCell ref="Y20:Z20"/>
    <mergeCell ref="J21:R21"/>
    <mergeCell ref="Y21:Z21"/>
    <mergeCell ref="C22:G22"/>
    <mergeCell ref="J22:R22"/>
    <mergeCell ref="Y22:Z22"/>
    <mergeCell ref="AA22:AD22"/>
    <mergeCell ref="J23:R23"/>
    <mergeCell ref="AB23:AD23"/>
    <mergeCell ref="C24:G24"/>
    <mergeCell ref="J24:R24"/>
    <mergeCell ref="Y24:Z24"/>
    <mergeCell ref="AB24:AC24"/>
    <mergeCell ref="J25:R25"/>
    <mergeCell ref="AB25:AD25"/>
    <mergeCell ref="AE26:AG26"/>
    <mergeCell ref="C31:G32"/>
    <mergeCell ref="S31:T31"/>
    <mergeCell ref="U31:V31"/>
    <mergeCell ref="W31:X31"/>
    <mergeCell ref="Y31:Z31"/>
    <mergeCell ref="J32:R32"/>
    <mergeCell ref="Y32:Z32"/>
    <mergeCell ref="C33:G33"/>
    <mergeCell ref="J33:R33"/>
    <mergeCell ref="Y33:Z33"/>
    <mergeCell ref="AA33:AD33"/>
    <mergeCell ref="J34:R34"/>
    <mergeCell ref="AB34:AD34"/>
    <mergeCell ref="AE37:AG37"/>
    <mergeCell ref="C39:AG39"/>
    <mergeCell ref="C40:AG40"/>
    <mergeCell ref="C35:G35"/>
    <mergeCell ref="J35:R35"/>
    <mergeCell ref="Y35:Z35"/>
    <mergeCell ref="AB35:AC35"/>
    <mergeCell ref="J36:R36"/>
    <mergeCell ref="AB36:AD36"/>
  </mergeCells>
  <phoneticPr fontId="2"/>
  <dataValidations count="1">
    <dataValidation type="list" allowBlank="1" showInputMessage="1" showErrorMessage="1" sqref="I8:I10 N8 S8 AE17 AG17 AE24 AG24 AE35 AG35">
      <formula1>"□,■"</formula1>
    </dataValidation>
  </dataValidations>
  <pageMargins left="0.7" right="0.7" top="0.75" bottom="0.75" header="0.3" footer="0.3"/>
  <pageSetup paperSize="9" scale="70" orientation="portrait" r:id="rId1"/>
</worksheet>
</file>

<file path=xl/worksheets/sheet4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K62"/>
  <sheetViews>
    <sheetView zoomScaleNormal="100" zoomScaleSheetLayoutView="70" workbookViewId="0">
      <selection activeCell="C87" sqref="C87"/>
    </sheetView>
  </sheetViews>
  <sheetFormatPr defaultColWidth="3.5" defaultRowHeight="13.5" x14ac:dyDescent="0.15"/>
  <cols>
    <col min="1" max="1" width="1.375" style="3" customWidth="1"/>
    <col min="2" max="2" width="2.5" style="3" customWidth="1"/>
    <col min="3" max="3" width="3" style="140" customWidth="1"/>
    <col min="4" max="7" width="4.875" style="3" customWidth="1"/>
    <col min="8" max="8" width="3.875" style="3" customWidth="1"/>
    <col min="9" max="25" width="4.875" style="3" customWidth="1"/>
    <col min="26" max="28" width="5.25" style="3" customWidth="1"/>
    <col min="29" max="31" width="4.875" style="3" customWidth="1"/>
    <col min="32" max="32" width="2.25" style="3" customWidth="1"/>
    <col min="33" max="33" width="1.375" style="3" customWidth="1"/>
    <col min="34" max="16384" width="3.5" style="3"/>
  </cols>
  <sheetData>
    <row r="1" spans="1:37" s="8" customFormat="1" x14ac:dyDescent="0.15"/>
    <row r="2" spans="1:37" s="8" customFormat="1" x14ac:dyDescent="0.15">
      <c r="C2" s="8" t="s">
        <v>1194</v>
      </c>
    </row>
    <row r="3" spans="1:37" s="8" customFormat="1" x14ac:dyDescent="0.15">
      <c r="Y3" s="17" t="s">
        <v>12</v>
      </c>
      <c r="Z3" s="18"/>
      <c r="AA3" s="18" t="s">
        <v>11</v>
      </c>
      <c r="AB3" s="18"/>
      <c r="AC3" s="18" t="s">
        <v>21</v>
      </c>
      <c r="AD3" s="18"/>
      <c r="AE3" s="18" t="s">
        <v>20</v>
      </c>
    </row>
    <row r="4" spans="1:37" s="8" customFormat="1" x14ac:dyDescent="0.15">
      <c r="AE4" s="17"/>
    </row>
    <row r="5" spans="1:37" s="8" customFormat="1" ht="27" customHeight="1" x14ac:dyDescent="0.15">
      <c r="C5" s="807" t="s">
        <v>1193</v>
      </c>
      <c r="D5" s="778"/>
      <c r="E5" s="778"/>
      <c r="F5" s="778"/>
      <c r="G5" s="778"/>
      <c r="H5" s="778"/>
      <c r="I5" s="778"/>
      <c r="J5" s="778"/>
      <c r="K5" s="778"/>
      <c r="L5" s="778"/>
      <c r="M5" s="778"/>
      <c r="N5" s="778"/>
      <c r="O5" s="778"/>
      <c r="P5" s="778"/>
      <c r="Q5" s="778"/>
      <c r="R5" s="778"/>
      <c r="S5" s="778"/>
      <c r="T5" s="778"/>
      <c r="U5" s="778"/>
      <c r="V5" s="778"/>
      <c r="W5" s="778"/>
      <c r="X5" s="778"/>
      <c r="Y5" s="778"/>
      <c r="Z5" s="778"/>
      <c r="AA5" s="778"/>
      <c r="AB5" s="778"/>
      <c r="AC5" s="778"/>
      <c r="AD5" s="778"/>
      <c r="AE5" s="778"/>
    </row>
    <row r="6" spans="1:37" s="8" customFormat="1" x14ac:dyDescent="0.15"/>
    <row r="7" spans="1:37" s="8" customFormat="1" ht="27" customHeight="1" x14ac:dyDescent="0.15">
      <c r="B7" s="252"/>
      <c r="C7" s="793" t="s">
        <v>1192</v>
      </c>
      <c r="D7" s="804"/>
      <c r="E7" s="804"/>
      <c r="F7" s="804"/>
      <c r="G7" s="804"/>
      <c r="H7" s="804"/>
      <c r="I7" s="791"/>
      <c r="J7" s="792"/>
      <c r="K7" s="792"/>
      <c r="L7" s="792"/>
      <c r="M7" s="792"/>
      <c r="N7" s="792"/>
      <c r="O7" s="792"/>
      <c r="P7" s="792"/>
      <c r="Q7" s="792"/>
      <c r="R7" s="792"/>
      <c r="S7" s="792"/>
      <c r="T7" s="792"/>
      <c r="U7" s="792"/>
      <c r="V7" s="792"/>
      <c r="W7" s="792"/>
      <c r="X7" s="792"/>
      <c r="Y7" s="792"/>
      <c r="Z7" s="792"/>
      <c r="AA7" s="792"/>
      <c r="AB7" s="792"/>
      <c r="AC7" s="792"/>
      <c r="AD7" s="792"/>
      <c r="AE7" s="792"/>
      <c r="AF7" s="793"/>
    </row>
    <row r="8" spans="1:37" ht="27" customHeight="1" x14ac:dyDescent="0.15">
      <c r="A8" s="10"/>
      <c r="B8" s="505"/>
      <c r="C8" s="792" t="s">
        <v>1100</v>
      </c>
      <c r="D8" s="792"/>
      <c r="E8" s="792"/>
      <c r="F8" s="792"/>
      <c r="G8" s="792"/>
      <c r="H8" s="793"/>
      <c r="I8" s="180" t="s">
        <v>0</v>
      </c>
      <c r="J8" s="168" t="s">
        <v>1191</v>
      </c>
      <c r="K8" s="168"/>
      <c r="L8" s="168"/>
      <c r="M8" s="168"/>
      <c r="N8" s="495" t="s">
        <v>0</v>
      </c>
      <c r="O8" s="168" t="s">
        <v>1190</v>
      </c>
      <c r="P8" s="168"/>
      <c r="Q8" s="168"/>
      <c r="R8" s="168"/>
      <c r="S8" s="495" t="s">
        <v>0</v>
      </c>
      <c r="T8" s="168" t="s">
        <v>1189</v>
      </c>
      <c r="U8"/>
      <c r="V8" s="168"/>
      <c r="W8" s="168"/>
      <c r="X8" s="168"/>
      <c r="Y8" s="168"/>
      <c r="Z8" s="168"/>
      <c r="AA8" s="168"/>
      <c r="AB8" s="168"/>
      <c r="AC8" s="168"/>
      <c r="AD8" s="168"/>
      <c r="AE8" s="168"/>
      <c r="AF8" s="7"/>
      <c r="AG8"/>
      <c r="AH8"/>
      <c r="AI8"/>
      <c r="AJ8"/>
      <c r="AK8"/>
    </row>
    <row r="9" spans="1:37" ht="27" customHeight="1" x14ac:dyDescent="0.15">
      <c r="A9" s="10"/>
      <c r="B9"/>
      <c r="C9" s="809" t="s">
        <v>1188</v>
      </c>
      <c r="D9" s="809"/>
      <c r="E9" s="809"/>
      <c r="F9" s="809"/>
      <c r="G9" s="809"/>
      <c r="H9" s="821"/>
      <c r="I9" s="495" t="s">
        <v>0</v>
      </c>
      <c r="J9" s="157" t="s">
        <v>1187</v>
      </c>
      <c r="K9" s="166"/>
      <c r="L9" s="166"/>
      <c r="M9" s="166"/>
      <c r="N9" s="166"/>
      <c r="O9" s="166"/>
      <c r="P9" s="166"/>
      <c r="Q9" s="166"/>
      <c r="R9" s="166"/>
      <c r="S9" s="166"/>
      <c r="T9" s="166"/>
      <c r="U9" s="166"/>
      <c r="V9" s="166"/>
      <c r="W9" s="166"/>
      <c r="X9" s="166"/>
      <c r="Y9" s="166"/>
      <c r="Z9" s="166"/>
      <c r="AA9" s="166"/>
      <c r="AB9" s="166"/>
      <c r="AC9" s="166"/>
      <c r="AD9" s="166"/>
      <c r="AE9" s="166"/>
      <c r="AF9" s="504"/>
      <c r="AG9"/>
      <c r="AH9"/>
      <c r="AI9"/>
      <c r="AJ9"/>
      <c r="AK9"/>
    </row>
    <row r="10" spans="1:37" ht="27" customHeight="1" x14ac:dyDescent="0.15">
      <c r="A10" s="10"/>
      <c r="B10"/>
      <c r="C10" s="809"/>
      <c r="D10" s="809"/>
      <c r="E10" s="809"/>
      <c r="F10" s="809"/>
      <c r="G10" s="809"/>
      <c r="H10" s="821"/>
      <c r="I10" s="495" t="s">
        <v>0</v>
      </c>
      <c r="J10" s="8" t="s">
        <v>1186</v>
      </c>
      <c r="K10" s="16"/>
      <c r="L10" s="16"/>
      <c r="M10" s="16"/>
      <c r="N10" s="16"/>
      <c r="O10" s="16"/>
      <c r="P10" s="16"/>
      <c r="Q10" s="16"/>
      <c r="R10" s="16"/>
      <c r="S10" s="16"/>
      <c r="T10" s="16"/>
      <c r="U10" s="16"/>
      <c r="V10" s="16"/>
      <c r="W10" s="16"/>
      <c r="X10" s="16"/>
      <c r="Y10" s="16"/>
      <c r="Z10" s="16"/>
      <c r="AA10" s="16"/>
      <c r="AB10" s="16"/>
      <c r="AC10" s="16"/>
      <c r="AD10" s="16"/>
      <c r="AE10" s="16"/>
      <c r="AF10" s="2"/>
      <c r="AG10"/>
      <c r="AH10"/>
      <c r="AI10"/>
      <c r="AJ10"/>
      <c r="AK10"/>
    </row>
    <row r="11" spans="1:37" ht="27" customHeight="1" x14ac:dyDescent="0.15">
      <c r="A11" s="10"/>
      <c r="B11"/>
      <c r="C11" s="809"/>
      <c r="D11" s="809"/>
      <c r="E11" s="809"/>
      <c r="F11" s="809"/>
      <c r="G11" s="809"/>
      <c r="H11" s="821"/>
      <c r="I11" s="495" t="s">
        <v>0</v>
      </c>
      <c r="J11" s="16" t="s">
        <v>1185</v>
      </c>
      <c r="K11" s="16"/>
      <c r="L11" s="16"/>
      <c r="M11" s="16"/>
      <c r="N11" s="16"/>
      <c r="O11" s="16"/>
      <c r="P11" s="16"/>
      <c r="Q11" s="16"/>
      <c r="R11" s="16"/>
      <c r="S11" s="16"/>
      <c r="T11" s="16"/>
      <c r="U11" s="16"/>
      <c r="V11" s="16"/>
      <c r="W11" s="16"/>
      <c r="X11" s="16"/>
      <c r="Y11" s="16"/>
      <c r="Z11" s="16"/>
      <c r="AA11" s="16"/>
      <c r="AB11" s="16"/>
      <c r="AC11" s="16"/>
      <c r="AD11" s="16"/>
      <c r="AE11" s="16"/>
      <c r="AF11" s="2"/>
      <c r="AG11"/>
      <c r="AH11"/>
      <c r="AI11"/>
      <c r="AJ11"/>
      <c r="AK11"/>
    </row>
    <row r="12" spans="1:37" ht="27" customHeight="1" x14ac:dyDescent="0.15">
      <c r="A12" s="10"/>
      <c r="B12"/>
      <c r="C12" s="809"/>
      <c r="D12" s="809"/>
      <c r="E12" s="809"/>
      <c r="F12" s="809"/>
      <c r="G12" s="809"/>
      <c r="H12" s="821"/>
      <c r="I12" s="495" t="s">
        <v>0</v>
      </c>
      <c r="J12" s="16" t="s">
        <v>1184</v>
      </c>
      <c r="K12" s="16"/>
      <c r="L12" s="16"/>
      <c r="M12" s="16"/>
      <c r="N12" s="16"/>
      <c r="O12" s="16"/>
      <c r="P12" s="16"/>
      <c r="Q12" s="16"/>
      <c r="R12" s="16"/>
      <c r="S12" s="16"/>
      <c r="T12" s="16"/>
      <c r="U12" s="16"/>
      <c r="V12" s="16"/>
      <c r="W12" s="16"/>
      <c r="X12" s="16"/>
      <c r="Y12" s="16"/>
      <c r="Z12" s="16"/>
      <c r="AA12" s="16"/>
      <c r="AB12" s="16"/>
      <c r="AC12" s="16"/>
      <c r="AD12" s="16"/>
      <c r="AE12" s="16"/>
      <c r="AF12" s="2"/>
      <c r="AG12"/>
      <c r="AH12"/>
      <c r="AI12"/>
      <c r="AJ12"/>
      <c r="AK12"/>
    </row>
    <row r="13" spans="1:37" ht="27" customHeight="1" x14ac:dyDescent="0.15">
      <c r="A13" s="10"/>
      <c r="B13"/>
      <c r="C13" s="809"/>
      <c r="D13" s="809"/>
      <c r="E13" s="809"/>
      <c r="F13" s="809"/>
      <c r="G13" s="809"/>
      <c r="H13" s="821"/>
      <c r="I13" s="495" t="s">
        <v>0</v>
      </c>
      <c r="J13" s="16" t="s">
        <v>1183</v>
      </c>
      <c r="K13" s="16"/>
      <c r="L13" s="16"/>
      <c r="M13" s="16"/>
      <c r="N13" s="16"/>
      <c r="O13" s="16"/>
      <c r="P13" s="16"/>
      <c r="Q13" s="16"/>
      <c r="R13" s="16"/>
      <c r="S13" s="16"/>
      <c r="T13" s="16"/>
      <c r="U13" s="16"/>
      <c r="V13" s="16"/>
      <c r="W13" s="16"/>
      <c r="X13" s="16"/>
      <c r="Y13" s="16"/>
      <c r="Z13" s="16"/>
      <c r="AA13" s="16"/>
      <c r="AB13" s="16"/>
      <c r="AC13" s="16"/>
      <c r="AD13" s="16"/>
      <c r="AE13" s="16"/>
      <c r="AF13" s="2"/>
      <c r="AG13"/>
      <c r="AH13"/>
      <c r="AI13"/>
      <c r="AJ13"/>
      <c r="AK13"/>
    </row>
    <row r="14" spans="1:37" ht="27" customHeight="1" x14ac:dyDescent="0.15">
      <c r="A14" s="10"/>
      <c r="B14"/>
      <c r="C14" s="809"/>
      <c r="D14" s="809"/>
      <c r="E14" s="809"/>
      <c r="F14" s="809"/>
      <c r="G14" s="809"/>
      <c r="H14" s="821"/>
      <c r="I14" s="495" t="s">
        <v>0</v>
      </c>
      <c r="J14" s="16" t="s">
        <v>1182</v>
      </c>
      <c r="K14" s="16"/>
      <c r="L14" s="16"/>
      <c r="M14" s="16"/>
      <c r="N14" s="16"/>
      <c r="O14" s="16"/>
      <c r="P14" s="16"/>
      <c r="Q14" s="16"/>
      <c r="R14" s="16"/>
      <c r="S14" s="16"/>
      <c r="T14" s="16"/>
      <c r="U14" s="16"/>
      <c r="V14" s="16"/>
      <c r="W14" s="16"/>
      <c r="X14" s="16"/>
      <c r="Y14" s="16"/>
      <c r="Z14" s="16"/>
      <c r="AA14" s="16"/>
      <c r="AB14" s="16"/>
      <c r="AC14" s="16"/>
      <c r="AD14" s="16"/>
      <c r="AE14" s="16"/>
      <c r="AF14" s="2"/>
      <c r="AG14"/>
      <c r="AH14"/>
      <c r="AI14"/>
      <c r="AJ14"/>
      <c r="AK14"/>
    </row>
    <row r="15" spans="1:37" ht="27" customHeight="1" x14ac:dyDescent="0.15">
      <c r="A15" s="10"/>
      <c r="B15"/>
      <c r="C15" s="809"/>
      <c r="D15" s="809"/>
      <c r="E15" s="809"/>
      <c r="F15" s="809"/>
      <c r="G15" s="809"/>
      <c r="H15" s="821"/>
      <c r="I15" s="495" t="s">
        <v>0</v>
      </c>
      <c r="J15" s="16" t="s">
        <v>1181</v>
      </c>
      <c r="K15" s="16"/>
      <c r="L15" s="16"/>
      <c r="M15" s="16"/>
      <c r="N15" s="16"/>
      <c r="O15" s="16"/>
      <c r="P15" s="16"/>
      <c r="Q15" s="16"/>
      <c r="R15" s="16"/>
      <c r="S15" s="16"/>
      <c r="T15" s="16"/>
      <c r="U15" s="16"/>
      <c r="V15" s="16"/>
      <c r="W15" s="16"/>
      <c r="X15" s="16"/>
      <c r="Y15" s="16"/>
      <c r="Z15" s="16"/>
      <c r="AA15" s="16"/>
      <c r="AB15" s="16"/>
      <c r="AC15" s="16"/>
      <c r="AD15" s="16"/>
      <c r="AE15" s="16"/>
      <c r="AF15" s="2"/>
      <c r="AG15"/>
      <c r="AH15"/>
      <c r="AI15"/>
      <c r="AJ15"/>
      <c r="AK15"/>
    </row>
    <row r="16" spans="1:37" ht="27" customHeight="1" x14ac:dyDescent="0.15">
      <c r="A16" s="10"/>
      <c r="B16"/>
      <c r="C16" s="809"/>
      <c r="D16" s="809"/>
      <c r="E16" s="809"/>
      <c r="F16" s="809"/>
      <c r="G16" s="809"/>
      <c r="H16" s="821"/>
      <c r="I16" s="495" t="s">
        <v>0</v>
      </c>
      <c r="J16" s="16" t="s">
        <v>1180</v>
      </c>
      <c r="K16" s="16"/>
      <c r="L16" s="16"/>
      <c r="M16" s="16"/>
      <c r="N16" s="16"/>
      <c r="O16" s="16"/>
      <c r="P16" s="16"/>
      <c r="Q16" s="16"/>
      <c r="R16" s="16"/>
      <c r="S16" s="16"/>
      <c r="T16" s="16"/>
      <c r="U16" s="16"/>
      <c r="V16" s="16"/>
      <c r="W16" s="16"/>
      <c r="X16" s="16"/>
      <c r="Y16" s="16"/>
      <c r="Z16" s="16"/>
      <c r="AA16" s="16"/>
      <c r="AB16" s="16"/>
      <c r="AC16" s="16"/>
      <c r="AD16" s="16"/>
      <c r="AE16" s="16"/>
      <c r="AF16" s="2"/>
      <c r="AG16"/>
      <c r="AH16"/>
      <c r="AI16"/>
      <c r="AJ16"/>
      <c r="AK16"/>
    </row>
    <row r="17" spans="1:37" ht="27" customHeight="1" x14ac:dyDescent="0.15">
      <c r="A17" s="10"/>
      <c r="B17" s="503"/>
      <c r="C17" s="910"/>
      <c r="D17" s="910"/>
      <c r="E17" s="910"/>
      <c r="F17" s="910"/>
      <c r="G17" s="910"/>
      <c r="H17" s="911"/>
      <c r="I17" s="495" t="s">
        <v>0</v>
      </c>
      <c r="J17" s="162" t="s">
        <v>1179</v>
      </c>
      <c r="K17" s="162"/>
      <c r="L17" s="162"/>
      <c r="M17" s="162"/>
      <c r="N17" s="162"/>
      <c r="O17" s="162"/>
      <c r="P17" s="162"/>
      <c r="Q17" s="162"/>
      <c r="R17" s="162"/>
      <c r="S17" s="162"/>
      <c r="T17" s="162"/>
      <c r="U17" s="162"/>
      <c r="V17" s="162"/>
      <c r="W17" s="162"/>
      <c r="X17" s="162"/>
      <c r="Y17" s="162"/>
      <c r="Z17" s="162"/>
      <c r="AA17" s="162"/>
      <c r="AB17" s="162"/>
      <c r="AC17" s="162"/>
      <c r="AD17" s="162"/>
      <c r="AE17" s="162"/>
      <c r="AF17" s="2"/>
      <c r="AG17"/>
      <c r="AH17"/>
      <c r="AI17"/>
      <c r="AJ17"/>
      <c r="AK17"/>
    </row>
    <row r="18" spans="1:37" s="8" customFormat="1" ht="21" customHeight="1" x14ac:dyDescent="0.15">
      <c r="I18" s="181"/>
      <c r="AF18" s="181"/>
    </row>
    <row r="19" spans="1:37" s="8" customFormat="1" ht="26.25" customHeight="1" x14ac:dyDescent="0.15">
      <c r="B19" s="158" t="s">
        <v>1178</v>
      </c>
      <c r="C19" s="157" t="s">
        <v>1177</v>
      </c>
      <c r="D19" s="157"/>
      <c r="E19" s="157"/>
      <c r="F19" s="157"/>
      <c r="G19" s="157"/>
      <c r="H19" s="157"/>
      <c r="I19" s="157"/>
      <c r="J19" s="157"/>
      <c r="K19" s="157"/>
      <c r="L19" s="157"/>
      <c r="M19" s="157"/>
      <c r="N19" s="157"/>
      <c r="O19" s="157"/>
      <c r="P19" s="181"/>
      <c r="Q19" s="490"/>
      <c r="R19" s="157"/>
      <c r="S19" s="157"/>
      <c r="T19" s="157"/>
      <c r="U19" s="157"/>
      <c r="V19" s="157"/>
      <c r="W19" s="157"/>
      <c r="X19" s="157"/>
      <c r="Y19" s="181"/>
      <c r="Z19" s="181"/>
      <c r="AA19" s="181"/>
      <c r="AB19" s="157"/>
      <c r="AC19" s="157"/>
      <c r="AD19" s="157"/>
      <c r="AE19" s="157"/>
      <c r="AF19" s="156"/>
    </row>
    <row r="20" spans="1:37" s="8" customFormat="1" ht="11.25" customHeight="1" x14ac:dyDescent="0.15">
      <c r="B20" s="9"/>
      <c r="C20" s="158"/>
      <c r="D20" s="157"/>
      <c r="E20" s="157"/>
      <c r="F20" s="157"/>
      <c r="G20" s="157"/>
      <c r="H20" s="156"/>
      <c r="I20" s="157"/>
      <c r="J20" s="157"/>
      <c r="K20" s="157"/>
      <c r="L20" s="157"/>
      <c r="M20" s="157"/>
      <c r="N20" s="157"/>
      <c r="O20" s="157"/>
      <c r="P20" s="157"/>
      <c r="Q20" s="157"/>
      <c r="R20" s="157"/>
      <c r="S20" s="157"/>
      <c r="T20" s="157"/>
      <c r="U20" s="157"/>
      <c r="V20" s="157"/>
      <c r="W20" s="157"/>
      <c r="X20" s="157"/>
      <c r="Y20" s="157"/>
      <c r="Z20" s="157"/>
      <c r="AA20" s="157"/>
      <c r="AB20" s="157"/>
      <c r="AC20" s="158"/>
      <c r="AD20" s="157"/>
      <c r="AE20" s="156"/>
      <c r="AF20" s="149"/>
    </row>
    <row r="21" spans="1:37" s="8" customFormat="1" ht="27.75" customHeight="1" x14ac:dyDescent="0.15">
      <c r="B21" s="9"/>
      <c r="C21" s="822" t="s">
        <v>1176</v>
      </c>
      <c r="D21" s="789"/>
      <c r="E21" s="789"/>
      <c r="F21" s="789"/>
      <c r="G21" s="789"/>
      <c r="H21" s="805"/>
      <c r="J21" t="s">
        <v>123</v>
      </c>
      <c r="K21" s="1195" t="s">
        <v>1169</v>
      </c>
      <c r="L21" s="1196"/>
      <c r="M21" s="1196"/>
      <c r="N21" s="1196"/>
      <c r="O21" s="1196"/>
      <c r="P21" s="1196"/>
      <c r="Q21" s="1196"/>
      <c r="R21" s="1196"/>
      <c r="S21" s="1196"/>
      <c r="T21" s="1196"/>
      <c r="U21" s="1197"/>
      <c r="V21" s="780"/>
      <c r="W21" s="781"/>
      <c r="X21" s="176" t="s">
        <v>175</v>
      </c>
      <c r="Y21" s="18"/>
      <c r="Z21" s="18"/>
      <c r="AA21" s="18"/>
      <c r="AC21" s="20"/>
      <c r="AD21" s="16"/>
      <c r="AE21" s="150"/>
      <c r="AF21" s="149"/>
    </row>
    <row r="22" spans="1:37" s="8" customFormat="1" ht="27.75" customHeight="1" x14ac:dyDescent="0.15">
      <c r="B22" s="9"/>
      <c r="C22" s="822"/>
      <c r="D22" s="789"/>
      <c r="E22" s="789"/>
      <c r="F22" s="789"/>
      <c r="G22" s="789"/>
      <c r="H22" s="789"/>
      <c r="I22" s="9"/>
      <c r="J22" t="s">
        <v>124</v>
      </c>
      <c r="K22" s="1195" t="s">
        <v>1175</v>
      </c>
      <c r="L22" s="1196"/>
      <c r="M22" s="1196"/>
      <c r="N22" s="1196"/>
      <c r="O22" s="1196"/>
      <c r="P22" s="1196"/>
      <c r="Q22" s="1196"/>
      <c r="R22" s="1196"/>
      <c r="S22" s="1196"/>
      <c r="T22" s="1196"/>
      <c r="U22" s="1197"/>
      <c r="V22" s="780"/>
      <c r="W22" s="781"/>
      <c r="X22" s="176" t="s">
        <v>175</v>
      </c>
      <c r="Z22" s="993"/>
      <c r="AA22" s="993"/>
      <c r="AB22" s="149"/>
      <c r="AC22" s="16"/>
      <c r="AD22" s="16"/>
      <c r="AE22" s="150"/>
      <c r="AF22" s="149"/>
    </row>
    <row r="23" spans="1:37" s="8" customFormat="1" ht="27.75" customHeight="1" x14ac:dyDescent="0.15">
      <c r="B23" s="9"/>
      <c r="C23" s="461"/>
      <c r="D23" s="154"/>
      <c r="E23" s="154"/>
      <c r="F23" s="154"/>
      <c r="G23" s="154"/>
      <c r="H23"/>
      <c r="I23" s="9"/>
      <c r="J23" t="s">
        <v>125</v>
      </c>
      <c r="K23" s="1195" t="s">
        <v>1174</v>
      </c>
      <c r="L23" s="1196"/>
      <c r="M23" s="1196"/>
      <c r="N23" s="1196"/>
      <c r="O23" s="1196"/>
      <c r="P23" s="1196"/>
      <c r="Q23" s="1196"/>
      <c r="R23" s="1196"/>
      <c r="S23" s="1196"/>
      <c r="T23" s="1196"/>
      <c r="U23" s="1197"/>
      <c r="V23" s="780"/>
      <c r="W23" s="781"/>
      <c r="X23" s="176" t="s">
        <v>175</v>
      </c>
      <c r="Z23"/>
      <c r="AA23"/>
      <c r="AB23" s="149"/>
      <c r="AC23"/>
      <c r="AD23" s="18"/>
      <c r="AE23" s="174"/>
      <c r="AF23" s="149"/>
    </row>
    <row r="24" spans="1:37" s="8" customFormat="1" ht="27.75" customHeight="1" x14ac:dyDescent="0.15">
      <c r="B24" s="9"/>
      <c r="C24" s="461"/>
      <c r="D24" s="154"/>
      <c r="E24" s="154"/>
      <c r="F24" s="154"/>
      <c r="G24" s="154"/>
      <c r="H24"/>
      <c r="I24" s="9"/>
      <c r="J24" t="s">
        <v>122</v>
      </c>
      <c r="K24" s="1195" t="s">
        <v>1173</v>
      </c>
      <c r="L24" s="1196"/>
      <c r="M24" s="1196"/>
      <c r="N24" s="1196"/>
      <c r="O24" s="1196"/>
      <c r="P24" s="1196"/>
      <c r="Q24" s="1196"/>
      <c r="R24" s="1196"/>
      <c r="S24" s="1196"/>
      <c r="T24" s="1196"/>
      <c r="U24" s="1197"/>
      <c r="V24" s="780"/>
      <c r="W24" s="781"/>
      <c r="X24" s="176" t="s">
        <v>175</v>
      </c>
      <c r="Z24"/>
      <c r="AA24"/>
      <c r="AB24" s="149"/>
      <c r="AC24" s="495" t="s">
        <v>227</v>
      </c>
      <c r="AD24" s="495" t="s">
        <v>717</v>
      </c>
      <c r="AE24" s="494" t="s">
        <v>226</v>
      </c>
      <c r="AF24" s="149"/>
    </row>
    <row r="25" spans="1:37" s="8" customFormat="1" ht="27.75" customHeight="1" x14ac:dyDescent="0.15">
      <c r="B25" s="9"/>
      <c r="C25" s="822"/>
      <c r="D25" s="789"/>
      <c r="E25" s="789"/>
      <c r="F25" s="789"/>
      <c r="G25" s="789"/>
      <c r="H25" s="789"/>
      <c r="I25" s="9"/>
      <c r="J25" t="s">
        <v>1165</v>
      </c>
      <c r="K25" s="1195" t="s">
        <v>1172</v>
      </c>
      <c r="L25" s="1196"/>
      <c r="M25" s="1196"/>
      <c r="N25" s="1196"/>
      <c r="O25" s="1196"/>
      <c r="P25" s="1196"/>
      <c r="Q25" s="1196"/>
      <c r="R25" s="1196"/>
      <c r="S25" s="1196"/>
      <c r="T25" s="1196"/>
      <c r="U25" s="1197"/>
      <c r="V25" s="780"/>
      <c r="W25" s="781"/>
      <c r="X25" s="176" t="s">
        <v>23</v>
      </c>
      <c r="Y25" s="8" t="s">
        <v>1155</v>
      </c>
      <c r="Z25" s="993" t="s">
        <v>1040</v>
      </c>
      <c r="AA25" s="993"/>
      <c r="AB25" s="149"/>
      <c r="AC25" s="495" t="s">
        <v>0</v>
      </c>
      <c r="AD25" s="495" t="s">
        <v>717</v>
      </c>
      <c r="AE25" s="494" t="s">
        <v>0</v>
      </c>
      <c r="AF25" s="149"/>
    </row>
    <row r="26" spans="1:37" s="8" customFormat="1" ht="27.75" customHeight="1" x14ac:dyDescent="0.15">
      <c r="B26" s="9"/>
      <c r="C26" s="461"/>
      <c r="D26" s="154"/>
      <c r="E26" s="154"/>
      <c r="F26" s="154"/>
      <c r="G26" s="154"/>
      <c r="H26"/>
      <c r="I26" s="9"/>
      <c r="J26"/>
      <c r="K26" s="501"/>
      <c r="L26" s="501"/>
      <c r="M26" s="501"/>
      <c r="N26" s="501"/>
      <c r="O26" s="501"/>
      <c r="P26" s="501"/>
      <c r="Q26" s="501"/>
      <c r="R26" s="501"/>
      <c r="S26" s="501"/>
      <c r="T26" s="501"/>
      <c r="U26" s="501"/>
      <c r="X26" s="18"/>
      <c r="Y26" s="8" t="s">
        <v>1155</v>
      </c>
      <c r="Z26" s="993" t="s">
        <v>1171</v>
      </c>
      <c r="AA26" s="993"/>
      <c r="AB26" s="149"/>
      <c r="AC26" s="495" t="s">
        <v>0</v>
      </c>
      <c r="AD26" s="495" t="s">
        <v>717</v>
      </c>
      <c r="AE26" s="494" t="s">
        <v>0</v>
      </c>
      <c r="AF26" s="149"/>
    </row>
    <row r="27" spans="1:37" s="8" customFormat="1" x14ac:dyDescent="0.15">
      <c r="B27" s="9"/>
      <c r="C27" s="461"/>
      <c r="D27" s="154"/>
      <c r="E27" s="154"/>
      <c r="F27" s="154"/>
      <c r="G27" s="154"/>
      <c r="H27"/>
      <c r="I27" s="9"/>
      <c r="J27"/>
      <c r="K27" s="501"/>
      <c r="L27" s="501"/>
      <c r="M27" s="501"/>
      <c r="N27" s="501"/>
      <c r="O27" s="501"/>
      <c r="P27" s="501"/>
      <c r="Q27" s="501"/>
      <c r="R27" s="501"/>
      <c r="S27" s="501"/>
      <c r="T27" s="501"/>
      <c r="U27" s="501"/>
      <c r="X27" s="16"/>
      <c r="Z27"/>
      <c r="AA27"/>
      <c r="AB27" s="502" t="s">
        <v>1160</v>
      </c>
      <c r="AC27" s="18"/>
      <c r="AD27" s="18"/>
      <c r="AE27" s="174"/>
      <c r="AF27" s="149"/>
    </row>
    <row r="28" spans="1:37" s="8" customFormat="1" ht="11.25" customHeight="1" x14ac:dyDescent="0.15">
      <c r="B28" s="9"/>
      <c r="C28" s="173"/>
      <c r="D28" s="172"/>
      <c r="E28" s="172"/>
      <c r="F28" s="172"/>
      <c r="G28" s="172"/>
      <c r="H28" s="171"/>
      <c r="I28" s="172"/>
      <c r="J28" s="172"/>
      <c r="K28" s="172"/>
      <c r="L28" s="172"/>
      <c r="M28" s="172"/>
      <c r="N28" s="172"/>
      <c r="O28" s="172"/>
      <c r="P28" s="172"/>
      <c r="Q28" s="172"/>
      <c r="R28" s="172"/>
      <c r="S28" s="172"/>
      <c r="T28" s="172"/>
      <c r="U28" s="172"/>
      <c r="V28" s="172"/>
      <c r="W28" s="172"/>
      <c r="X28" s="172"/>
      <c r="Y28" s="172"/>
      <c r="Z28" s="172"/>
      <c r="AA28" s="172"/>
      <c r="AB28" s="172"/>
      <c r="AC28" s="163"/>
      <c r="AD28" s="143"/>
      <c r="AE28" s="170"/>
      <c r="AF28" s="149"/>
    </row>
    <row r="29" spans="1:37" s="8" customFormat="1" ht="11.25" customHeight="1" x14ac:dyDescent="0.15">
      <c r="B29" s="9"/>
      <c r="C29" s="158"/>
      <c r="D29" s="157"/>
      <c r="E29" s="157"/>
      <c r="F29" s="157"/>
      <c r="G29" s="157"/>
      <c r="H29" s="156"/>
      <c r="I29" s="157"/>
      <c r="J29" s="157"/>
      <c r="K29" s="157"/>
      <c r="L29" s="157"/>
      <c r="M29" s="157"/>
      <c r="N29" s="157"/>
      <c r="O29" s="157"/>
      <c r="P29" s="157"/>
      <c r="Q29" s="157"/>
      <c r="R29" s="157"/>
      <c r="S29" s="157"/>
      <c r="T29" s="157"/>
      <c r="U29" s="157"/>
      <c r="V29" s="157"/>
      <c r="W29" s="157"/>
      <c r="X29" s="157"/>
      <c r="Y29" s="157"/>
      <c r="Z29" s="157"/>
      <c r="AA29" s="157"/>
      <c r="AB29" s="157"/>
      <c r="AC29" s="250"/>
      <c r="AD29" s="194"/>
      <c r="AE29" s="193"/>
      <c r="AF29" s="149"/>
    </row>
    <row r="30" spans="1:37" s="8" customFormat="1" ht="26.25" customHeight="1" x14ac:dyDescent="0.15">
      <c r="B30" s="9"/>
      <c r="C30" s="822" t="s">
        <v>1170</v>
      </c>
      <c r="D30" s="789"/>
      <c r="E30" s="789"/>
      <c r="F30" s="789"/>
      <c r="G30" s="789"/>
      <c r="H30" s="805"/>
      <c r="J30" t="s">
        <v>123</v>
      </c>
      <c r="K30" s="1195" t="s">
        <v>1169</v>
      </c>
      <c r="L30" s="1196"/>
      <c r="M30" s="1196"/>
      <c r="N30" s="1196"/>
      <c r="O30" s="1196"/>
      <c r="P30" s="1196"/>
      <c r="Q30" s="1196"/>
      <c r="R30" s="1196"/>
      <c r="S30" s="1196"/>
      <c r="T30" s="1196"/>
      <c r="U30" s="1197"/>
      <c r="V30" s="780"/>
      <c r="W30" s="781"/>
      <c r="X30" s="176" t="s">
        <v>175</v>
      </c>
      <c r="Y30" s="18"/>
      <c r="Z30" s="18"/>
      <c r="AA30" s="18"/>
      <c r="AC30" s="151"/>
      <c r="AD30" s="18"/>
      <c r="AE30" s="174"/>
      <c r="AF30" s="149"/>
    </row>
    <row r="31" spans="1:37" s="8" customFormat="1" ht="26.25" customHeight="1" x14ac:dyDescent="0.15">
      <c r="B31" s="9"/>
      <c r="C31" s="822"/>
      <c r="D31" s="789"/>
      <c r="E31" s="789"/>
      <c r="F31" s="789"/>
      <c r="G31" s="789"/>
      <c r="H31" s="805"/>
      <c r="J31" t="s">
        <v>124</v>
      </c>
      <c r="K31" s="1195" t="s">
        <v>1168</v>
      </c>
      <c r="L31" s="1196"/>
      <c r="M31" s="1196"/>
      <c r="N31" s="1196"/>
      <c r="O31" s="1196"/>
      <c r="P31" s="1196"/>
      <c r="Q31" s="1196"/>
      <c r="R31" s="1196"/>
      <c r="S31" s="1196"/>
      <c r="T31" s="1196"/>
      <c r="U31" s="1197"/>
      <c r="V31" s="780"/>
      <c r="W31" s="781"/>
      <c r="X31" s="176" t="s">
        <v>175</v>
      </c>
      <c r="Z31"/>
      <c r="AA31"/>
      <c r="AB31" s="149"/>
      <c r="AC31" s="495"/>
      <c r="AD31" s="18"/>
      <c r="AE31" s="174"/>
      <c r="AF31" s="149"/>
    </row>
    <row r="32" spans="1:37" s="8" customFormat="1" ht="26.25" customHeight="1" x14ac:dyDescent="0.15">
      <c r="B32" s="9"/>
      <c r="C32" s="461"/>
      <c r="D32" s="154"/>
      <c r="E32" s="154"/>
      <c r="F32" s="154"/>
      <c r="G32" s="154"/>
      <c r="H32" s="2"/>
      <c r="J32" t="s">
        <v>125</v>
      </c>
      <c r="K32" s="1195" t="s">
        <v>1167</v>
      </c>
      <c r="L32" s="1196"/>
      <c r="M32" s="1196"/>
      <c r="N32" s="1196"/>
      <c r="O32" s="1196"/>
      <c r="P32" s="1196"/>
      <c r="Q32" s="1196"/>
      <c r="R32" s="1196"/>
      <c r="S32" s="1196"/>
      <c r="T32" s="1196"/>
      <c r="U32" s="1197"/>
      <c r="V32" s="780"/>
      <c r="W32" s="781"/>
      <c r="X32" s="176" t="s">
        <v>175</v>
      </c>
      <c r="Z32"/>
      <c r="AA32"/>
      <c r="AB32" s="149"/>
      <c r="AC32" s="495"/>
      <c r="AD32" s="18"/>
      <c r="AE32" s="174"/>
      <c r="AF32" s="149"/>
    </row>
    <row r="33" spans="2:32" s="8" customFormat="1" ht="26.25" customHeight="1" x14ac:dyDescent="0.15">
      <c r="B33" s="9"/>
      <c r="C33" s="461"/>
      <c r="D33" s="154"/>
      <c r="E33" s="154"/>
      <c r="F33" s="154"/>
      <c r="G33" s="154"/>
      <c r="H33" s="2"/>
      <c r="J33" t="s">
        <v>122</v>
      </c>
      <c r="K33" s="1014" t="s">
        <v>1166</v>
      </c>
      <c r="L33" s="1196"/>
      <c r="M33" s="1196"/>
      <c r="N33" s="1196"/>
      <c r="O33" s="1196"/>
      <c r="P33" s="1196"/>
      <c r="Q33" s="1196"/>
      <c r="R33" s="1196"/>
      <c r="S33" s="1196"/>
      <c r="T33" s="1196"/>
      <c r="U33" s="1197"/>
      <c r="V33" s="780"/>
      <c r="W33" s="781"/>
      <c r="X33" s="176" t="s">
        <v>175</v>
      </c>
      <c r="Z33"/>
      <c r="AA33"/>
      <c r="AB33" s="149"/>
      <c r="AC33" s="495"/>
      <c r="AD33" s="18"/>
      <c r="AE33" s="174"/>
      <c r="AF33" s="149"/>
    </row>
    <row r="34" spans="2:32" s="8" customFormat="1" ht="26.25" customHeight="1" x14ac:dyDescent="0.15">
      <c r="B34" s="9"/>
      <c r="C34" s="461"/>
      <c r="D34" s="154"/>
      <c r="E34" s="154"/>
      <c r="F34" s="154"/>
      <c r="G34" s="154"/>
      <c r="H34" s="2"/>
      <c r="J34" t="s">
        <v>1165</v>
      </c>
      <c r="K34" s="1195" t="s">
        <v>1164</v>
      </c>
      <c r="L34" s="1196"/>
      <c r="M34" s="1196"/>
      <c r="N34" s="1196"/>
      <c r="O34" s="1196"/>
      <c r="P34" s="1196"/>
      <c r="Q34" s="1196"/>
      <c r="R34" s="1196"/>
      <c r="S34" s="1196"/>
      <c r="T34" s="1196"/>
      <c r="U34" s="1197"/>
      <c r="V34" s="780"/>
      <c r="W34" s="781"/>
      <c r="X34" s="176" t="s">
        <v>175</v>
      </c>
      <c r="Z34"/>
      <c r="AA34"/>
      <c r="AB34" s="149"/>
      <c r="AC34" s="495" t="s">
        <v>227</v>
      </c>
      <c r="AD34" s="495" t="s">
        <v>717</v>
      </c>
      <c r="AE34" s="494" t="s">
        <v>226</v>
      </c>
      <c r="AF34" s="149"/>
    </row>
    <row r="35" spans="2:32" s="8" customFormat="1" ht="26.25" customHeight="1" x14ac:dyDescent="0.15">
      <c r="B35" s="9"/>
      <c r="C35" s="9"/>
      <c r="H35" s="149"/>
      <c r="J35" t="s">
        <v>1163</v>
      </c>
      <c r="K35" s="1195" t="s">
        <v>1162</v>
      </c>
      <c r="L35" s="1196"/>
      <c r="M35" s="1196"/>
      <c r="N35" s="1196"/>
      <c r="O35" s="1196"/>
      <c r="P35" s="1196"/>
      <c r="Q35" s="1196"/>
      <c r="R35" s="1196"/>
      <c r="S35" s="1196"/>
      <c r="T35" s="1196"/>
      <c r="U35" s="1197"/>
      <c r="V35" s="780"/>
      <c r="W35" s="781"/>
      <c r="X35" s="176" t="s">
        <v>23</v>
      </c>
      <c r="Y35" s="8" t="s">
        <v>1155</v>
      </c>
      <c r="Z35" s="993" t="s">
        <v>1040</v>
      </c>
      <c r="AA35" s="993"/>
      <c r="AB35" s="149"/>
      <c r="AC35" s="495" t="s">
        <v>0</v>
      </c>
      <c r="AD35" s="495" t="s">
        <v>717</v>
      </c>
      <c r="AE35" s="494" t="s">
        <v>0</v>
      </c>
      <c r="AF35" s="149"/>
    </row>
    <row r="36" spans="2:32" s="8" customFormat="1" ht="27.75" customHeight="1" x14ac:dyDescent="0.15">
      <c r="B36" s="9"/>
      <c r="C36" s="461"/>
      <c r="D36" s="154"/>
      <c r="E36" s="154"/>
      <c r="F36" s="154"/>
      <c r="G36" s="154"/>
      <c r="H36" s="2"/>
      <c r="J36"/>
      <c r="K36" s="501"/>
      <c r="L36" s="501"/>
      <c r="M36" s="501"/>
      <c r="N36" s="501"/>
      <c r="O36" s="501"/>
      <c r="P36" s="501"/>
      <c r="Q36" s="501"/>
      <c r="R36" s="501"/>
      <c r="S36" s="501"/>
      <c r="T36" s="501"/>
      <c r="U36" s="501"/>
      <c r="X36" s="18"/>
      <c r="Y36" s="8" t="s">
        <v>1155</v>
      </c>
      <c r="Z36" s="993" t="s">
        <v>1069</v>
      </c>
      <c r="AA36" s="993"/>
      <c r="AB36" s="149"/>
      <c r="AC36" s="495" t="s">
        <v>0</v>
      </c>
      <c r="AD36" s="495" t="s">
        <v>717</v>
      </c>
      <c r="AE36" s="494" t="s">
        <v>0</v>
      </c>
      <c r="AF36" s="149"/>
    </row>
    <row r="37" spans="2:32" s="8" customFormat="1" x14ac:dyDescent="0.15">
      <c r="B37" s="9"/>
      <c r="C37" s="461"/>
      <c r="D37" s="154"/>
      <c r="E37" s="154"/>
      <c r="F37" s="154"/>
      <c r="G37" s="154"/>
      <c r="H37" s="2"/>
      <c r="J37"/>
      <c r="K37" s="501"/>
      <c r="L37" s="501"/>
      <c r="M37" s="501"/>
      <c r="N37" s="501"/>
      <c r="O37" s="501"/>
      <c r="P37" s="501"/>
      <c r="Q37" s="501"/>
      <c r="R37" s="501"/>
      <c r="S37" s="501"/>
      <c r="T37" s="501"/>
      <c r="U37" s="501"/>
      <c r="X37" s="16"/>
      <c r="Z37"/>
      <c r="AA37"/>
      <c r="AB37" s="502" t="s">
        <v>1161</v>
      </c>
      <c r="AC37" s="18"/>
      <c r="AD37" s="18"/>
      <c r="AE37" s="174"/>
      <c r="AF37" s="149"/>
    </row>
    <row r="38" spans="2:32" s="8" customFormat="1" ht="27.75" customHeight="1" x14ac:dyDescent="0.15">
      <c r="B38" s="9"/>
      <c r="C38" s="461"/>
      <c r="D38" s="154"/>
      <c r="E38" s="154"/>
      <c r="F38" s="154"/>
      <c r="G38" s="154"/>
      <c r="H38" s="2"/>
      <c r="J38"/>
      <c r="K38" s="501"/>
      <c r="L38" s="501"/>
      <c r="M38" s="501"/>
      <c r="N38" s="501"/>
      <c r="O38" s="501"/>
      <c r="P38" s="501"/>
      <c r="Q38" s="501"/>
      <c r="R38" s="501"/>
      <c r="S38" s="501"/>
      <c r="T38" s="501"/>
      <c r="U38" s="501"/>
      <c r="X38" s="18"/>
      <c r="Y38" s="8" t="s">
        <v>1155</v>
      </c>
      <c r="Z38" s="993" t="s">
        <v>1119</v>
      </c>
      <c r="AA38" s="993"/>
      <c r="AB38" s="149"/>
      <c r="AC38" s="495" t="s">
        <v>0</v>
      </c>
      <c r="AD38" s="495" t="s">
        <v>717</v>
      </c>
      <c r="AE38" s="494" t="s">
        <v>0</v>
      </c>
      <c r="AF38" s="149"/>
    </row>
    <row r="39" spans="2:32" s="8" customFormat="1" x14ac:dyDescent="0.15">
      <c r="B39" s="9"/>
      <c r="C39" s="461"/>
      <c r="D39" s="154"/>
      <c r="E39" s="154"/>
      <c r="F39" s="154"/>
      <c r="G39" s="154"/>
      <c r="H39" s="2"/>
      <c r="J39"/>
      <c r="K39" s="501"/>
      <c r="L39" s="501"/>
      <c r="M39" s="501"/>
      <c r="N39" s="501"/>
      <c r="O39" s="501"/>
      <c r="P39" s="501"/>
      <c r="Q39" s="501"/>
      <c r="R39" s="501"/>
      <c r="S39" s="501"/>
      <c r="T39" s="501"/>
      <c r="U39" s="501"/>
      <c r="X39" s="16"/>
      <c r="Z39"/>
      <c r="AA39"/>
      <c r="AB39" s="500" t="s">
        <v>1160</v>
      </c>
      <c r="AC39" s="151"/>
      <c r="AD39" s="18"/>
      <c r="AE39" s="174"/>
      <c r="AF39" s="149"/>
    </row>
    <row r="40" spans="2:32" s="8" customFormat="1" ht="12" customHeight="1" x14ac:dyDescent="0.15">
      <c r="B40" s="9"/>
      <c r="C40" s="173"/>
      <c r="D40" s="172"/>
      <c r="E40" s="172"/>
      <c r="F40" s="172"/>
      <c r="G40" s="172"/>
      <c r="H40" s="171"/>
      <c r="I40" s="172"/>
      <c r="J40" s="172"/>
      <c r="K40" s="172"/>
      <c r="L40" s="172"/>
      <c r="M40" s="172"/>
      <c r="N40" s="172"/>
      <c r="O40" s="172"/>
      <c r="P40" s="172"/>
      <c r="Q40" s="172"/>
      <c r="R40" s="172"/>
      <c r="S40" s="172"/>
      <c r="T40" s="172"/>
      <c r="U40" s="172"/>
      <c r="V40" s="172"/>
      <c r="W40" s="172"/>
      <c r="X40" s="172"/>
      <c r="Y40" s="172"/>
      <c r="Z40" s="172"/>
      <c r="AA40" s="172"/>
      <c r="AB40" s="172"/>
      <c r="AC40" s="163"/>
      <c r="AD40" s="143"/>
      <c r="AE40" s="170"/>
      <c r="AF40" s="149"/>
    </row>
    <row r="41" spans="2:32" s="8" customFormat="1" ht="10.5" customHeight="1" x14ac:dyDescent="0.15">
      <c r="B41" s="9"/>
      <c r="C41" s="158"/>
      <c r="D41" s="157"/>
      <c r="E41" s="157"/>
      <c r="F41" s="157"/>
      <c r="G41" s="157"/>
      <c r="H41" s="156"/>
      <c r="I41" s="157"/>
      <c r="J41" s="157"/>
      <c r="K41" s="157"/>
      <c r="L41" s="157"/>
      <c r="M41" s="157"/>
      <c r="N41" s="157"/>
      <c r="O41" s="157"/>
      <c r="P41" s="157"/>
      <c r="Q41" s="157"/>
      <c r="R41" s="157"/>
      <c r="S41" s="157"/>
      <c r="T41" s="157"/>
      <c r="U41" s="157"/>
      <c r="V41" s="157"/>
      <c r="W41" s="157"/>
      <c r="X41" s="157"/>
      <c r="Y41" s="157"/>
      <c r="Z41" s="157"/>
      <c r="AA41" s="157"/>
      <c r="AB41" s="157"/>
      <c r="AC41" s="250"/>
      <c r="AD41" s="194"/>
      <c r="AE41" s="193"/>
      <c r="AF41" s="149"/>
    </row>
    <row r="42" spans="2:32" s="8" customFormat="1" ht="27.75" customHeight="1" x14ac:dyDescent="0.15">
      <c r="B42" s="9"/>
      <c r="C42" s="822" t="s">
        <v>1159</v>
      </c>
      <c r="D42" s="789"/>
      <c r="E42" s="789"/>
      <c r="F42" s="789"/>
      <c r="G42" s="789"/>
      <c r="H42" s="805"/>
      <c r="J42" t="s">
        <v>123</v>
      </c>
      <c r="K42" s="1195" t="s">
        <v>1158</v>
      </c>
      <c r="L42" s="1196"/>
      <c r="M42" s="1196"/>
      <c r="N42" s="1196"/>
      <c r="O42" s="1196"/>
      <c r="P42" s="1196"/>
      <c r="Q42" s="1196"/>
      <c r="R42" s="1196"/>
      <c r="S42" s="1196"/>
      <c r="T42" s="1196"/>
      <c r="U42" s="1197"/>
      <c r="V42" s="780"/>
      <c r="W42" s="781"/>
      <c r="X42" s="176" t="s">
        <v>20</v>
      </c>
      <c r="Y42" s="18"/>
      <c r="Z42" s="18"/>
      <c r="AA42" s="18"/>
      <c r="AC42" s="151"/>
      <c r="AD42" s="18"/>
      <c r="AE42" s="174"/>
      <c r="AF42" s="149"/>
    </row>
    <row r="43" spans="2:32" s="8" customFormat="1" ht="27.75" customHeight="1" x14ac:dyDescent="0.15">
      <c r="B43" s="9"/>
      <c r="C43" s="822"/>
      <c r="D43" s="789"/>
      <c r="E43" s="789"/>
      <c r="F43" s="789"/>
      <c r="G43" s="789"/>
      <c r="H43" s="805"/>
      <c r="J43" t="s">
        <v>124</v>
      </c>
      <c r="K43" s="1195" t="s">
        <v>1157</v>
      </c>
      <c r="L43" s="1196"/>
      <c r="M43" s="1196"/>
      <c r="N43" s="1196"/>
      <c r="O43" s="1196"/>
      <c r="P43" s="1196"/>
      <c r="Q43" s="1196"/>
      <c r="R43" s="1196"/>
      <c r="S43" s="1196"/>
      <c r="T43" s="1196"/>
      <c r="U43" s="1197"/>
      <c r="V43" s="780"/>
      <c r="W43" s="781"/>
      <c r="X43" s="176" t="s">
        <v>20</v>
      </c>
      <c r="Y43" s="18"/>
      <c r="Z43" s="18"/>
      <c r="AA43" s="18"/>
      <c r="AB43" s="149"/>
      <c r="AC43" s="495" t="s">
        <v>227</v>
      </c>
      <c r="AD43" s="495" t="s">
        <v>717</v>
      </c>
      <c r="AE43" s="494" t="s">
        <v>226</v>
      </c>
      <c r="AF43" s="149"/>
    </row>
    <row r="44" spans="2:32" s="8" customFormat="1" ht="27.75" customHeight="1" x14ac:dyDescent="0.15">
      <c r="B44" s="9"/>
      <c r="C44" s="461"/>
      <c r="D44" s="154"/>
      <c r="E44" s="154"/>
      <c r="F44" s="154"/>
      <c r="G44" s="154"/>
      <c r="H44" s="2"/>
      <c r="J44" t="s">
        <v>125</v>
      </c>
      <c r="K44" s="1195" t="s">
        <v>1156</v>
      </c>
      <c r="L44" s="1196"/>
      <c r="M44" s="1196"/>
      <c r="N44" s="1196"/>
      <c r="O44" s="1196"/>
      <c r="P44" s="1196"/>
      <c r="Q44" s="1196"/>
      <c r="R44" s="1196"/>
      <c r="S44" s="1196"/>
      <c r="T44" s="1196"/>
      <c r="U44" s="1197"/>
      <c r="V44" s="780"/>
      <c r="W44" s="781"/>
      <c r="X44" s="176" t="s">
        <v>23</v>
      </c>
      <c r="Y44" s="8" t="s">
        <v>1155</v>
      </c>
      <c r="Z44" s="993" t="s">
        <v>947</v>
      </c>
      <c r="AA44" s="993"/>
      <c r="AB44" s="149"/>
      <c r="AC44" s="495" t="s">
        <v>0</v>
      </c>
      <c r="AD44" s="495" t="s">
        <v>717</v>
      </c>
      <c r="AE44" s="494" t="s">
        <v>0</v>
      </c>
      <c r="AF44" s="149"/>
    </row>
    <row r="45" spans="2:32" s="8" customFormat="1" ht="27.75" customHeight="1" x14ac:dyDescent="0.15">
      <c r="B45" s="9"/>
      <c r="C45" s="461"/>
      <c r="D45" s="154"/>
      <c r="E45" s="154"/>
      <c r="F45" s="154"/>
      <c r="G45" s="154"/>
      <c r="H45" s="2"/>
      <c r="J45"/>
      <c r="K45" s="501"/>
      <c r="L45" s="501"/>
      <c r="M45" s="501"/>
      <c r="N45" s="501"/>
      <c r="O45" s="501"/>
      <c r="P45" s="501"/>
      <c r="Q45" s="501"/>
      <c r="R45" s="501"/>
      <c r="S45" s="501"/>
      <c r="T45" s="501"/>
      <c r="U45" s="501"/>
      <c r="X45" s="18"/>
      <c r="Y45" s="8" t="s">
        <v>1155</v>
      </c>
      <c r="Z45" s="993" t="s">
        <v>1154</v>
      </c>
      <c r="AA45" s="993"/>
      <c r="AB45" s="149"/>
      <c r="AC45" s="495" t="s">
        <v>0</v>
      </c>
      <c r="AD45" s="495" t="s">
        <v>717</v>
      </c>
      <c r="AE45" s="494" t="s">
        <v>0</v>
      </c>
      <c r="AF45" s="149"/>
    </row>
    <row r="46" spans="2:32" s="8" customFormat="1" x14ac:dyDescent="0.15">
      <c r="B46" s="9"/>
      <c r="C46" s="461"/>
      <c r="D46" s="154"/>
      <c r="E46" s="154"/>
      <c r="F46" s="154"/>
      <c r="G46" s="154"/>
      <c r="H46" s="2"/>
      <c r="J46"/>
      <c r="K46" s="501"/>
      <c r="L46" s="501"/>
      <c r="M46" s="501"/>
      <c r="N46" s="501"/>
      <c r="O46" s="501"/>
      <c r="P46" s="501"/>
      <c r="Q46" s="501"/>
      <c r="R46" s="501"/>
      <c r="S46" s="501"/>
      <c r="T46" s="501"/>
      <c r="U46" s="501"/>
      <c r="X46"/>
      <c r="Z46"/>
      <c r="AA46" s="500"/>
      <c r="AB46" s="500" t="s">
        <v>1153</v>
      </c>
      <c r="AC46" s="151"/>
      <c r="AD46" s="18"/>
      <c r="AE46" s="174"/>
      <c r="AF46" s="149"/>
    </row>
    <row r="47" spans="2:32" s="8" customFormat="1" ht="12" customHeight="1" x14ac:dyDescent="0.15">
      <c r="B47" s="9"/>
      <c r="C47" s="173"/>
      <c r="D47" s="172"/>
      <c r="E47" s="172"/>
      <c r="F47" s="172"/>
      <c r="G47" s="172"/>
      <c r="H47" s="171"/>
      <c r="I47" s="172"/>
      <c r="J47" s="172"/>
      <c r="K47" s="172"/>
      <c r="L47" s="172"/>
      <c r="M47" s="172"/>
      <c r="N47" s="172"/>
      <c r="O47" s="172"/>
      <c r="P47" s="172"/>
      <c r="Q47" s="172"/>
      <c r="R47" s="172"/>
      <c r="S47" s="172"/>
      <c r="T47" s="172"/>
      <c r="U47" s="172"/>
      <c r="V47" s="172"/>
      <c r="W47" s="172"/>
      <c r="X47" s="172"/>
      <c r="Y47" s="172"/>
      <c r="Z47" s="172"/>
      <c r="AA47" s="172"/>
      <c r="AB47" s="172"/>
      <c r="AC47" s="163"/>
      <c r="AD47" s="143"/>
      <c r="AE47" s="170"/>
      <c r="AF47" s="149"/>
    </row>
    <row r="48" spans="2:32" s="8" customFormat="1" ht="27.75" customHeight="1" x14ac:dyDescent="0.15">
      <c r="B48" s="9"/>
      <c r="C48" s="158"/>
      <c r="D48" s="157"/>
      <c r="E48" s="157"/>
      <c r="F48" s="157"/>
      <c r="G48" s="157"/>
      <c r="H48" s="157"/>
      <c r="I48" s="157"/>
      <c r="J48" s="157"/>
      <c r="K48" s="157"/>
      <c r="L48" s="157"/>
      <c r="M48" s="157"/>
      <c r="N48" s="157"/>
      <c r="O48" s="157"/>
      <c r="P48" s="157"/>
      <c r="Q48" s="157"/>
      <c r="R48" s="157"/>
      <c r="S48" s="157"/>
      <c r="T48" s="157"/>
      <c r="U48" s="157"/>
      <c r="V48" s="157"/>
      <c r="W48" s="157"/>
      <c r="X48" s="157"/>
      <c r="Y48" s="157"/>
      <c r="Z48" s="157"/>
      <c r="AA48" s="157"/>
      <c r="AB48" s="156"/>
      <c r="AC48" s="495" t="s">
        <v>227</v>
      </c>
      <c r="AD48" s="495" t="s">
        <v>717</v>
      </c>
      <c r="AE48" s="499" t="s">
        <v>226</v>
      </c>
      <c r="AF48" s="149"/>
    </row>
    <row r="49" spans="2:32" s="8" customFormat="1" ht="26.25" customHeight="1" x14ac:dyDescent="0.15">
      <c r="B49" s="9"/>
      <c r="C49" s="822" t="s">
        <v>1152</v>
      </c>
      <c r="D49" s="789"/>
      <c r="E49" s="789"/>
      <c r="F49" s="789"/>
      <c r="G49" s="789"/>
      <c r="H49" s="789"/>
      <c r="I49" s="789"/>
      <c r="J49" s="789"/>
      <c r="K49" s="789"/>
      <c r="L49" s="789"/>
      <c r="M49" s="789"/>
      <c r="N49" s="789"/>
      <c r="O49" s="789"/>
      <c r="P49" s="789"/>
      <c r="Q49" s="789"/>
      <c r="R49" s="789"/>
      <c r="S49" s="789"/>
      <c r="T49" s="789"/>
      <c r="U49" s="789"/>
      <c r="V49" s="789"/>
      <c r="W49" s="789"/>
      <c r="X49" s="789"/>
      <c r="Y49" s="789"/>
      <c r="Z49" s="789"/>
      <c r="AA49" s="789"/>
      <c r="AB49" s="149"/>
      <c r="AC49" s="495" t="s">
        <v>0</v>
      </c>
      <c r="AD49" s="495" t="s">
        <v>717</v>
      </c>
      <c r="AE49" s="494" t="s">
        <v>0</v>
      </c>
      <c r="AF49" s="149"/>
    </row>
    <row r="50" spans="2:32" s="8" customFormat="1" ht="11.25" customHeight="1" x14ac:dyDescent="0.15">
      <c r="B50" s="9"/>
      <c r="C50" s="173"/>
      <c r="D50" s="172"/>
      <c r="E50" s="172"/>
      <c r="F50" s="172"/>
      <c r="G50" s="172"/>
      <c r="H50" s="172"/>
      <c r="I50" s="172"/>
      <c r="J50" s="172"/>
      <c r="K50" s="172"/>
      <c r="L50" s="172"/>
      <c r="M50" s="172"/>
      <c r="N50" s="172"/>
      <c r="O50" s="172"/>
      <c r="P50" s="172"/>
      <c r="Q50" s="172"/>
      <c r="R50" s="172"/>
      <c r="S50" s="172"/>
      <c r="T50" s="172"/>
      <c r="U50" s="172"/>
      <c r="V50" s="172"/>
      <c r="W50" s="172"/>
      <c r="X50" s="172"/>
      <c r="Y50" s="172"/>
      <c r="Z50" s="172"/>
      <c r="AA50" s="172"/>
      <c r="AB50" s="171"/>
      <c r="AC50" s="143"/>
      <c r="AD50" s="143"/>
      <c r="AE50" s="170"/>
      <c r="AF50" s="149"/>
    </row>
    <row r="51" spans="2:32" s="8" customFormat="1" ht="27.75" customHeight="1" x14ac:dyDescent="0.15">
      <c r="B51" s="9"/>
      <c r="C51" s="158"/>
      <c r="D51" s="157"/>
      <c r="E51" s="157"/>
      <c r="F51" s="157"/>
      <c r="G51" s="157"/>
      <c r="H51" s="157"/>
      <c r="I51" s="157"/>
      <c r="J51" s="157"/>
      <c r="K51" s="157"/>
      <c r="L51" s="157"/>
      <c r="M51" s="157"/>
      <c r="N51" s="157"/>
      <c r="O51" s="157"/>
      <c r="P51" s="157"/>
      <c r="Q51" s="157"/>
      <c r="R51" s="157"/>
      <c r="S51" s="157"/>
      <c r="T51" s="157"/>
      <c r="U51" s="157"/>
      <c r="V51" s="157"/>
      <c r="W51" s="157"/>
      <c r="X51" s="157"/>
      <c r="Y51" s="157"/>
      <c r="Z51" s="157"/>
      <c r="AA51" s="157"/>
      <c r="AB51" s="156"/>
      <c r="AC51" s="495" t="s">
        <v>227</v>
      </c>
      <c r="AD51" s="495" t="s">
        <v>717</v>
      </c>
      <c r="AE51" s="494" t="s">
        <v>226</v>
      </c>
      <c r="AF51" s="149"/>
    </row>
    <row r="52" spans="2:32" s="8" customFormat="1" ht="26.25" customHeight="1" x14ac:dyDescent="0.15">
      <c r="B52" s="9"/>
      <c r="C52" s="822" t="s">
        <v>1151</v>
      </c>
      <c r="D52" s="789"/>
      <c r="E52" s="789"/>
      <c r="F52" s="789"/>
      <c r="G52" s="789"/>
      <c r="H52" s="789"/>
      <c r="I52" s="789"/>
      <c r="J52" s="789"/>
      <c r="K52" s="789"/>
      <c r="L52" s="789"/>
      <c r="M52" s="789"/>
      <c r="N52" s="789"/>
      <c r="O52" s="789"/>
      <c r="P52" s="789"/>
      <c r="Q52" s="789"/>
      <c r="R52" s="789"/>
      <c r="S52" s="789"/>
      <c r="T52" s="789"/>
      <c r="U52" s="789"/>
      <c r="V52" s="789"/>
      <c r="W52" s="789"/>
      <c r="X52" s="789"/>
      <c r="Y52" s="789"/>
      <c r="Z52" s="789"/>
      <c r="AA52" s="789"/>
      <c r="AB52" s="149"/>
      <c r="AC52" s="495" t="s">
        <v>0</v>
      </c>
      <c r="AD52" s="495" t="s">
        <v>717</v>
      </c>
      <c r="AE52" s="494" t="s">
        <v>0</v>
      </c>
      <c r="AF52" s="149"/>
    </row>
    <row r="53" spans="2:32" s="8" customFormat="1" ht="11.25" customHeight="1" x14ac:dyDescent="0.15">
      <c r="B53" s="9"/>
      <c r="C53" s="173"/>
      <c r="D53" s="172"/>
      <c r="E53" s="172"/>
      <c r="F53" s="172"/>
      <c r="G53" s="172"/>
      <c r="H53" s="172"/>
      <c r="I53" s="172"/>
      <c r="J53" s="172"/>
      <c r="K53" s="172"/>
      <c r="L53" s="172"/>
      <c r="M53" s="172"/>
      <c r="N53" s="172"/>
      <c r="O53" s="172"/>
      <c r="P53" s="172"/>
      <c r="Q53" s="172"/>
      <c r="R53" s="172"/>
      <c r="S53" s="172"/>
      <c r="T53" s="172"/>
      <c r="U53" s="172"/>
      <c r="V53" s="172"/>
      <c r="W53" s="172"/>
      <c r="X53" s="172"/>
      <c r="Y53" s="172"/>
      <c r="Z53" s="172"/>
      <c r="AA53" s="172"/>
      <c r="AB53" s="172"/>
      <c r="AC53" s="163"/>
      <c r="AD53" s="143"/>
      <c r="AE53" s="170"/>
      <c r="AF53" s="149"/>
    </row>
    <row r="54" spans="2:32" s="8" customFormat="1" ht="10.5" customHeight="1" x14ac:dyDescent="0.15">
      <c r="B54" s="173"/>
      <c r="C54" s="172"/>
      <c r="D54" s="181"/>
      <c r="E54" s="181"/>
      <c r="F54" s="181"/>
      <c r="G54" s="181"/>
      <c r="H54" s="181"/>
      <c r="I54" s="181"/>
      <c r="J54" s="181"/>
      <c r="K54" s="181"/>
      <c r="L54" s="181"/>
      <c r="M54" s="181"/>
      <c r="N54" s="181"/>
      <c r="O54" s="181"/>
      <c r="P54" s="181"/>
      <c r="Q54" s="181"/>
      <c r="R54" s="181"/>
      <c r="S54" s="181"/>
      <c r="T54" s="181"/>
      <c r="U54" s="181"/>
      <c r="V54" s="181"/>
      <c r="W54" s="181"/>
      <c r="X54" s="181"/>
      <c r="Y54" s="181"/>
      <c r="Z54" s="181"/>
      <c r="AA54" s="181"/>
      <c r="AB54" s="181"/>
      <c r="AC54" s="181"/>
      <c r="AD54" s="181"/>
      <c r="AE54" s="181"/>
      <c r="AF54" s="171"/>
    </row>
    <row r="55" spans="2:32" s="234" customFormat="1" ht="90.75" customHeight="1" x14ac:dyDescent="0.15">
      <c r="B55"/>
      <c r="C55" s="789" t="s">
        <v>1150</v>
      </c>
      <c r="D55" s="789"/>
      <c r="E55" s="789"/>
      <c r="F55" s="789"/>
      <c r="G55" s="789"/>
      <c r="H55" s="789"/>
      <c r="I55" s="789"/>
      <c r="J55" s="789"/>
      <c r="K55" s="789"/>
      <c r="L55" s="789"/>
      <c r="M55" s="789"/>
      <c r="N55" s="789"/>
      <c r="O55" s="789"/>
      <c r="P55" s="789"/>
      <c r="Q55" s="789"/>
      <c r="R55" s="789"/>
      <c r="S55" s="789"/>
      <c r="T55" s="789"/>
      <c r="U55" s="789"/>
      <c r="V55" s="789"/>
      <c r="W55" s="789"/>
      <c r="X55" s="789"/>
      <c r="Y55" s="789"/>
      <c r="Z55" s="789"/>
      <c r="AA55" s="789"/>
      <c r="AB55" s="789"/>
      <c r="AC55" s="789"/>
      <c r="AD55" s="789"/>
      <c r="AE55" s="789"/>
      <c r="AF55"/>
    </row>
    <row r="56" spans="2:32" s="8" customFormat="1" ht="18" customHeight="1" x14ac:dyDescent="0.15">
      <c r="C56" s="8" t="s">
        <v>1149</v>
      </c>
    </row>
    <row r="57" spans="2:32" s="195" customFormat="1" ht="18" customHeight="1" x14ac:dyDescent="0.15">
      <c r="C57" s="8" t="s">
        <v>1148</v>
      </c>
      <c r="D57"/>
      <c r="E57"/>
      <c r="F57"/>
      <c r="G57"/>
      <c r="H57"/>
      <c r="I57"/>
      <c r="J57"/>
      <c r="K57"/>
      <c r="L57"/>
      <c r="M57"/>
      <c r="N57"/>
      <c r="O57"/>
      <c r="P57"/>
      <c r="Q57"/>
      <c r="R57"/>
      <c r="S57"/>
      <c r="T57"/>
      <c r="U57"/>
      <c r="V57"/>
      <c r="W57"/>
      <c r="X57"/>
      <c r="Y57"/>
      <c r="Z57"/>
      <c r="AA57"/>
      <c r="AB57"/>
      <c r="AC57"/>
      <c r="AD57"/>
      <c r="AE57"/>
    </row>
    <row r="58" spans="2:32" s="234" customFormat="1" ht="63" customHeight="1" x14ac:dyDescent="0.15">
      <c r="B58"/>
      <c r="C58" s="789" t="s">
        <v>1147</v>
      </c>
      <c r="D58" s="789"/>
      <c r="E58" s="789"/>
      <c r="F58" s="789"/>
      <c r="G58" s="789"/>
      <c r="H58" s="789"/>
      <c r="I58" s="789"/>
      <c r="J58" s="789"/>
      <c r="K58" s="789"/>
      <c r="L58" s="789"/>
      <c r="M58" s="789"/>
      <c r="N58" s="789"/>
      <c r="O58" s="789"/>
      <c r="P58" s="789"/>
      <c r="Q58" s="789"/>
      <c r="R58" s="789"/>
      <c r="S58" s="789"/>
      <c r="T58" s="789"/>
      <c r="U58" s="789"/>
      <c r="V58" s="789"/>
      <c r="W58" s="789"/>
      <c r="X58" s="789"/>
      <c r="Y58" s="789"/>
      <c r="Z58" s="789"/>
      <c r="AA58" s="789"/>
      <c r="AB58" s="789"/>
      <c r="AC58" s="789"/>
      <c r="AD58" s="789"/>
      <c r="AE58" s="789"/>
      <c r="AF58"/>
    </row>
    <row r="59" spans="2:32" s="234" customFormat="1" ht="42.75" customHeight="1" x14ac:dyDescent="0.15">
      <c r="B59"/>
      <c r="C59" s="789" t="s">
        <v>1146</v>
      </c>
      <c r="D59" s="789"/>
      <c r="E59" s="789"/>
      <c r="F59" s="789"/>
      <c r="G59" s="789"/>
      <c r="H59" s="789"/>
      <c r="I59" s="789"/>
      <c r="J59" s="789"/>
      <c r="K59" s="789"/>
      <c r="L59" s="789"/>
      <c r="M59" s="789"/>
      <c r="N59" s="789"/>
      <c r="O59" s="789"/>
      <c r="P59" s="789"/>
      <c r="Q59" s="789"/>
      <c r="R59" s="789"/>
      <c r="S59" s="789"/>
      <c r="T59" s="789"/>
      <c r="U59" s="789"/>
      <c r="V59" s="789"/>
      <c r="W59" s="789"/>
      <c r="X59" s="789"/>
      <c r="Y59" s="789"/>
      <c r="Z59" s="789"/>
      <c r="AA59" s="789"/>
      <c r="AB59" s="789"/>
      <c r="AC59" s="789"/>
      <c r="AD59" s="789"/>
      <c r="AE59" s="789"/>
      <c r="AF59"/>
    </row>
    <row r="60" spans="2:32" s="234" customFormat="1" ht="18" customHeight="1" x14ac:dyDescent="0.15">
      <c r="B60"/>
      <c r="C60" s="8" t="s">
        <v>1145</v>
      </c>
      <c r="D60" s="323"/>
      <c r="E60" s="323"/>
      <c r="F60" s="323"/>
      <c r="G60" s="323"/>
      <c r="H60" s="323"/>
      <c r="I60" s="323"/>
      <c r="J60" s="323"/>
      <c r="K60" s="323"/>
      <c r="L60" s="323"/>
      <c r="M60" s="323"/>
      <c r="N60" s="323"/>
      <c r="O60" s="323"/>
      <c r="P60" s="323"/>
      <c r="Q60" s="323"/>
      <c r="R60" s="323"/>
      <c r="S60" s="323"/>
      <c r="T60" s="323"/>
      <c r="U60" s="323"/>
      <c r="V60" s="323"/>
      <c r="W60" s="323"/>
      <c r="X60" s="323"/>
      <c r="Y60" s="323"/>
      <c r="Z60" s="323"/>
      <c r="AA60" s="323"/>
      <c r="AB60" s="323"/>
      <c r="AC60" s="323"/>
      <c r="AD60" s="323"/>
      <c r="AE60" s="323"/>
      <c r="AF60"/>
    </row>
    <row r="61" spans="2:32" s="234" customFormat="1" ht="29.25" customHeight="1" x14ac:dyDescent="0.15">
      <c r="B61"/>
      <c r="C61" s="789" t="s">
        <v>1104</v>
      </c>
      <c r="D61" s="789"/>
      <c r="E61" s="789"/>
      <c r="F61" s="789"/>
      <c r="G61" s="789"/>
      <c r="H61" s="789"/>
      <c r="I61" s="789"/>
      <c r="J61" s="789"/>
      <c r="K61" s="789"/>
      <c r="L61" s="789"/>
      <c r="M61" s="789"/>
      <c r="N61" s="789"/>
      <c r="O61" s="789"/>
      <c r="P61" s="789"/>
      <c r="Q61" s="789"/>
      <c r="R61" s="789"/>
      <c r="S61" s="789"/>
      <c r="T61" s="789"/>
      <c r="U61" s="789"/>
      <c r="V61" s="789"/>
      <c r="W61" s="789"/>
      <c r="X61" s="789"/>
      <c r="Y61" s="789"/>
      <c r="Z61" s="789"/>
      <c r="AA61" s="789"/>
      <c r="AB61" s="789"/>
      <c r="AC61" s="789"/>
      <c r="AD61" s="789"/>
      <c r="AE61" s="789"/>
      <c r="AF61"/>
    </row>
    <row r="62" spans="2:32" s="498" customFormat="1" ht="15.75" customHeight="1" x14ac:dyDescent="0.15">
      <c r="D62"/>
      <c r="E62"/>
      <c r="F62"/>
      <c r="G62"/>
      <c r="H62"/>
      <c r="I62"/>
      <c r="J62"/>
      <c r="K62"/>
      <c r="L62"/>
      <c r="M62"/>
      <c r="N62"/>
      <c r="O62"/>
      <c r="P62"/>
      <c r="Q62"/>
      <c r="R62"/>
      <c r="S62"/>
      <c r="T62"/>
      <c r="U62"/>
      <c r="V62"/>
      <c r="W62"/>
      <c r="X62"/>
      <c r="Y62"/>
      <c r="Z62"/>
      <c r="AA62"/>
      <c r="AB62"/>
      <c r="AC62"/>
      <c r="AD62"/>
      <c r="AE62"/>
    </row>
  </sheetData>
  <mergeCells count="51">
    <mergeCell ref="K22:U22"/>
    <mergeCell ref="V22:W22"/>
    <mergeCell ref="V23:W23"/>
    <mergeCell ref="V25:W25"/>
    <mergeCell ref="Z25:AA25"/>
    <mergeCell ref="C5:AE5"/>
    <mergeCell ref="C7:H7"/>
    <mergeCell ref="I7:AF7"/>
    <mergeCell ref="C8:H8"/>
    <mergeCell ref="C9:H17"/>
    <mergeCell ref="Z22:AA22"/>
    <mergeCell ref="K23:U23"/>
    <mergeCell ref="C21:H22"/>
    <mergeCell ref="K24:U24"/>
    <mergeCell ref="V24:W24"/>
    <mergeCell ref="C25:H25"/>
    <mergeCell ref="K25:U25"/>
    <mergeCell ref="K21:U21"/>
    <mergeCell ref="V21:W21"/>
    <mergeCell ref="Z26:AA26"/>
    <mergeCell ref="C30:H31"/>
    <mergeCell ref="K30:U30"/>
    <mergeCell ref="V30:W30"/>
    <mergeCell ref="K31:U31"/>
    <mergeCell ref="V31:W31"/>
    <mergeCell ref="K32:U32"/>
    <mergeCell ref="V32:W32"/>
    <mergeCell ref="K33:U33"/>
    <mergeCell ref="V33:W33"/>
    <mergeCell ref="K34:U34"/>
    <mergeCell ref="V34:W34"/>
    <mergeCell ref="K35:U35"/>
    <mergeCell ref="V35:W35"/>
    <mergeCell ref="Z35:AA35"/>
    <mergeCell ref="Z36:AA36"/>
    <mergeCell ref="Z38:AA38"/>
    <mergeCell ref="C42:H43"/>
    <mergeCell ref="K42:U42"/>
    <mergeCell ref="V42:W42"/>
    <mergeCell ref="K43:U43"/>
    <mergeCell ref="V43:W43"/>
    <mergeCell ref="C55:AE55"/>
    <mergeCell ref="C58:AE58"/>
    <mergeCell ref="C59:AE59"/>
    <mergeCell ref="C61:AE61"/>
    <mergeCell ref="K44:U44"/>
    <mergeCell ref="V44:W44"/>
    <mergeCell ref="Z44:AA44"/>
    <mergeCell ref="Z45:AA45"/>
    <mergeCell ref="C49:AA49"/>
    <mergeCell ref="C52:AA52"/>
  </mergeCells>
  <phoneticPr fontId="2"/>
  <dataValidations count="1">
    <dataValidation type="list" allowBlank="1" showInputMessage="1" showErrorMessage="1" sqref="N8 S8 AC25:AC26 AE25:AE26 AC35:AC36 AE35:AE36 AC38 AE38 AC44:AC45 AE44:AE45 AC49 AE49 AC52 AE52 I8:I17">
      <formula1>"□,■"</formula1>
    </dataValidation>
  </dataValidations>
  <pageMargins left="0.7" right="0.7" top="0.75" bottom="0.75" header="0.3" footer="0.3"/>
  <pageSetup paperSize="9" scale="54" orientation="portrait" r:id="rId1"/>
</worksheet>
</file>

<file path=xl/worksheets/sheet4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AF55"/>
  <sheetViews>
    <sheetView zoomScaleNormal="100" workbookViewId="0">
      <selection activeCell="C87" sqref="C87"/>
    </sheetView>
  </sheetViews>
  <sheetFormatPr defaultColWidth="3.5" defaultRowHeight="13.5" x14ac:dyDescent="0.15"/>
  <cols>
    <col min="1" max="1" width="1.5" style="3" customWidth="1"/>
    <col min="2" max="2" width="2.5" style="3" customWidth="1"/>
    <col min="3" max="3" width="3" style="140" customWidth="1"/>
    <col min="4" max="7" width="4.875" style="3" customWidth="1"/>
    <col min="8" max="8" width="3.875" style="3" customWidth="1"/>
    <col min="9" max="10" width="4.875" style="3" customWidth="1"/>
    <col min="11" max="21" width="5.5" style="3" customWidth="1"/>
    <col min="22" max="25" width="4.875" style="3" customWidth="1"/>
    <col min="26" max="26" width="5.5" style="3" customWidth="1"/>
    <col min="27" max="31" width="4.875" style="3" customWidth="1"/>
    <col min="32" max="32" width="2.25" style="3" customWidth="1"/>
    <col min="33" max="33" width="1.5" style="3" customWidth="1"/>
    <col min="34" max="34" width="1.625" style="3" customWidth="1"/>
    <col min="35" max="16384" width="3.5" style="3"/>
  </cols>
  <sheetData>
    <row r="1" spans="2:32" s="8" customFormat="1" x14ac:dyDescent="0.15"/>
    <row r="2" spans="2:32" s="8" customFormat="1" x14ac:dyDescent="0.15">
      <c r="C2" s="8" t="s">
        <v>1224</v>
      </c>
    </row>
    <row r="3" spans="2:32" s="8" customFormat="1" x14ac:dyDescent="0.15">
      <c r="Y3" s="17" t="s">
        <v>12</v>
      </c>
      <c r="Z3" s="18"/>
      <c r="AA3" s="18" t="s">
        <v>11</v>
      </c>
      <c r="AB3" s="18"/>
      <c r="AC3" s="18" t="s">
        <v>21</v>
      </c>
      <c r="AD3" s="18"/>
      <c r="AE3" s="18" t="s">
        <v>20</v>
      </c>
    </row>
    <row r="4" spans="2:32" s="8" customFormat="1" x14ac:dyDescent="0.15">
      <c r="AE4" s="17"/>
    </row>
    <row r="5" spans="2:32" s="8" customFormat="1" ht="26.25" customHeight="1" x14ac:dyDescent="0.15">
      <c r="C5" s="807" t="s">
        <v>1223</v>
      </c>
      <c r="D5" s="778"/>
      <c r="E5" s="778"/>
      <c r="F5" s="778"/>
      <c r="G5" s="778"/>
      <c r="H5" s="778"/>
      <c r="I5" s="778"/>
      <c r="J5" s="778"/>
      <c r="K5" s="778"/>
      <c r="L5" s="778"/>
      <c r="M5" s="778"/>
      <c r="N5" s="778"/>
      <c r="O5" s="778"/>
      <c r="P5" s="778"/>
      <c r="Q5" s="778"/>
      <c r="R5" s="778"/>
      <c r="S5" s="778"/>
      <c r="T5" s="778"/>
      <c r="U5" s="778"/>
      <c r="V5" s="778"/>
      <c r="W5" s="778"/>
      <c r="X5" s="778"/>
      <c r="Y5" s="778"/>
      <c r="Z5" s="778"/>
      <c r="AA5" s="778"/>
      <c r="AB5" s="778"/>
      <c r="AC5" s="778"/>
      <c r="AD5" s="778"/>
      <c r="AE5" s="778"/>
    </row>
    <row r="6" spans="2:32" s="8" customFormat="1" x14ac:dyDescent="0.15"/>
    <row r="7" spans="2:32" s="8" customFormat="1" ht="27" customHeight="1" x14ac:dyDescent="0.15">
      <c r="B7" s="252"/>
      <c r="C7" s="793" t="s">
        <v>1101</v>
      </c>
      <c r="D7" s="804"/>
      <c r="E7" s="804"/>
      <c r="F7" s="804"/>
      <c r="G7" s="804"/>
      <c r="H7" s="804"/>
      <c r="I7" s="791"/>
      <c r="J7" s="792"/>
      <c r="K7" s="792"/>
      <c r="L7" s="792"/>
      <c r="M7" s="792"/>
      <c r="N7" s="792"/>
      <c r="O7" s="792"/>
      <c r="P7" s="792"/>
      <c r="Q7" s="792"/>
      <c r="R7" s="792"/>
      <c r="S7" s="792"/>
      <c r="T7" s="792"/>
      <c r="U7" s="792"/>
      <c r="V7" s="792"/>
      <c r="W7" s="792"/>
      <c r="X7" s="792"/>
      <c r="Y7" s="792"/>
      <c r="Z7" s="792"/>
      <c r="AA7" s="792"/>
      <c r="AB7" s="792"/>
      <c r="AC7" s="792"/>
      <c r="AD7" s="792"/>
      <c r="AE7" s="792"/>
      <c r="AF7" s="793"/>
    </row>
    <row r="8" spans="2:32" ht="27" customHeight="1" x14ac:dyDescent="0.15">
      <c r="B8" s="497"/>
      <c r="C8" s="792" t="s">
        <v>1100</v>
      </c>
      <c r="D8" s="792"/>
      <c r="E8" s="792"/>
      <c r="F8" s="792"/>
      <c r="G8" s="792"/>
      <c r="H8" s="793"/>
      <c r="I8" s="180" t="s">
        <v>0</v>
      </c>
      <c r="J8" s="168" t="s">
        <v>242</v>
      </c>
      <c r="K8" s="168"/>
      <c r="L8" s="168"/>
      <c r="M8" s="168"/>
      <c r="N8" s="178" t="s">
        <v>0</v>
      </c>
      <c r="O8" s="168" t="s">
        <v>241</v>
      </c>
      <c r="P8" s="168"/>
      <c r="Q8" s="168"/>
      <c r="R8" s="168"/>
      <c r="S8" s="178" t="s">
        <v>0</v>
      </c>
      <c r="T8" s="168" t="s">
        <v>240</v>
      </c>
      <c r="U8" s="168"/>
      <c r="V8" s="168"/>
      <c r="W8" s="168"/>
      <c r="X8" s="168"/>
      <c r="Y8" s="168"/>
      <c r="Z8" s="168"/>
      <c r="AA8" s="168"/>
      <c r="AB8" s="168"/>
      <c r="AC8" s="168"/>
      <c r="AD8" s="168"/>
      <c r="AE8" s="168"/>
      <c r="AF8" s="7"/>
    </row>
    <row r="9" spans="2:32" ht="27" customHeight="1" x14ac:dyDescent="0.15">
      <c r="B9" s="240"/>
      <c r="C9" s="907" t="s">
        <v>1099</v>
      </c>
      <c r="D9" s="907"/>
      <c r="E9" s="907"/>
      <c r="F9" s="907"/>
      <c r="G9" s="907"/>
      <c r="H9" s="908"/>
      <c r="I9" s="285" t="s">
        <v>0</v>
      </c>
      <c r="J9" s="157" t="s">
        <v>1222</v>
      </c>
      <c r="K9" s="166"/>
      <c r="L9" s="166"/>
      <c r="M9" s="166"/>
      <c r="N9" s="166"/>
      <c r="O9" s="166"/>
      <c r="P9" s="166"/>
      <c r="Q9" s="166"/>
      <c r="R9" s="166"/>
      <c r="S9" s="166"/>
      <c r="T9" s="166"/>
      <c r="U9" s="166"/>
      <c r="V9" s="166"/>
      <c r="W9" s="166"/>
      <c r="X9" s="166"/>
      <c r="Y9" s="166"/>
      <c r="Z9" s="166"/>
      <c r="AA9" s="166"/>
      <c r="AB9" s="166"/>
      <c r="AC9" s="166"/>
      <c r="AD9" s="166"/>
      <c r="AE9" s="166"/>
      <c r="AF9" s="82"/>
    </row>
    <row r="10" spans="2:32" ht="27" customHeight="1" x14ac:dyDescent="0.15">
      <c r="B10" s="142"/>
      <c r="C10" s="809"/>
      <c r="D10" s="809"/>
      <c r="E10" s="809"/>
      <c r="F10" s="809"/>
      <c r="G10" s="809"/>
      <c r="H10" s="821"/>
      <c r="I10" s="291" t="s">
        <v>0</v>
      </c>
      <c r="J10" s="16" t="s">
        <v>1221</v>
      </c>
      <c r="K10" s="16"/>
      <c r="L10" s="16"/>
      <c r="M10" s="16"/>
      <c r="N10" s="16"/>
      <c r="O10" s="16"/>
      <c r="P10" s="16"/>
      <c r="Q10" s="16"/>
      <c r="R10" s="16"/>
      <c r="S10" s="16"/>
      <c r="T10" s="16"/>
      <c r="U10" s="16"/>
      <c r="V10" s="16"/>
      <c r="W10" s="16"/>
      <c r="X10" s="16"/>
      <c r="Y10" s="16"/>
      <c r="Z10" s="16"/>
      <c r="AA10" s="16"/>
      <c r="AB10" s="16"/>
      <c r="AC10" s="16"/>
      <c r="AD10" s="16"/>
      <c r="AE10" s="16"/>
      <c r="AF10" s="10"/>
    </row>
    <row r="11" spans="2:32" ht="27" customHeight="1" x14ac:dyDescent="0.15">
      <c r="B11" s="19"/>
      <c r="C11" s="910"/>
      <c r="D11" s="910"/>
      <c r="E11" s="910"/>
      <c r="F11" s="910"/>
      <c r="G11" s="910"/>
      <c r="H11" s="911"/>
      <c r="I11" s="192" t="s">
        <v>0</v>
      </c>
      <c r="J11" s="162" t="s">
        <v>1220</v>
      </c>
      <c r="K11" s="162"/>
      <c r="L11" s="162"/>
      <c r="M11" s="162"/>
      <c r="N11" s="162"/>
      <c r="O11" s="162"/>
      <c r="P11" s="162"/>
      <c r="Q11" s="162"/>
      <c r="R11" s="162"/>
      <c r="S11" s="162"/>
      <c r="T11" s="162"/>
      <c r="U11" s="162"/>
      <c r="V11" s="162"/>
      <c r="W11" s="162"/>
      <c r="X11" s="162"/>
      <c r="Y11" s="162"/>
      <c r="Z11" s="162"/>
      <c r="AA11" s="162"/>
      <c r="AB11" s="162"/>
      <c r="AC11" s="162"/>
      <c r="AD11" s="162"/>
      <c r="AE11" s="162"/>
      <c r="AF11" s="73"/>
    </row>
    <row r="12" spans="2:32" s="8" customFormat="1" ht="11.25" customHeight="1" x14ac:dyDescent="0.15"/>
    <row r="13" spans="2:32" s="8" customFormat="1" ht="26.25" customHeight="1" x14ac:dyDescent="0.15">
      <c r="B13" s="158" t="s">
        <v>1219</v>
      </c>
      <c r="C13" s="157" t="s">
        <v>1218</v>
      </c>
      <c r="D13" s="157"/>
      <c r="E13" s="157"/>
      <c r="F13" s="157"/>
      <c r="G13" s="157"/>
      <c r="H13" s="157"/>
      <c r="I13" s="157"/>
      <c r="J13" s="157"/>
      <c r="K13" s="157"/>
      <c r="L13" s="157"/>
      <c r="M13" s="157"/>
      <c r="N13" s="157"/>
      <c r="O13" s="157"/>
      <c r="P13" s="181"/>
      <c r="Q13" s="490"/>
      <c r="R13" s="157"/>
      <c r="S13" s="157"/>
      <c r="T13" s="157"/>
      <c r="U13" s="157"/>
      <c r="V13" s="157"/>
      <c r="W13" s="157"/>
      <c r="X13" s="157"/>
      <c r="Y13" s="181"/>
      <c r="Z13" s="181"/>
      <c r="AA13" s="181"/>
      <c r="AB13" s="157"/>
      <c r="AC13" s="157"/>
      <c r="AD13" s="157"/>
      <c r="AE13" s="157"/>
      <c r="AF13" s="156"/>
    </row>
    <row r="14" spans="2:32" s="8" customFormat="1" ht="11.25" customHeight="1" x14ac:dyDescent="0.15">
      <c r="B14" s="9"/>
      <c r="C14" s="158"/>
      <c r="D14" s="157"/>
      <c r="E14" s="157"/>
      <c r="F14" s="157"/>
      <c r="G14" s="157"/>
      <c r="H14" s="157"/>
      <c r="I14" s="158"/>
      <c r="J14" s="157"/>
      <c r="K14" s="157"/>
      <c r="L14" s="157"/>
      <c r="M14" s="157"/>
      <c r="N14" s="157"/>
      <c r="O14" s="157"/>
      <c r="P14" s="157"/>
      <c r="Q14" s="157"/>
      <c r="R14" s="157"/>
      <c r="S14" s="157"/>
      <c r="T14" s="157"/>
      <c r="U14" s="157"/>
      <c r="V14" s="157"/>
      <c r="W14" s="157"/>
      <c r="X14" s="157"/>
      <c r="Y14" s="157"/>
      <c r="Z14" s="157"/>
      <c r="AA14" s="157"/>
      <c r="AB14" s="156"/>
      <c r="AC14" s="157"/>
      <c r="AD14" s="157"/>
      <c r="AE14" s="156"/>
      <c r="AF14" s="149"/>
    </row>
    <row r="15" spans="2:32" s="8" customFormat="1" ht="27" customHeight="1" x14ac:dyDescent="0.15">
      <c r="B15" s="9"/>
      <c r="C15" s="822" t="s">
        <v>1176</v>
      </c>
      <c r="D15" s="789"/>
      <c r="E15" s="789"/>
      <c r="F15" s="789"/>
      <c r="G15" s="789"/>
      <c r="H15" s="789"/>
      <c r="I15" s="9"/>
      <c r="J15" s="198" t="s">
        <v>279</v>
      </c>
      <c r="K15" s="1195" t="s">
        <v>1213</v>
      </c>
      <c r="L15" s="1196"/>
      <c r="M15" s="1196"/>
      <c r="N15" s="1196"/>
      <c r="O15" s="1196"/>
      <c r="P15" s="1196"/>
      <c r="Q15" s="1196"/>
      <c r="R15" s="1196"/>
      <c r="S15" s="1196"/>
      <c r="T15" s="1196"/>
      <c r="U15" s="1197"/>
      <c r="V15" s="780"/>
      <c r="W15" s="781"/>
      <c r="X15" s="176" t="s">
        <v>175</v>
      </c>
      <c r="Y15" s="18"/>
      <c r="Z15" s="18"/>
      <c r="AA15" s="18"/>
      <c r="AB15" s="149"/>
      <c r="AC15" s="778"/>
      <c r="AD15" s="778"/>
      <c r="AE15" s="811"/>
      <c r="AF15" s="149"/>
    </row>
    <row r="16" spans="2:32" s="8" customFormat="1" ht="27" customHeight="1" x14ac:dyDescent="0.15">
      <c r="B16" s="9"/>
      <c r="C16" s="822"/>
      <c r="D16" s="789"/>
      <c r="E16" s="789"/>
      <c r="F16" s="789"/>
      <c r="G16" s="789"/>
      <c r="H16" s="789"/>
      <c r="I16" s="9"/>
      <c r="J16" s="198" t="s">
        <v>277</v>
      </c>
      <c r="K16" s="1195" t="s">
        <v>1217</v>
      </c>
      <c r="L16" s="1196"/>
      <c r="M16" s="1196"/>
      <c r="N16" s="1196"/>
      <c r="O16" s="1196"/>
      <c r="P16" s="1196"/>
      <c r="Q16" s="1196"/>
      <c r="R16" s="1196"/>
      <c r="S16" s="1196"/>
      <c r="T16" s="1196"/>
      <c r="U16" s="1197"/>
      <c r="V16" s="780"/>
      <c r="W16" s="781"/>
      <c r="X16" s="176" t="s">
        <v>175</v>
      </c>
      <c r="Z16" s="993"/>
      <c r="AA16" s="993"/>
      <c r="AB16" s="149"/>
      <c r="AC16" s="16"/>
      <c r="AD16" s="16"/>
      <c r="AE16" s="150"/>
      <c r="AF16" s="149"/>
    </row>
    <row r="17" spans="2:32" s="8" customFormat="1" ht="27" customHeight="1" x14ac:dyDescent="0.15">
      <c r="B17" s="9"/>
      <c r="C17" s="822"/>
      <c r="D17" s="789"/>
      <c r="E17" s="789"/>
      <c r="F17" s="789"/>
      <c r="G17" s="789"/>
      <c r="H17" s="789"/>
      <c r="I17" s="9"/>
      <c r="J17" s="198" t="s">
        <v>293</v>
      </c>
      <c r="K17" s="1195" t="s">
        <v>1216</v>
      </c>
      <c r="L17" s="1196"/>
      <c r="M17" s="1196"/>
      <c r="N17" s="1196"/>
      <c r="O17" s="1196"/>
      <c r="P17" s="1196"/>
      <c r="Q17" s="1196"/>
      <c r="R17" s="1196"/>
      <c r="S17" s="1196"/>
      <c r="T17" s="1196"/>
      <c r="U17" s="1197"/>
      <c r="V17" s="780"/>
      <c r="W17" s="781"/>
      <c r="X17" s="176" t="s">
        <v>175</v>
      </c>
      <c r="Z17" s="993"/>
      <c r="AA17" s="993"/>
      <c r="AB17" s="149"/>
      <c r="AC17" s="16"/>
      <c r="AD17" s="16"/>
      <c r="AE17" s="150"/>
      <c r="AF17" s="149"/>
    </row>
    <row r="18" spans="2:32" s="8" customFormat="1" ht="27" customHeight="1" x14ac:dyDescent="0.15">
      <c r="B18" s="9"/>
      <c r="C18" s="461"/>
      <c r="D18" s="154"/>
      <c r="E18" s="154"/>
      <c r="F18" s="154"/>
      <c r="G18" s="154"/>
      <c r="H18" s="154"/>
      <c r="I18" s="9"/>
      <c r="J18" s="198" t="s">
        <v>513</v>
      </c>
      <c r="K18" s="1195" t="s">
        <v>1215</v>
      </c>
      <c r="L18" s="1196"/>
      <c r="M18" s="1196"/>
      <c r="N18" s="1196"/>
      <c r="O18" s="1196"/>
      <c r="P18" s="1196"/>
      <c r="Q18" s="1196"/>
      <c r="R18" s="1196"/>
      <c r="S18" s="1196"/>
      <c r="T18" s="1196"/>
      <c r="U18" s="1197"/>
      <c r="V18" s="780"/>
      <c r="W18" s="781"/>
      <c r="X18" s="176" t="s">
        <v>175</v>
      </c>
      <c r="Z18" s="993"/>
      <c r="AA18" s="993"/>
      <c r="AB18" s="149"/>
      <c r="AC18" s="340" t="s">
        <v>227</v>
      </c>
      <c r="AD18" s="152" t="s">
        <v>217</v>
      </c>
      <c r="AE18" s="339" t="s">
        <v>226</v>
      </c>
      <c r="AF18" s="149"/>
    </row>
    <row r="19" spans="2:32" s="8" customFormat="1" ht="27" customHeight="1" x14ac:dyDescent="0.15">
      <c r="B19" s="9"/>
      <c r="C19" s="822"/>
      <c r="D19" s="789"/>
      <c r="E19" s="789"/>
      <c r="F19" s="789"/>
      <c r="G19" s="789"/>
      <c r="H19" s="789"/>
      <c r="I19" s="9"/>
      <c r="J19" s="198" t="s">
        <v>511</v>
      </c>
      <c r="K19" s="1195" t="s">
        <v>1116</v>
      </c>
      <c r="L19" s="1196"/>
      <c r="M19" s="1196"/>
      <c r="N19" s="1196"/>
      <c r="O19" s="1196"/>
      <c r="P19" s="1196"/>
      <c r="Q19" s="1196"/>
      <c r="R19" s="1196"/>
      <c r="S19" s="1196"/>
      <c r="T19" s="1196"/>
      <c r="U19" s="1197"/>
      <c r="V19" s="780"/>
      <c r="W19" s="781"/>
      <c r="X19" s="176" t="s">
        <v>339</v>
      </c>
      <c r="Y19" s="8" t="s">
        <v>275</v>
      </c>
      <c r="Z19" s="993" t="s">
        <v>1040</v>
      </c>
      <c r="AA19" s="993"/>
      <c r="AB19" s="994"/>
      <c r="AC19" s="291" t="s">
        <v>0</v>
      </c>
      <c r="AD19" s="178" t="s">
        <v>217</v>
      </c>
      <c r="AE19" s="338" t="s">
        <v>0</v>
      </c>
      <c r="AF19" s="149"/>
    </row>
    <row r="20" spans="2:32" s="8" customFormat="1" ht="25.5" customHeight="1" x14ac:dyDescent="0.15">
      <c r="B20" s="9"/>
      <c r="C20" s="173"/>
      <c r="D20" s="172"/>
      <c r="E20" s="172"/>
      <c r="F20" s="172"/>
      <c r="G20" s="172"/>
      <c r="H20" s="172"/>
      <c r="I20" s="173"/>
      <c r="J20" s="172"/>
      <c r="K20" s="172"/>
      <c r="L20" s="172"/>
      <c r="M20" s="172"/>
      <c r="N20" s="172"/>
      <c r="O20" s="172"/>
      <c r="P20" s="172"/>
      <c r="Q20" s="172"/>
      <c r="R20" s="172"/>
      <c r="S20" s="172"/>
      <c r="T20" s="172"/>
      <c r="U20" s="172"/>
      <c r="V20" s="172"/>
      <c r="W20" s="172"/>
      <c r="X20" s="1209" t="s">
        <v>1214</v>
      </c>
      <c r="Y20" s="1209"/>
      <c r="Z20" s="1209"/>
      <c r="AA20" s="1209"/>
      <c r="AB20" s="1210"/>
      <c r="AC20" s="172"/>
      <c r="AD20" s="172"/>
      <c r="AE20" s="171"/>
      <c r="AF20" s="149"/>
    </row>
    <row r="21" spans="2:32" s="8" customFormat="1" ht="11.25" customHeight="1" x14ac:dyDescent="0.15">
      <c r="B21" s="9"/>
      <c r="C21" s="9"/>
      <c r="H21" s="149"/>
      <c r="AC21" s="9"/>
      <c r="AE21" s="149"/>
      <c r="AF21" s="149"/>
    </row>
    <row r="22" spans="2:32" s="8" customFormat="1" ht="27" customHeight="1" x14ac:dyDescent="0.15">
      <c r="B22" s="9"/>
      <c r="C22" s="822" t="s">
        <v>1170</v>
      </c>
      <c r="D22" s="789"/>
      <c r="E22" s="789"/>
      <c r="F22" s="789"/>
      <c r="G22" s="789"/>
      <c r="H22" s="805"/>
      <c r="J22" s="198" t="s">
        <v>279</v>
      </c>
      <c r="K22" s="1195" t="s">
        <v>1213</v>
      </c>
      <c r="L22" s="1196"/>
      <c r="M22" s="1196"/>
      <c r="N22" s="1196"/>
      <c r="O22" s="1196"/>
      <c r="P22" s="1196"/>
      <c r="Q22" s="1196"/>
      <c r="R22" s="1196"/>
      <c r="S22" s="1196"/>
      <c r="T22" s="1196"/>
      <c r="U22" s="1197"/>
      <c r="V22" s="780"/>
      <c r="W22" s="781"/>
      <c r="X22" s="176" t="s">
        <v>175</v>
      </c>
      <c r="Y22" s="18"/>
      <c r="Z22" s="18"/>
      <c r="AA22" s="18"/>
      <c r="AC22" s="20"/>
      <c r="AD22" s="16"/>
      <c r="AE22" s="150"/>
      <c r="AF22" s="149"/>
    </row>
    <row r="23" spans="2:32" s="8" customFormat="1" ht="27" customHeight="1" x14ac:dyDescent="0.15">
      <c r="B23" s="9"/>
      <c r="C23" s="822"/>
      <c r="D23" s="789"/>
      <c r="E23" s="789"/>
      <c r="F23" s="789"/>
      <c r="G23" s="789"/>
      <c r="H23" s="805"/>
      <c r="J23" s="198" t="s">
        <v>277</v>
      </c>
      <c r="K23" s="1195" t="s">
        <v>1212</v>
      </c>
      <c r="L23" s="1196"/>
      <c r="M23" s="1196"/>
      <c r="N23" s="1196"/>
      <c r="O23" s="1196"/>
      <c r="P23" s="1196"/>
      <c r="Q23" s="1196"/>
      <c r="R23" s="1196"/>
      <c r="S23" s="1196"/>
      <c r="T23" s="1196"/>
      <c r="U23" s="1197"/>
      <c r="V23" s="780"/>
      <c r="W23" s="781"/>
      <c r="X23" s="176" t="s">
        <v>175</v>
      </c>
      <c r="Z23" s="333"/>
      <c r="AA23" s="333"/>
      <c r="AC23" s="151"/>
      <c r="AD23" s="18"/>
      <c r="AE23" s="174"/>
      <c r="AF23" s="149"/>
    </row>
    <row r="24" spans="2:32" s="8" customFormat="1" ht="27" customHeight="1" x14ac:dyDescent="0.15">
      <c r="B24" s="9"/>
      <c r="C24" s="461"/>
      <c r="D24" s="154"/>
      <c r="E24" s="154"/>
      <c r="F24" s="154"/>
      <c r="G24" s="154"/>
      <c r="H24" s="196"/>
      <c r="J24" s="198" t="s">
        <v>293</v>
      </c>
      <c r="K24" s="1195" t="s">
        <v>1211</v>
      </c>
      <c r="L24" s="1196"/>
      <c r="M24" s="1196"/>
      <c r="N24" s="1196"/>
      <c r="O24" s="1196"/>
      <c r="P24" s="1196"/>
      <c r="Q24" s="1196"/>
      <c r="R24" s="1196"/>
      <c r="S24" s="1196"/>
      <c r="T24" s="1196"/>
      <c r="U24" s="1197"/>
      <c r="V24" s="780"/>
      <c r="W24" s="781"/>
      <c r="X24" s="176" t="s">
        <v>175</v>
      </c>
      <c r="Z24" s="333"/>
      <c r="AA24" s="333"/>
      <c r="AC24" s="151"/>
      <c r="AD24" s="18"/>
      <c r="AE24" s="174"/>
      <c r="AF24" s="149"/>
    </row>
    <row r="25" spans="2:32" s="8" customFormat="1" ht="27" customHeight="1" x14ac:dyDescent="0.15">
      <c r="B25" s="9"/>
      <c r="C25" s="461"/>
      <c r="D25" s="154"/>
      <c r="E25" s="154"/>
      <c r="F25" s="154"/>
      <c r="G25" s="154"/>
      <c r="H25" s="196"/>
      <c r="J25" s="198" t="s">
        <v>513</v>
      </c>
      <c r="K25" s="1014" t="s">
        <v>1210</v>
      </c>
      <c r="L25" s="1196"/>
      <c r="M25" s="1196"/>
      <c r="N25" s="1196"/>
      <c r="O25" s="1196"/>
      <c r="P25" s="1196"/>
      <c r="Q25" s="1196"/>
      <c r="R25" s="1196"/>
      <c r="S25" s="1196"/>
      <c r="T25" s="1196"/>
      <c r="U25" s="1197"/>
      <c r="V25" s="780"/>
      <c r="W25" s="781"/>
      <c r="X25" s="176" t="s">
        <v>175</v>
      </c>
      <c r="Z25" s="333"/>
      <c r="AA25" s="333"/>
      <c r="AC25" s="151"/>
      <c r="AD25" s="18"/>
      <c r="AE25" s="174"/>
      <c r="AF25" s="149"/>
    </row>
    <row r="26" spans="2:32" s="8" customFormat="1" ht="27" customHeight="1" x14ac:dyDescent="0.15">
      <c r="B26" s="9"/>
      <c r="C26" s="461"/>
      <c r="D26" s="154"/>
      <c r="E26" s="154"/>
      <c r="F26" s="154"/>
      <c r="G26" s="154"/>
      <c r="H26" s="196"/>
      <c r="J26" s="198" t="s">
        <v>511</v>
      </c>
      <c r="K26" s="1195" t="s">
        <v>1164</v>
      </c>
      <c r="L26" s="1196"/>
      <c r="M26" s="1196"/>
      <c r="N26" s="1196"/>
      <c r="O26" s="1196"/>
      <c r="P26" s="1196"/>
      <c r="Q26" s="1196"/>
      <c r="R26" s="1196"/>
      <c r="S26" s="1196"/>
      <c r="T26" s="1196"/>
      <c r="U26" s="1197"/>
      <c r="V26" s="780"/>
      <c r="W26" s="781"/>
      <c r="X26" s="176" t="s">
        <v>175</v>
      </c>
      <c r="Z26" s="333"/>
      <c r="AA26" s="333"/>
      <c r="AC26" s="340" t="s">
        <v>227</v>
      </c>
      <c r="AD26" s="152" t="s">
        <v>217</v>
      </c>
      <c r="AE26" s="339" t="s">
        <v>226</v>
      </c>
      <c r="AF26" s="149"/>
    </row>
    <row r="27" spans="2:32" s="8" customFormat="1" ht="27" customHeight="1" x14ac:dyDescent="0.15">
      <c r="B27" s="9"/>
      <c r="C27" s="9"/>
      <c r="H27" s="149"/>
      <c r="J27" s="198" t="s">
        <v>509</v>
      </c>
      <c r="K27" s="1195" t="s">
        <v>1209</v>
      </c>
      <c r="L27" s="1196"/>
      <c r="M27" s="1196"/>
      <c r="N27" s="1196"/>
      <c r="O27" s="1196"/>
      <c r="P27" s="1196"/>
      <c r="Q27" s="1196"/>
      <c r="R27" s="1196"/>
      <c r="S27" s="1196"/>
      <c r="T27" s="1196"/>
      <c r="U27" s="1197"/>
      <c r="V27" s="780"/>
      <c r="W27" s="781"/>
      <c r="X27" s="176" t="s">
        <v>339</v>
      </c>
      <c r="Y27" s="8" t="s">
        <v>275</v>
      </c>
      <c r="Z27" s="993" t="s">
        <v>1040</v>
      </c>
      <c r="AA27" s="993"/>
      <c r="AC27" s="291" t="s">
        <v>0</v>
      </c>
      <c r="AD27" s="178" t="s">
        <v>217</v>
      </c>
      <c r="AE27" s="338" t="s">
        <v>0</v>
      </c>
      <c r="AF27" s="149"/>
    </row>
    <row r="28" spans="2:32" s="8" customFormat="1" ht="18.75" customHeight="1" x14ac:dyDescent="0.15">
      <c r="B28" s="9"/>
      <c r="C28" s="9"/>
      <c r="H28" s="149"/>
      <c r="J28" s="249"/>
      <c r="K28" s="501"/>
      <c r="L28" s="501"/>
      <c r="M28" s="501"/>
      <c r="N28" s="501"/>
      <c r="O28" s="501"/>
      <c r="P28" s="501"/>
      <c r="Q28" s="501"/>
      <c r="R28" s="501"/>
      <c r="S28" s="501"/>
      <c r="T28" s="501"/>
      <c r="U28" s="501"/>
      <c r="X28" s="1207" t="s">
        <v>1206</v>
      </c>
      <c r="Y28" s="1207"/>
      <c r="Z28" s="1207"/>
      <c r="AA28" s="1207"/>
      <c r="AB28" s="1208"/>
      <c r="AC28" s="151"/>
      <c r="AD28" s="18"/>
      <c r="AE28" s="174"/>
      <c r="AF28" s="149"/>
    </row>
    <row r="29" spans="2:32" s="8" customFormat="1" ht="26.25" customHeight="1" x14ac:dyDescent="0.15">
      <c r="B29" s="9"/>
      <c r="C29" s="461"/>
      <c r="D29" s="154"/>
      <c r="E29" s="154"/>
      <c r="F29" s="154"/>
      <c r="G29" s="154"/>
      <c r="H29" s="196"/>
      <c r="J29" s="249"/>
      <c r="K29" s="501"/>
      <c r="L29" s="501"/>
      <c r="M29" s="501"/>
      <c r="N29" s="501"/>
      <c r="O29" s="501"/>
      <c r="P29" s="501"/>
      <c r="Q29" s="501"/>
      <c r="R29" s="501"/>
      <c r="S29" s="501"/>
      <c r="T29" s="501"/>
      <c r="U29" s="501"/>
      <c r="X29" s="18"/>
      <c r="Y29" s="8" t="s">
        <v>275</v>
      </c>
      <c r="Z29" s="993" t="s">
        <v>1069</v>
      </c>
      <c r="AA29" s="993"/>
      <c r="AC29" s="291" t="s">
        <v>0</v>
      </c>
      <c r="AD29" s="178" t="s">
        <v>217</v>
      </c>
      <c r="AE29" s="338" t="s">
        <v>0</v>
      </c>
      <c r="AF29" s="149"/>
    </row>
    <row r="30" spans="2:32" s="8" customFormat="1" ht="26.25" customHeight="1" x14ac:dyDescent="0.15">
      <c r="B30" s="9"/>
      <c r="C30" s="461"/>
      <c r="D30" s="154"/>
      <c r="E30" s="154"/>
      <c r="F30" s="154"/>
      <c r="G30" s="154"/>
      <c r="H30" s="196"/>
      <c r="J30" s="249"/>
      <c r="K30" s="501"/>
      <c r="L30" s="501"/>
      <c r="M30" s="501"/>
      <c r="N30" s="501"/>
      <c r="O30" s="501"/>
      <c r="P30" s="501"/>
      <c r="Q30" s="501"/>
      <c r="R30" s="501"/>
      <c r="S30" s="501"/>
      <c r="T30" s="501"/>
      <c r="U30" s="1209" t="s">
        <v>1205</v>
      </c>
      <c r="V30" s="1209"/>
      <c r="W30" s="1209"/>
      <c r="X30" s="1209"/>
      <c r="Y30" s="1209"/>
      <c r="Z30" s="1209"/>
      <c r="AA30" s="1209"/>
      <c r="AB30" s="1210"/>
      <c r="AC30" s="20"/>
      <c r="AD30" s="16"/>
      <c r="AE30" s="150"/>
      <c r="AF30" s="149"/>
    </row>
    <row r="31" spans="2:32" s="8" customFormat="1" ht="10.5" customHeight="1" x14ac:dyDescent="0.15">
      <c r="B31" s="9"/>
      <c r="C31" s="158"/>
      <c r="D31" s="157"/>
      <c r="E31" s="157"/>
      <c r="F31" s="157"/>
      <c r="G31" s="157"/>
      <c r="H31" s="156"/>
      <c r="I31" s="157"/>
      <c r="J31" s="157"/>
      <c r="K31" s="157"/>
      <c r="L31" s="157"/>
      <c r="M31" s="157"/>
      <c r="N31" s="157"/>
      <c r="O31" s="157"/>
      <c r="P31" s="157"/>
      <c r="Q31" s="157"/>
      <c r="R31" s="157"/>
      <c r="S31" s="157"/>
      <c r="T31" s="157"/>
      <c r="U31" s="157"/>
      <c r="V31" s="157"/>
      <c r="W31" s="157"/>
      <c r="X31" s="157"/>
      <c r="Y31" s="157"/>
      <c r="Z31" s="157"/>
      <c r="AA31" s="157"/>
      <c r="AB31" s="157"/>
      <c r="AC31" s="158"/>
      <c r="AD31" s="157"/>
      <c r="AE31" s="156"/>
      <c r="AF31" s="149"/>
    </row>
    <row r="32" spans="2:32" s="8" customFormat="1" ht="27" customHeight="1" x14ac:dyDescent="0.15">
      <c r="B32" s="9"/>
      <c r="C32" s="822" t="s">
        <v>1159</v>
      </c>
      <c r="D32" s="789"/>
      <c r="E32" s="789"/>
      <c r="F32" s="789"/>
      <c r="G32" s="789"/>
      <c r="H32" s="805"/>
      <c r="J32" s="198" t="s">
        <v>279</v>
      </c>
      <c r="K32" s="1195" t="s">
        <v>1208</v>
      </c>
      <c r="L32" s="1196"/>
      <c r="M32" s="1196"/>
      <c r="N32" s="1196"/>
      <c r="O32" s="1196"/>
      <c r="P32" s="1196"/>
      <c r="Q32" s="1196"/>
      <c r="R32" s="1196"/>
      <c r="S32" s="1196"/>
      <c r="T32" s="1196"/>
      <c r="U32" s="1197"/>
      <c r="V32" s="780"/>
      <c r="W32" s="781"/>
      <c r="X32" s="176" t="s">
        <v>20</v>
      </c>
      <c r="Y32" s="18"/>
      <c r="Z32" s="18"/>
      <c r="AA32" s="18"/>
      <c r="AC32" s="20"/>
      <c r="AD32" s="16"/>
      <c r="AE32" s="150"/>
      <c r="AF32" s="149"/>
    </row>
    <row r="33" spans="2:32" s="8" customFormat="1" ht="27" customHeight="1" x14ac:dyDescent="0.15">
      <c r="B33" s="9"/>
      <c r="C33" s="822"/>
      <c r="D33" s="789"/>
      <c r="E33" s="789"/>
      <c r="F33" s="789"/>
      <c r="G33" s="789"/>
      <c r="H33" s="805"/>
      <c r="J33" s="198" t="s">
        <v>277</v>
      </c>
      <c r="K33" s="1195" t="s">
        <v>1157</v>
      </c>
      <c r="L33" s="1196"/>
      <c r="M33" s="1196"/>
      <c r="N33" s="1196"/>
      <c r="O33" s="1196"/>
      <c r="P33" s="1196"/>
      <c r="Q33" s="1196"/>
      <c r="R33" s="1196"/>
      <c r="S33" s="1196"/>
      <c r="T33" s="1196"/>
      <c r="U33" s="1197"/>
      <c r="V33" s="780"/>
      <c r="W33" s="781"/>
      <c r="X33" s="176" t="s">
        <v>20</v>
      </c>
      <c r="Y33" s="18"/>
      <c r="Z33" s="18"/>
      <c r="AA33" s="18"/>
      <c r="AC33" s="340" t="s">
        <v>227</v>
      </c>
      <c r="AD33" s="152" t="s">
        <v>217</v>
      </c>
      <c r="AE33" s="339" t="s">
        <v>226</v>
      </c>
      <c r="AF33" s="149"/>
    </row>
    <row r="34" spans="2:32" s="8" customFormat="1" ht="27" customHeight="1" x14ac:dyDescent="0.15">
      <c r="B34" s="9"/>
      <c r="C34" s="461"/>
      <c r="D34" s="154"/>
      <c r="E34" s="154"/>
      <c r="F34" s="154"/>
      <c r="G34" s="154"/>
      <c r="H34" s="196"/>
      <c r="J34" s="198" t="s">
        <v>293</v>
      </c>
      <c r="K34" s="1195" t="s">
        <v>1207</v>
      </c>
      <c r="L34" s="1196"/>
      <c r="M34" s="1196"/>
      <c r="N34" s="1196"/>
      <c r="O34" s="1196"/>
      <c r="P34" s="1196"/>
      <c r="Q34" s="1196"/>
      <c r="R34" s="1196"/>
      <c r="S34" s="1196"/>
      <c r="T34" s="1196"/>
      <c r="U34" s="1197"/>
      <c r="V34" s="780"/>
      <c r="W34" s="781"/>
      <c r="X34" s="176" t="s">
        <v>339</v>
      </c>
      <c r="Y34" s="8" t="s">
        <v>275</v>
      </c>
      <c r="Z34" s="993" t="s">
        <v>947</v>
      </c>
      <c r="AA34" s="993"/>
      <c r="AC34" s="291" t="s">
        <v>0</v>
      </c>
      <c r="AD34" s="178" t="s">
        <v>217</v>
      </c>
      <c r="AE34" s="338" t="s">
        <v>0</v>
      </c>
      <c r="AF34" s="149"/>
    </row>
    <row r="35" spans="2:32" s="8" customFormat="1" ht="18.75" customHeight="1" x14ac:dyDescent="0.15">
      <c r="B35" s="9"/>
      <c r="C35" s="461"/>
      <c r="D35" s="154"/>
      <c r="E35" s="154"/>
      <c r="F35" s="154"/>
      <c r="G35" s="154"/>
      <c r="H35" s="196"/>
      <c r="J35" s="249"/>
      <c r="K35" s="501"/>
      <c r="L35" s="501"/>
      <c r="M35" s="501"/>
      <c r="N35" s="501"/>
      <c r="O35" s="501"/>
      <c r="P35" s="501"/>
      <c r="Q35" s="501"/>
      <c r="R35" s="501"/>
      <c r="S35" s="501"/>
      <c r="T35" s="501"/>
      <c r="U35" s="501"/>
      <c r="X35" s="1207" t="s">
        <v>1206</v>
      </c>
      <c r="Y35" s="1207"/>
      <c r="Z35" s="1207"/>
      <c r="AA35" s="1207"/>
      <c r="AB35" s="1208"/>
      <c r="AC35" s="151"/>
      <c r="AD35" s="18"/>
      <c r="AE35" s="174"/>
      <c r="AF35" s="149"/>
    </row>
    <row r="36" spans="2:32" s="8" customFormat="1" ht="22.5" customHeight="1" x14ac:dyDescent="0.15">
      <c r="B36" s="9"/>
      <c r="C36" s="461"/>
      <c r="D36" s="154"/>
      <c r="E36" s="154"/>
      <c r="F36" s="154"/>
      <c r="G36" s="154"/>
      <c r="H36" s="196"/>
      <c r="J36" s="249"/>
      <c r="K36" s="501"/>
      <c r="L36" s="501"/>
      <c r="M36" s="501"/>
      <c r="N36" s="501"/>
      <c r="O36" s="501"/>
      <c r="P36" s="501"/>
      <c r="Q36" s="501"/>
      <c r="R36" s="501"/>
      <c r="S36" s="501"/>
      <c r="T36" s="501"/>
      <c r="U36" s="501"/>
      <c r="X36" s="18"/>
      <c r="Y36" s="8" t="s">
        <v>275</v>
      </c>
      <c r="Z36" s="993" t="s">
        <v>1154</v>
      </c>
      <c r="AA36" s="993"/>
      <c r="AC36" s="291" t="s">
        <v>0</v>
      </c>
      <c r="AD36" s="178" t="s">
        <v>217</v>
      </c>
      <c r="AE36" s="338" t="s">
        <v>0</v>
      </c>
      <c r="AF36" s="149"/>
    </row>
    <row r="37" spans="2:32" s="8" customFormat="1" ht="26.25" customHeight="1" x14ac:dyDescent="0.15">
      <c r="B37" s="9"/>
      <c r="C37" s="461"/>
      <c r="D37" s="154"/>
      <c r="E37" s="154"/>
      <c r="F37" s="154"/>
      <c r="G37" s="154"/>
      <c r="H37" s="154"/>
      <c r="I37" s="9"/>
      <c r="J37" s="249"/>
      <c r="K37" s="501"/>
      <c r="L37" s="501"/>
      <c r="M37" s="501"/>
      <c r="N37" s="501"/>
      <c r="O37" s="501"/>
      <c r="P37" s="501"/>
      <c r="Q37" s="501"/>
      <c r="R37" s="501"/>
      <c r="S37" s="501"/>
      <c r="T37" s="501"/>
      <c r="U37" s="501"/>
      <c r="X37" s="1207" t="s">
        <v>1205</v>
      </c>
      <c r="Y37" s="1207"/>
      <c r="Z37" s="1207"/>
      <c r="AA37" s="1207"/>
      <c r="AB37" s="1208"/>
      <c r="AC37" s="163"/>
      <c r="AD37" s="143"/>
      <c r="AE37" s="170"/>
      <c r="AF37" s="149"/>
    </row>
    <row r="38" spans="2:32" s="506" customFormat="1" ht="27" customHeight="1" x14ac:dyDescent="0.15">
      <c r="B38" s="510"/>
      <c r="C38" s="509"/>
      <c r="D38" s="508"/>
      <c r="E38" s="508"/>
      <c r="F38" s="508"/>
      <c r="G38" s="508"/>
      <c r="H38" s="508"/>
      <c r="I38" s="508"/>
      <c r="J38" s="508"/>
      <c r="K38" s="508"/>
      <c r="L38" s="508"/>
      <c r="M38" s="508"/>
      <c r="N38" s="508"/>
      <c r="O38" s="508"/>
      <c r="P38" s="508"/>
      <c r="Q38" s="508"/>
      <c r="R38" s="508"/>
      <c r="S38" s="508"/>
      <c r="T38" s="508"/>
      <c r="U38" s="508"/>
      <c r="V38" s="508"/>
      <c r="W38" s="508"/>
      <c r="X38" s="508"/>
      <c r="Y38" s="508"/>
      <c r="Z38" s="508"/>
      <c r="AA38" s="508"/>
      <c r="AB38" s="508"/>
      <c r="AC38" s="340" t="s">
        <v>227</v>
      </c>
      <c r="AD38" s="152" t="s">
        <v>217</v>
      </c>
      <c r="AE38" s="339" t="s">
        <v>226</v>
      </c>
      <c r="AF38" s="507"/>
    </row>
    <row r="39" spans="2:32" s="8" customFormat="1" ht="27" customHeight="1" x14ac:dyDescent="0.15">
      <c r="B39" s="9"/>
      <c r="C39" s="822" t="s">
        <v>1204</v>
      </c>
      <c r="D39" s="789"/>
      <c r="E39" s="789"/>
      <c r="F39" s="789"/>
      <c r="G39" s="789"/>
      <c r="H39" s="789"/>
      <c r="I39" s="789"/>
      <c r="J39" s="789"/>
      <c r="K39" s="789"/>
      <c r="L39" s="789"/>
      <c r="M39" s="789"/>
      <c r="N39" s="789"/>
      <c r="O39" s="789"/>
      <c r="P39" s="789"/>
      <c r="Q39" s="789"/>
      <c r="R39" s="789"/>
      <c r="S39" s="789"/>
      <c r="T39" s="789"/>
      <c r="U39" s="789"/>
      <c r="V39" s="789"/>
      <c r="W39" s="789"/>
      <c r="X39" s="789"/>
      <c r="Y39" s="789"/>
      <c r="Z39" s="789"/>
      <c r="AA39" s="789"/>
      <c r="AC39" s="291" t="s">
        <v>0</v>
      </c>
      <c r="AD39" s="178" t="s">
        <v>217</v>
      </c>
      <c r="AE39" s="338" t="s">
        <v>0</v>
      </c>
      <c r="AF39" s="149"/>
    </row>
    <row r="40" spans="2:32" s="8" customFormat="1" ht="6.75" customHeight="1" x14ac:dyDescent="0.15">
      <c r="B40" s="9"/>
      <c r="C40" s="173"/>
      <c r="D40" s="172"/>
      <c r="E40" s="172"/>
      <c r="F40" s="172"/>
      <c r="G40" s="172"/>
      <c r="H40" s="172"/>
      <c r="I40" s="172"/>
      <c r="J40" s="172"/>
      <c r="K40" s="172"/>
      <c r="L40" s="172"/>
      <c r="M40" s="172"/>
      <c r="N40" s="172"/>
      <c r="O40" s="172"/>
      <c r="P40" s="172"/>
      <c r="Q40" s="172"/>
      <c r="R40" s="172"/>
      <c r="S40" s="172"/>
      <c r="T40" s="172"/>
      <c r="U40" s="172"/>
      <c r="V40" s="172"/>
      <c r="W40" s="172"/>
      <c r="X40" s="172"/>
      <c r="Y40" s="172"/>
      <c r="Z40" s="172"/>
      <c r="AA40" s="172"/>
      <c r="AB40" s="172"/>
      <c r="AC40" s="173"/>
      <c r="AD40" s="172"/>
      <c r="AE40" s="171"/>
      <c r="AF40" s="149"/>
    </row>
    <row r="41" spans="2:32" s="8" customFormat="1" ht="27" customHeight="1" x14ac:dyDescent="0.15">
      <c r="B41" s="9"/>
      <c r="C41" s="158"/>
      <c r="D41" s="157"/>
      <c r="E41" s="157"/>
      <c r="F41" s="157"/>
      <c r="G41" s="157"/>
      <c r="H41" s="157"/>
      <c r="I41" s="157"/>
      <c r="J41" s="157"/>
      <c r="K41" s="157"/>
      <c r="L41" s="157"/>
      <c r="M41" s="157"/>
      <c r="N41" s="157"/>
      <c r="O41" s="157"/>
      <c r="P41" s="157"/>
      <c r="Q41" s="157"/>
      <c r="R41" s="157"/>
      <c r="S41" s="157"/>
      <c r="T41" s="157"/>
      <c r="U41" s="157"/>
      <c r="V41" s="157"/>
      <c r="W41" s="157"/>
      <c r="X41" s="157"/>
      <c r="Y41" s="157"/>
      <c r="Z41" s="157"/>
      <c r="AA41" s="157"/>
      <c r="AB41" s="157"/>
      <c r="AC41" s="340" t="s">
        <v>227</v>
      </c>
      <c r="AD41" s="152" t="s">
        <v>217</v>
      </c>
      <c r="AE41" s="339" t="s">
        <v>226</v>
      </c>
      <c r="AF41" s="149"/>
    </row>
    <row r="42" spans="2:32" s="8" customFormat="1" ht="27" customHeight="1" x14ac:dyDescent="0.15">
      <c r="B42" s="9"/>
      <c r="C42" s="822" t="s">
        <v>1203</v>
      </c>
      <c r="D42" s="789"/>
      <c r="E42" s="789"/>
      <c r="F42" s="789"/>
      <c r="G42" s="789"/>
      <c r="H42" s="789"/>
      <c r="I42" s="789"/>
      <c r="J42" s="789"/>
      <c r="K42" s="789"/>
      <c r="L42" s="789"/>
      <c r="M42" s="789"/>
      <c r="N42" s="789"/>
      <c r="O42" s="789"/>
      <c r="P42" s="789"/>
      <c r="Q42" s="789"/>
      <c r="R42" s="789"/>
      <c r="S42" s="789"/>
      <c r="T42" s="789"/>
      <c r="U42" s="789"/>
      <c r="V42" s="789"/>
      <c r="W42" s="789"/>
      <c r="X42" s="789"/>
      <c r="Y42" s="789"/>
      <c r="Z42" s="789"/>
      <c r="AA42" s="789"/>
      <c r="AC42" s="291" t="s">
        <v>0</v>
      </c>
      <c r="AD42" s="178" t="s">
        <v>217</v>
      </c>
      <c r="AE42" s="338" t="s">
        <v>0</v>
      </c>
      <c r="AF42" s="149"/>
    </row>
    <row r="43" spans="2:32" s="8" customFormat="1" ht="27" customHeight="1" x14ac:dyDescent="0.15">
      <c r="B43" s="9"/>
      <c r="C43" s="822" t="s">
        <v>1202</v>
      </c>
      <c r="D43" s="789"/>
      <c r="E43" s="789"/>
      <c r="F43" s="789"/>
      <c r="G43" s="789"/>
      <c r="H43" s="789"/>
      <c r="I43" s="789"/>
      <c r="J43" s="789"/>
      <c r="K43" s="789"/>
      <c r="L43" s="789"/>
      <c r="M43" s="789"/>
      <c r="N43" s="789"/>
      <c r="O43" s="789"/>
      <c r="P43" s="789"/>
      <c r="Q43" s="789"/>
      <c r="R43" s="789"/>
      <c r="S43" s="789"/>
      <c r="T43" s="789"/>
      <c r="U43" s="789"/>
      <c r="V43" s="789"/>
      <c r="W43" s="789"/>
      <c r="X43" s="789"/>
      <c r="Y43" s="789"/>
      <c r="Z43" s="789"/>
      <c r="AA43" s="789"/>
      <c r="AC43" s="151"/>
      <c r="AD43" s="18"/>
      <c r="AE43" s="174"/>
      <c r="AF43" s="149"/>
    </row>
    <row r="44" spans="2:32" s="8" customFormat="1" ht="6.75" customHeight="1" x14ac:dyDescent="0.15">
      <c r="B44" s="9"/>
      <c r="C44" s="173"/>
      <c r="D44" s="172"/>
      <c r="E44" s="172"/>
      <c r="F44" s="172"/>
      <c r="G44" s="172"/>
      <c r="H44" s="172"/>
      <c r="I44" s="172"/>
      <c r="J44" s="172"/>
      <c r="K44" s="172"/>
      <c r="L44" s="172"/>
      <c r="M44" s="172"/>
      <c r="N44" s="172"/>
      <c r="O44" s="172"/>
      <c r="P44" s="172"/>
      <c r="Q44" s="172"/>
      <c r="R44" s="172"/>
      <c r="S44" s="172"/>
      <c r="T44" s="172"/>
      <c r="U44" s="172"/>
      <c r="V44" s="172"/>
      <c r="W44" s="172"/>
      <c r="X44" s="172"/>
      <c r="Y44" s="172"/>
      <c r="Z44" s="172"/>
      <c r="AA44" s="172"/>
      <c r="AB44" s="172"/>
      <c r="AC44" s="173"/>
      <c r="AD44" s="172"/>
      <c r="AE44" s="171"/>
      <c r="AF44" s="149"/>
    </row>
    <row r="45" spans="2:32" s="8" customFormat="1" ht="10.5" customHeight="1" x14ac:dyDescent="0.15">
      <c r="B45" s="173"/>
      <c r="C45" s="172"/>
      <c r="D45" s="181"/>
      <c r="E45" s="181"/>
      <c r="F45" s="181"/>
      <c r="G45" s="181"/>
      <c r="H45" s="181"/>
      <c r="I45" s="181"/>
      <c r="J45" s="181"/>
      <c r="K45" s="181"/>
      <c r="L45" s="181"/>
      <c r="M45" s="181"/>
      <c r="N45" s="181"/>
      <c r="O45" s="181"/>
      <c r="P45" s="181"/>
      <c r="Q45" s="181"/>
      <c r="R45" s="181"/>
      <c r="S45" s="181"/>
      <c r="T45" s="181"/>
      <c r="U45" s="181"/>
      <c r="V45" s="181"/>
      <c r="W45" s="181"/>
      <c r="X45" s="181"/>
      <c r="Y45" s="181"/>
      <c r="Z45" s="181"/>
      <c r="AA45" s="181"/>
      <c r="AB45" s="181"/>
      <c r="AC45" s="181"/>
      <c r="AD45" s="181"/>
      <c r="AE45" s="181"/>
      <c r="AF45" s="171"/>
    </row>
    <row r="46" spans="2:32" s="8" customFormat="1" ht="10.5" customHeight="1" x14ac:dyDescent="0.15"/>
    <row r="47" spans="2:32" s="234" customFormat="1" ht="33.75" customHeight="1" x14ac:dyDescent="0.15">
      <c r="C47" s="789" t="s">
        <v>1201</v>
      </c>
      <c r="D47" s="789"/>
      <c r="E47" s="789"/>
      <c r="F47" s="789"/>
      <c r="G47" s="789"/>
      <c r="H47" s="789"/>
      <c r="I47" s="789"/>
      <c r="J47" s="789"/>
      <c r="K47" s="789"/>
      <c r="L47" s="789"/>
      <c r="M47" s="789"/>
      <c r="N47" s="789"/>
      <c r="O47" s="789"/>
      <c r="P47" s="789"/>
      <c r="Q47" s="789"/>
      <c r="R47" s="789"/>
      <c r="S47" s="789"/>
      <c r="T47" s="789"/>
      <c r="U47" s="789"/>
      <c r="V47" s="789"/>
      <c r="W47" s="789"/>
      <c r="X47" s="789"/>
      <c r="Y47" s="789"/>
      <c r="Z47" s="789"/>
      <c r="AA47" s="789"/>
      <c r="AB47" s="789"/>
      <c r="AC47" s="789"/>
      <c r="AD47" s="789"/>
      <c r="AE47" s="789"/>
    </row>
    <row r="48" spans="2:32" s="234" customFormat="1" ht="33.75" customHeight="1" x14ac:dyDescent="0.15">
      <c r="C48" s="789" t="s">
        <v>1200</v>
      </c>
      <c r="D48" s="789"/>
      <c r="E48" s="789"/>
      <c r="F48" s="789"/>
      <c r="G48" s="789"/>
      <c r="H48" s="789"/>
      <c r="I48" s="789"/>
      <c r="J48" s="789"/>
      <c r="K48" s="789"/>
      <c r="L48" s="789"/>
      <c r="M48" s="789"/>
      <c r="N48" s="789"/>
      <c r="O48" s="789"/>
      <c r="P48" s="789"/>
      <c r="Q48" s="789"/>
      <c r="R48" s="789"/>
      <c r="S48" s="789"/>
      <c r="T48" s="789"/>
      <c r="U48" s="789"/>
      <c r="V48" s="789"/>
      <c r="W48" s="789"/>
      <c r="X48" s="789"/>
      <c r="Y48" s="789"/>
      <c r="Z48" s="789"/>
      <c r="AA48" s="789"/>
      <c r="AB48" s="789"/>
      <c r="AC48" s="789"/>
      <c r="AD48" s="789"/>
      <c r="AE48" s="789"/>
    </row>
    <row r="49" spans="3:31" s="8" customFormat="1" ht="18" customHeight="1" x14ac:dyDescent="0.15">
      <c r="C49" s="809" t="s">
        <v>1199</v>
      </c>
      <c r="D49" s="809"/>
      <c r="E49" s="809"/>
      <c r="F49" s="809"/>
      <c r="G49" s="809"/>
      <c r="H49" s="809"/>
      <c r="I49" s="809"/>
      <c r="J49" s="809"/>
      <c r="K49" s="809"/>
      <c r="L49" s="809"/>
      <c r="M49" s="809"/>
      <c r="N49" s="809"/>
      <c r="O49" s="809"/>
      <c r="P49" s="809"/>
      <c r="Q49" s="809"/>
      <c r="R49" s="809"/>
      <c r="S49" s="809"/>
      <c r="T49" s="809"/>
      <c r="U49" s="809"/>
      <c r="V49" s="809"/>
      <c r="W49" s="809"/>
      <c r="X49" s="809"/>
      <c r="Y49" s="809"/>
      <c r="Z49" s="809"/>
      <c r="AA49" s="809"/>
      <c r="AB49" s="809"/>
      <c r="AC49" s="809"/>
      <c r="AD49" s="809"/>
      <c r="AE49" s="809"/>
    </row>
    <row r="50" spans="3:31" s="8" customFormat="1" ht="18" customHeight="1" x14ac:dyDescent="0.15">
      <c r="C50" s="809" t="s">
        <v>1198</v>
      </c>
      <c r="D50" s="809"/>
      <c r="E50" s="809"/>
      <c r="F50" s="809"/>
      <c r="G50" s="809"/>
      <c r="H50" s="809"/>
      <c r="I50" s="809"/>
      <c r="J50" s="809"/>
      <c r="K50" s="809"/>
      <c r="L50" s="809"/>
      <c r="M50" s="809"/>
      <c r="N50" s="809"/>
      <c r="O50" s="809"/>
      <c r="P50" s="809"/>
      <c r="Q50" s="809"/>
      <c r="R50" s="809"/>
      <c r="S50" s="809"/>
      <c r="T50" s="809"/>
      <c r="U50" s="809"/>
      <c r="V50" s="809"/>
      <c r="W50" s="809"/>
      <c r="X50" s="809"/>
      <c r="Y50" s="809"/>
      <c r="Z50" s="809"/>
      <c r="AA50" s="809"/>
      <c r="AB50" s="809"/>
      <c r="AC50" s="809"/>
      <c r="AD50" s="809"/>
      <c r="AE50" s="809"/>
    </row>
    <row r="51" spans="3:31" s="234" customFormat="1" ht="54.75" customHeight="1" x14ac:dyDescent="0.15">
      <c r="C51" s="789" t="s">
        <v>1197</v>
      </c>
      <c r="D51" s="789"/>
      <c r="E51" s="789"/>
      <c r="F51" s="789"/>
      <c r="G51" s="789"/>
      <c r="H51" s="789"/>
      <c r="I51" s="789"/>
      <c r="J51" s="789"/>
      <c r="K51" s="789"/>
      <c r="L51" s="789"/>
      <c r="M51" s="789"/>
      <c r="N51" s="789"/>
      <c r="O51" s="789"/>
      <c r="P51" s="789"/>
      <c r="Q51" s="789"/>
      <c r="R51" s="789"/>
      <c r="S51" s="789"/>
      <c r="T51" s="789"/>
      <c r="U51" s="789"/>
      <c r="V51" s="789"/>
      <c r="W51" s="789"/>
      <c r="X51" s="789"/>
      <c r="Y51" s="789"/>
      <c r="Z51" s="789"/>
      <c r="AA51" s="789"/>
      <c r="AB51" s="789"/>
      <c r="AC51" s="789"/>
      <c r="AD51" s="789"/>
      <c r="AE51" s="789"/>
    </row>
    <row r="52" spans="3:31" s="234" customFormat="1" ht="42.75" customHeight="1" x14ac:dyDescent="0.15">
      <c r="C52" s="789" t="s">
        <v>1196</v>
      </c>
      <c r="D52" s="789"/>
      <c r="E52" s="789"/>
      <c r="F52" s="789"/>
      <c r="G52" s="789"/>
      <c r="H52" s="789"/>
      <c r="I52" s="789"/>
      <c r="J52" s="789"/>
      <c r="K52" s="789"/>
      <c r="L52" s="789"/>
      <c r="M52" s="789"/>
      <c r="N52" s="789"/>
      <c r="O52" s="789"/>
      <c r="P52" s="789"/>
      <c r="Q52" s="789"/>
      <c r="R52" s="789"/>
      <c r="S52" s="789"/>
      <c r="T52" s="789"/>
      <c r="U52" s="789"/>
      <c r="V52" s="789"/>
      <c r="W52" s="789"/>
      <c r="X52" s="789"/>
      <c r="Y52" s="789"/>
      <c r="Z52" s="789"/>
      <c r="AA52" s="789"/>
      <c r="AB52" s="789"/>
      <c r="AC52" s="789"/>
      <c r="AD52" s="789"/>
      <c r="AE52" s="789"/>
    </row>
    <row r="53" spans="3:31" s="234" customFormat="1" ht="18" customHeight="1" x14ac:dyDescent="0.15">
      <c r="C53" s="809" t="s">
        <v>1195</v>
      </c>
      <c r="D53" s="809"/>
      <c r="E53" s="809"/>
      <c r="F53" s="809"/>
      <c r="G53" s="809"/>
      <c r="H53" s="809"/>
      <c r="I53" s="809"/>
      <c r="J53" s="809"/>
      <c r="K53" s="809"/>
      <c r="L53" s="809"/>
      <c r="M53" s="809"/>
      <c r="N53" s="809"/>
      <c r="O53" s="809"/>
      <c r="P53" s="809"/>
      <c r="Q53" s="809"/>
      <c r="R53" s="809"/>
      <c r="S53" s="809"/>
      <c r="T53" s="809"/>
      <c r="U53" s="809"/>
      <c r="V53" s="809"/>
      <c r="W53" s="809"/>
      <c r="X53" s="809"/>
      <c r="Y53" s="809"/>
      <c r="Z53" s="809"/>
      <c r="AA53" s="809"/>
      <c r="AB53" s="809"/>
      <c r="AC53" s="809"/>
      <c r="AD53" s="809"/>
      <c r="AE53" s="809"/>
    </row>
    <row r="54" spans="3:31" s="234" customFormat="1" ht="29.25" customHeight="1" x14ac:dyDescent="0.15">
      <c r="C54" s="789" t="s">
        <v>1104</v>
      </c>
      <c r="D54" s="789"/>
      <c r="E54" s="789"/>
      <c r="F54" s="789"/>
      <c r="G54" s="789"/>
      <c r="H54" s="789"/>
      <c r="I54" s="789"/>
      <c r="J54" s="789"/>
      <c r="K54" s="789"/>
      <c r="L54" s="789"/>
      <c r="M54" s="789"/>
      <c r="N54" s="789"/>
      <c r="O54" s="789"/>
      <c r="P54" s="789"/>
      <c r="Q54" s="789"/>
      <c r="R54" s="789"/>
      <c r="S54" s="789"/>
      <c r="T54" s="789"/>
      <c r="U54" s="789"/>
      <c r="V54" s="789"/>
      <c r="W54" s="789"/>
      <c r="X54" s="789"/>
      <c r="Y54" s="789"/>
      <c r="Z54" s="789"/>
      <c r="AA54" s="789"/>
      <c r="AB54" s="789"/>
      <c r="AC54" s="789"/>
      <c r="AD54" s="789"/>
      <c r="AE54" s="789"/>
    </row>
    <row r="55" spans="3:31" s="6" customFormat="1" x14ac:dyDescent="0.15"/>
  </sheetData>
  <mergeCells count="63">
    <mergeCell ref="Z19:AB19"/>
    <mergeCell ref="AC15:AE15"/>
    <mergeCell ref="K16:U16"/>
    <mergeCell ref="C5:AE5"/>
    <mergeCell ref="C7:H7"/>
    <mergeCell ref="I7:AF7"/>
    <mergeCell ref="C8:H8"/>
    <mergeCell ref="C9:H11"/>
    <mergeCell ref="V16:W16"/>
    <mergeCell ref="Z16:AA16"/>
    <mergeCell ref="C15:H16"/>
    <mergeCell ref="K15:U15"/>
    <mergeCell ref="V15:W15"/>
    <mergeCell ref="C17:H17"/>
    <mergeCell ref="K17:U17"/>
    <mergeCell ref="V17:W17"/>
    <mergeCell ref="Z17:AA17"/>
    <mergeCell ref="C22:H23"/>
    <mergeCell ref="K22:U22"/>
    <mergeCell ref="V22:W22"/>
    <mergeCell ref="K23:U23"/>
    <mergeCell ref="V23:W23"/>
    <mergeCell ref="K18:U18"/>
    <mergeCell ref="V18:W18"/>
    <mergeCell ref="X20:AB20"/>
    <mergeCell ref="Z18:AA18"/>
    <mergeCell ref="C19:H19"/>
    <mergeCell ref="K19:U19"/>
    <mergeCell ref="V19:W19"/>
    <mergeCell ref="U30:AB30"/>
    <mergeCell ref="K24:U24"/>
    <mergeCell ref="V24:W24"/>
    <mergeCell ref="K25:U25"/>
    <mergeCell ref="V25:W25"/>
    <mergeCell ref="K26:U26"/>
    <mergeCell ref="V26:W26"/>
    <mergeCell ref="K27:U27"/>
    <mergeCell ref="V27:W27"/>
    <mergeCell ref="Z27:AA27"/>
    <mergeCell ref="X28:AB28"/>
    <mergeCell ref="Z29:AA29"/>
    <mergeCell ref="C42:AA42"/>
    <mergeCell ref="C32:H33"/>
    <mergeCell ref="K32:U32"/>
    <mergeCell ref="V32:W32"/>
    <mergeCell ref="K33:U33"/>
    <mergeCell ref="V33:W33"/>
    <mergeCell ref="K34:U34"/>
    <mergeCell ref="V34:W34"/>
    <mergeCell ref="Z34:AA34"/>
    <mergeCell ref="X35:AB35"/>
    <mergeCell ref="Z36:AA36"/>
    <mergeCell ref="X37:AB37"/>
    <mergeCell ref="C39:AA39"/>
    <mergeCell ref="C52:AE52"/>
    <mergeCell ref="C53:AE53"/>
    <mergeCell ref="C54:AE54"/>
    <mergeCell ref="C43:AA43"/>
    <mergeCell ref="C47:AE47"/>
    <mergeCell ref="C48:AE48"/>
    <mergeCell ref="C49:AE49"/>
    <mergeCell ref="C50:AE50"/>
    <mergeCell ref="C51:AE51"/>
  </mergeCells>
  <phoneticPr fontId="2"/>
  <dataValidations count="1">
    <dataValidation type="list" allowBlank="1" showInputMessage="1" showErrorMessage="1" sqref="AC19 AE19 AC27 AE27 AC29 AE29 AC34 AE34 AC36 AE36 AC39 AE39 AC42 AE42 I8:I11 N8 S8">
      <formula1>"□,■"</formula1>
    </dataValidation>
  </dataValidations>
  <pageMargins left="0.7" right="0.7" top="0.75" bottom="0.75" header="0.3" footer="0.3"/>
  <pageSetup paperSize="9" scale="57" orientation="portrait" r:id="rId1"/>
</worksheet>
</file>

<file path=xl/worksheets/sheet4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F46"/>
  <sheetViews>
    <sheetView zoomScaleNormal="100" workbookViewId="0">
      <selection activeCell="C87" sqref="C87"/>
    </sheetView>
  </sheetViews>
  <sheetFormatPr defaultColWidth="3.5" defaultRowHeight="13.5" x14ac:dyDescent="0.15"/>
  <cols>
    <col min="1" max="1" width="1.5" style="3" customWidth="1"/>
    <col min="2" max="2" width="2.5" style="3" customWidth="1"/>
    <col min="3" max="3" width="3" style="140" customWidth="1"/>
    <col min="4" max="5" width="4.875" style="3" customWidth="1"/>
    <col min="6" max="24" width="4.75" style="3" customWidth="1"/>
    <col min="25" max="31" width="4.875" style="3" customWidth="1"/>
    <col min="32" max="32" width="2.25" style="3" customWidth="1"/>
    <col min="33" max="33" width="1.5" style="3" customWidth="1"/>
    <col min="34" max="16384" width="3.5" style="3"/>
  </cols>
  <sheetData>
    <row r="1" spans="2:32" s="8" customFormat="1" x14ac:dyDescent="0.15"/>
    <row r="2" spans="2:32" s="8" customFormat="1" x14ac:dyDescent="0.15">
      <c r="C2" s="8" t="s">
        <v>1249</v>
      </c>
    </row>
    <row r="3" spans="2:32" s="8" customFormat="1" x14ac:dyDescent="0.15">
      <c r="Y3" s="17" t="s">
        <v>12</v>
      </c>
      <c r="Z3" s="18"/>
      <c r="AA3" s="18" t="s">
        <v>11</v>
      </c>
      <c r="AB3" s="18"/>
      <c r="AC3" s="18" t="s">
        <v>21</v>
      </c>
      <c r="AD3" s="18"/>
      <c r="AE3" s="18" t="s">
        <v>20</v>
      </c>
    </row>
    <row r="4" spans="2:32" s="8" customFormat="1" x14ac:dyDescent="0.15">
      <c r="AE4" s="17"/>
    </row>
    <row r="5" spans="2:32" s="8" customFormat="1" ht="27" customHeight="1" x14ac:dyDescent="0.15">
      <c r="B5" s="807" t="s">
        <v>1248</v>
      </c>
      <c r="C5" s="807"/>
      <c r="D5" s="807"/>
      <c r="E5" s="807"/>
      <c r="F5" s="807"/>
      <c r="G5" s="807"/>
      <c r="H5" s="807"/>
      <c r="I5" s="807"/>
      <c r="J5" s="807"/>
      <c r="K5" s="807"/>
      <c r="L5" s="807"/>
      <c r="M5" s="807"/>
      <c r="N5" s="807"/>
      <c r="O5" s="807"/>
      <c r="P5" s="807"/>
      <c r="Q5" s="807"/>
      <c r="R5" s="807"/>
      <c r="S5" s="807"/>
      <c r="T5" s="807"/>
      <c r="U5" s="807"/>
      <c r="V5" s="807"/>
      <c r="W5" s="807"/>
      <c r="X5" s="807"/>
      <c r="Y5" s="807"/>
      <c r="Z5" s="807"/>
      <c r="AA5" s="807"/>
      <c r="AB5" s="807"/>
      <c r="AC5" s="807"/>
      <c r="AD5" s="807"/>
      <c r="AE5" s="807"/>
      <c r="AF5" s="807"/>
    </row>
    <row r="6" spans="2:32" s="8" customFormat="1" x14ac:dyDescent="0.15"/>
    <row r="7" spans="2:32" s="8" customFormat="1" ht="27" customHeight="1" x14ac:dyDescent="0.15">
      <c r="B7" s="252"/>
      <c r="C7" s="793" t="s">
        <v>1101</v>
      </c>
      <c r="D7" s="804"/>
      <c r="E7" s="804"/>
      <c r="F7" s="804"/>
      <c r="G7" s="804"/>
      <c r="H7" s="804"/>
      <c r="I7" s="780"/>
      <c r="J7" s="781"/>
      <c r="K7" s="781"/>
      <c r="L7" s="781"/>
      <c r="M7" s="781"/>
      <c r="N7" s="781"/>
      <c r="O7" s="781"/>
      <c r="P7" s="781"/>
      <c r="Q7" s="781"/>
      <c r="R7" s="781"/>
      <c r="S7" s="781"/>
      <c r="T7" s="781"/>
      <c r="U7" s="781"/>
      <c r="V7" s="781"/>
      <c r="W7" s="781"/>
      <c r="X7" s="781"/>
      <c r="Y7" s="781"/>
      <c r="Z7" s="781"/>
      <c r="AA7" s="781"/>
      <c r="AB7" s="781"/>
      <c r="AC7" s="781"/>
      <c r="AD7" s="781"/>
      <c r="AE7" s="781"/>
      <c r="AF7" s="782"/>
    </row>
    <row r="8" spans="2:32" ht="27" customHeight="1" x14ac:dyDescent="0.15">
      <c r="B8" s="497"/>
      <c r="C8" s="792" t="s">
        <v>1100</v>
      </c>
      <c r="D8" s="792"/>
      <c r="E8" s="792"/>
      <c r="F8" s="792"/>
      <c r="G8" s="792"/>
      <c r="H8" s="793"/>
      <c r="I8" s="180" t="s">
        <v>0</v>
      </c>
      <c r="J8" s="168" t="s">
        <v>242</v>
      </c>
      <c r="K8" s="168"/>
      <c r="L8" s="168"/>
      <c r="M8" s="168"/>
      <c r="N8" s="178" t="s">
        <v>0</v>
      </c>
      <c r="O8" s="168" t="s">
        <v>241</v>
      </c>
      <c r="P8" s="168"/>
      <c r="Q8" s="168"/>
      <c r="R8" s="168"/>
      <c r="S8" s="178" t="s">
        <v>0</v>
      </c>
      <c r="T8" s="168" t="s">
        <v>240</v>
      </c>
      <c r="U8" s="168"/>
      <c r="V8" s="168"/>
      <c r="W8" s="168"/>
      <c r="X8" s="168"/>
      <c r="Y8" s="168"/>
      <c r="Z8" s="168"/>
      <c r="AA8" s="168"/>
      <c r="AB8" s="168"/>
      <c r="AC8" s="168"/>
      <c r="AD8" s="168"/>
      <c r="AE8" s="168"/>
      <c r="AF8" s="7"/>
    </row>
    <row r="9" spans="2:32" ht="27" customHeight="1" x14ac:dyDescent="0.15">
      <c r="B9" s="240"/>
      <c r="C9" s="907" t="s">
        <v>1099</v>
      </c>
      <c r="D9" s="907"/>
      <c r="E9" s="907"/>
      <c r="F9" s="907"/>
      <c r="G9" s="907"/>
      <c r="H9" s="908"/>
      <c r="I9" s="178" t="s">
        <v>0</v>
      </c>
      <c r="J9" s="8" t="s">
        <v>1247</v>
      </c>
      <c r="K9" s="157"/>
      <c r="L9" s="157"/>
      <c r="M9" s="157"/>
      <c r="N9" s="157"/>
      <c r="O9" s="157"/>
      <c r="P9" s="157"/>
      <c r="Q9" s="157"/>
      <c r="R9" s="157"/>
      <c r="S9" s="157"/>
      <c r="T9" s="157"/>
      <c r="U9" s="157"/>
      <c r="V9" s="157"/>
      <c r="W9" s="157"/>
      <c r="X9" s="157"/>
      <c r="Y9" s="157"/>
      <c r="Z9" s="157"/>
      <c r="AA9" s="157"/>
      <c r="AB9" s="157"/>
      <c r="AC9" s="157"/>
      <c r="AD9" s="157"/>
      <c r="AE9" s="157"/>
      <c r="AF9" s="82"/>
    </row>
    <row r="10" spans="2:32" ht="27" customHeight="1" x14ac:dyDescent="0.15">
      <c r="B10" s="142"/>
      <c r="C10" s="809"/>
      <c r="D10" s="809"/>
      <c r="E10" s="809"/>
      <c r="F10" s="809"/>
      <c r="G10" s="809"/>
      <c r="H10" s="821"/>
      <c r="I10" s="178" t="s">
        <v>0</v>
      </c>
      <c r="J10" s="16" t="s">
        <v>1246</v>
      </c>
      <c r="K10" s="8"/>
      <c r="L10" s="8"/>
      <c r="M10" s="8"/>
      <c r="N10" s="8"/>
      <c r="O10" s="8"/>
      <c r="P10" s="8"/>
      <c r="Q10" s="8"/>
      <c r="R10" s="8"/>
      <c r="S10" s="8"/>
      <c r="T10" s="8"/>
      <c r="U10" s="8"/>
      <c r="V10" s="8"/>
      <c r="W10" s="8"/>
      <c r="X10" s="8"/>
      <c r="Y10" s="8"/>
      <c r="Z10" s="8"/>
      <c r="AA10" s="8"/>
      <c r="AB10" s="8"/>
      <c r="AC10" s="8"/>
      <c r="AD10" s="8"/>
      <c r="AE10" s="8"/>
      <c r="AF10" s="10"/>
    </row>
    <row r="11" spans="2:32" ht="27" customHeight="1" x14ac:dyDescent="0.15">
      <c r="B11" s="19"/>
      <c r="C11" s="910"/>
      <c r="D11" s="910"/>
      <c r="E11" s="910"/>
      <c r="F11" s="910"/>
      <c r="G11" s="910"/>
      <c r="H11" s="911"/>
      <c r="I11" s="192" t="s">
        <v>0</v>
      </c>
      <c r="J11" s="162" t="s">
        <v>1245</v>
      </c>
      <c r="K11" s="172"/>
      <c r="L11" s="172"/>
      <c r="M11" s="172"/>
      <c r="N11" s="172"/>
      <c r="O11" s="172"/>
      <c r="P11" s="172"/>
      <c r="Q11" s="172"/>
      <c r="R11" s="172"/>
      <c r="S11" s="172"/>
      <c r="T11" s="172"/>
      <c r="U11" s="172"/>
      <c r="V11" s="172"/>
      <c r="W11" s="172"/>
      <c r="X11" s="172"/>
      <c r="Y11" s="172"/>
      <c r="Z11" s="172"/>
      <c r="AA11" s="172"/>
      <c r="AB11" s="172"/>
      <c r="AC11" s="172"/>
      <c r="AD11" s="172"/>
      <c r="AE11" s="172"/>
      <c r="AF11" s="73"/>
    </row>
    <row r="12" spans="2:32" s="8" customFormat="1" ht="11.25" customHeight="1" x14ac:dyDescent="0.15"/>
    <row r="13" spans="2:32" s="8" customFormat="1" ht="11.25" customHeight="1" x14ac:dyDescent="0.15"/>
    <row r="14" spans="2:32" s="8" customFormat="1" ht="26.25" customHeight="1" x14ac:dyDescent="0.15">
      <c r="B14" s="158" t="s">
        <v>1219</v>
      </c>
      <c r="C14" s="157" t="s">
        <v>1244</v>
      </c>
      <c r="D14" s="157"/>
      <c r="E14" s="157"/>
      <c r="F14" s="157"/>
      <c r="G14" s="157"/>
      <c r="H14" s="181"/>
      <c r="I14" s="157"/>
      <c r="J14" s="157"/>
      <c r="K14" s="157"/>
      <c r="L14" s="157"/>
      <c r="M14" s="157"/>
      <c r="N14" s="157"/>
      <c r="O14" s="157"/>
      <c r="P14" s="181"/>
      <c r="Q14" s="490"/>
      <c r="R14" s="157"/>
      <c r="S14" s="157"/>
      <c r="T14" s="157"/>
      <c r="U14" s="157"/>
      <c r="V14" s="157"/>
      <c r="W14" s="157"/>
      <c r="X14" s="157"/>
      <c r="Y14" s="181"/>
      <c r="Z14" s="181"/>
      <c r="AA14" s="181"/>
      <c r="AB14" s="157"/>
      <c r="AC14" s="157"/>
      <c r="AD14" s="157"/>
      <c r="AE14" s="157"/>
      <c r="AF14" s="156"/>
    </row>
    <row r="15" spans="2:32" s="8" customFormat="1" ht="11.25" customHeight="1" x14ac:dyDescent="0.15">
      <c r="B15" s="9"/>
      <c r="C15" s="158"/>
      <c r="D15" s="157"/>
      <c r="E15" s="157"/>
      <c r="F15" s="157"/>
      <c r="G15" s="157"/>
      <c r="I15" s="157"/>
      <c r="J15" s="157"/>
      <c r="K15" s="157"/>
      <c r="L15" s="157"/>
      <c r="M15" s="157"/>
      <c r="N15" s="157"/>
      <c r="O15" s="157"/>
      <c r="P15" s="157"/>
      <c r="Q15" s="157"/>
      <c r="R15" s="157"/>
      <c r="S15" s="157"/>
      <c r="T15" s="157"/>
      <c r="U15" s="157"/>
      <c r="V15" s="157"/>
      <c r="W15" s="157"/>
      <c r="X15" s="157"/>
      <c r="Y15" s="157"/>
      <c r="Z15" s="157"/>
      <c r="AA15" s="157"/>
      <c r="AB15" s="157"/>
      <c r="AC15" s="158"/>
      <c r="AD15" s="157"/>
      <c r="AE15" s="156"/>
      <c r="AF15" s="149"/>
    </row>
    <row r="16" spans="2:32" s="8" customFormat="1" ht="11.25" customHeight="1" x14ac:dyDescent="0.15">
      <c r="B16" s="9"/>
      <c r="C16" s="9"/>
      <c r="AC16" s="9"/>
      <c r="AE16" s="149"/>
      <c r="AF16" s="149"/>
    </row>
    <row r="17" spans="2:32" s="8" customFormat="1" ht="33.75" customHeight="1" x14ac:dyDescent="0.15">
      <c r="B17" s="9"/>
      <c r="C17" s="153"/>
      <c r="D17" s="8" t="s">
        <v>1243</v>
      </c>
      <c r="M17" s="17"/>
      <c r="Y17" s="16"/>
      <c r="Z17" s="16"/>
      <c r="AC17" s="9"/>
      <c r="AE17" s="150"/>
      <c r="AF17" s="149"/>
    </row>
    <row r="18" spans="2:32" s="8" customFormat="1" ht="27" customHeight="1" x14ac:dyDescent="0.15">
      <c r="B18" s="9"/>
      <c r="C18" s="461"/>
      <c r="D18" s="255"/>
      <c r="E18" s="198" t="s">
        <v>123</v>
      </c>
      <c r="F18" s="1155" t="s">
        <v>1237</v>
      </c>
      <c r="G18" s="1155"/>
      <c r="H18" s="1155"/>
      <c r="I18" s="1155"/>
      <c r="J18" s="1155"/>
      <c r="K18" s="1155"/>
      <c r="L18" s="1155"/>
      <c r="M18" s="1155"/>
      <c r="N18" s="1155"/>
      <c r="O18" s="1155"/>
      <c r="P18" s="1155"/>
      <c r="Q18" s="1155"/>
      <c r="R18" s="1155"/>
      <c r="S18" s="1155"/>
      <c r="T18" s="1155"/>
      <c r="U18" s="1155"/>
      <c r="V18" s="1155"/>
      <c r="W18" s="1155"/>
      <c r="X18" s="1155"/>
      <c r="Y18" s="1066"/>
      <c r="Z18" s="1067"/>
      <c r="AA18" s="176" t="s">
        <v>175</v>
      </c>
      <c r="AC18" s="9"/>
      <c r="AE18" s="174"/>
      <c r="AF18" s="149"/>
    </row>
    <row r="19" spans="2:32" s="8" customFormat="1" ht="27" customHeight="1" x14ac:dyDescent="0.15">
      <c r="B19" s="9"/>
      <c r="C19" s="461"/>
      <c r="D19" s="460"/>
      <c r="E19" s="198" t="s">
        <v>124</v>
      </c>
      <c r="F19" s="1161" t="s">
        <v>1242</v>
      </c>
      <c r="G19" s="1161"/>
      <c r="H19" s="1161"/>
      <c r="I19" s="1161"/>
      <c r="J19" s="1161"/>
      <c r="K19" s="1161"/>
      <c r="L19" s="1161"/>
      <c r="M19" s="1161"/>
      <c r="N19" s="1161"/>
      <c r="O19" s="1161"/>
      <c r="P19" s="1161"/>
      <c r="Q19" s="1161"/>
      <c r="R19" s="1161"/>
      <c r="S19" s="1161"/>
      <c r="T19" s="1161"/>
      <c r="U19" s="1161"/>
      <c r="V19" s="1161"/>
      <c r="W19" s="1161"/>
      <c r="X19" s="1161"/>
      <c r="Y19" s="1069"/>
      <c r="Z19" s="1211"/>
      <c r="AA19" s="176" t="s">
        <v>175</v>
      </c>
      <c r="AC19" s="9"/>
      <c r="AE19" s="150"/>
      <c r="AF19" s="149"/>
    </row>
    <row r="20" spans="2:32" s="8" customFormat="1" ht="27" customHeight="1" x14ac:dyDescent="0.15">
      <c r="B20" s="9"/>
      <c r="C20" s="461"/>
      <c r="D20" s="460"/>
      <c r="E20" s="198" t="s">
        <v>125</v>
      </c>
      <c r="F20" s="1161" t="s">
        <v>1241</v>
      </c>
      <c r="G20" s="1161"/>
      <c r="H20" s="1161"/>
      <c r="I20" s="1161"/>
      <c r="J20" s="1161"/>
      <c r="K20" s="1161"/>
      <c r="L20" s="1161"/>
      <c r="M20" s="1161"/>
      <c r="N20" s="1161"/>
      <c r="O20" s="1161"/>
      <c r="P20" s="1161"/>
      <c r="Q20" s="1161"/>
      <c r="R20" s="1161"/>
      <c r="S20" s="1161"/>
      <c r="T20" s="1161"/>
      <c r="U20" s="1161"/>
      <c r="V20" s="1161"/>
      <c r="W20" s="1161"/>
      <c r="X20" s="1161"/>
      <c r="Y20" s="1069"/>
      <c r="Z20" s="1211"/>
      <c r="AA20" s="170" t="s">
        <v>23</v>
      </c>
      <c r="AC20" s="9"/>
      <c r="AE20" s="149"/>
      <c r="AF20" s="149"/>
    </row>
    <row r="21" spans="2:32" s="8" customFormat="1" ht="27" customHeight="1" x14ac:dyDescent="0.15">
      <c r="B21" s="9"/>
      <c r="C21" s="153"/>
      <c r="D21" s="255"/>
      <c r="E21" s="198" t="s">
        <v>122</v>
      </c>
      <c r="F21" s="1155" t="s">
        <v>1240</v>
      </c>
      <c r="G21" s="1155"/>
      <c r="H21" s="1155"/>
      <c r="I21" s="1155"/>
      <c r="J21" s="1155"/>
      <c r="K21" s="1155"/>
      <c r="L21" s="1155"/>
      <c r="M21" s="1155"/>
      <c r="N21" s="1155"/>
      <c r="O21" s="1155"/>
      <c r="P21" s="1155"/>
      <c r="Q21" s="1155"/>
      <c r="R21" s="1155"/>
      <c r="S21" s="1155"/>
      <c r="T21" s="1155"/>
      <c r="U21" s="1155"/>
      <c r="V21" s="1155"/>
      <c r="W21" s="1155"/>
      <c r="X21" s="1155"/>
      <c r="Y21" s="1066"/>
      <c r="Z21" s="1067"/>
      <c r="AA21" s="176" t="s">
        <v>175</v>
      </c>
      <c r="AC21" s="9"/>
      <c r="AE21" s="149"/>
      <c r="AF21" s="149"/>
    </row>
    <row r="22" spans="2:32" s="8" customFormat="1" ht="27" customHeight="1" x14ac:dyDescent="0.15">
      <c r="B22" s="9"/>
      <c r="C22" s="461"/>
      <c r="D22" s="255"/>
      <c r="E22" s="198" t="s">
        <v>1165</v>
      </c>
      <c r="F22" s="1155" t="s">
        <v>1239</v>
      </c>
      <c r="G22" s="1155"/>
      <c r="H22" s="1155"/>
      <c r="I22" s="1155"/>
      <c r="J22" s="1155"/>
      <c r="K22" s="1155"/>
      <c r="L22" s="1155"/>
      <c r="M22" s="1155"/>
      <c r="N22" s="1155"/>
      <c r="O22" s="1155"/>
      <c r="P22" s="1155"/>
      <c r="Q22" s="1155"/>
      <c r="R22" s="1155"/>
      <c r="S22" s="1155"/>
      <c r="T22" s="1155"/>
      <c r="U22" s="1155"/>
      <c r="V22" s="1155"/>
      <c r="W22" s="1155"/>
      <c r="X22" s="1155"/>
      <c r="Y22" s="1066"/>
      <c r="Z22" s="1067"/>
      <c r="AA22" s="176" t="s">
        <v>23</v>
      </c>
      <c r="AC22" s="9"/>
      <c r="AE22" s="150"/>
      <c r="AF22" s="149"/>
    </row>
    <row r="23" spans="2:32" s="8" customFormat="1" ht="11.25" customHeight="1" x14ac:dyDescent="0.15">
      <c r="B23" s="9"/>
      <c r="C23" s="153"/>
      <c r="D23" s="501"/>
      <c r="E23" s="249"/>
      <c r="H23" s="501"/>
      <c r="K23" s="501"/>
      <c r="L23" s="501"/>
      <c r="M23" s="501"/>
      <c r="N23" s="501"/>
      <c r="O23" s="501"/>
      <c r="P23" s="501"/>
      <c r="Q23" s="501"/>
      <c r="T23" s="18"/>
      <c r="U23" s="18"/>
      <c r="V23" s="460"/>
      <c r="W23" s="460"/>
      <c r="Z23" s="16"/>
      <c r="AA23" s="16"/>
      <c r="AC23" s="9"/>
      <c r="AE23" s="150"/>
      <c r="AF23" s="149"/>
    </row>
    <row r="24" spans="2:32" s="8" customFormat="1" ht="27" customHeight="1" x14ac:dyDescent="0.15">
      <c r="B24" s="9"/>
      <c r="C24" s="153"/>
      <c r="D24" s="8" t="s">
        <v>1238</v>
      </c>
      <c r="E24" s="18"/>
      <c r="H24" s="501"/>
      <c r="K24" s="501"/>
      <c r="L24" s="501"/>
      <c r="M24" s="501"/>
      <c r="N24" s="501"/>
      <c r="O24" s="501"/>
      <c r="P24" s="501"/>
      <c r="Q24" s="501"/>
      <c r="T24" s="18"/>
      <c r="U24" s="18"/>
      <c r="V24" s="460"/>
      <c r="W24" s="460"/>
      <c r="Z24" s="18"/>
      <c r="AA24" s="18"/>
      <c r="AC24" s="9"/>
      <c r="AE24" s="150"/>
      <c r="AF24" s="149"/>
    </row>
    <row r="25" spans="2:32" s="8" customFormat="1" ht="27" customHeight="1" x14ac:dyDescent="0.15">
      <c r="B25" s="9"/>
      <c r="C25" s="461"/>
      <c r="D25" s="255"/>
      <c r="E25" s="198" t="s">
        <v>123</v>
      </c>
      <c r="F25" s="1155" t="s">
        <v>1237</v>
      </c>
      <c r="G25" s="1155"/>
      <c r="H25" s="1155"/>
      <c r="I25" s="1155"/>
      <c r="J25" s="1155"/>
      <c r="K25" s="1155"/>
      <c r="L25" s="1155"/>
      <c r="M25" s="1155"/>
      <c r="N25" s="1155"/>
      <c r="O25" s="1155"/>
      <c r="P25" s="1155"/>
      <c r="Q25" s="1155"/>
      <c r="R25" s="1155"/>
      <c r="S25" s="1155"/>
      <c r="T25" s="1155"/>
      <c r="U25" s="1155"/>
      <c r="V25" s="1155"/>
      <c r="W25" s="1155"/>
      <c r="X25" s="1155"/>
      <c r="Y25" s="780"/>
      <c r="Z25" s="781"/>
      <c r="AA25" s="176" t="s">
        <v>175</v>
      </c>
      <c r="AB25" s="18"/>
      <c r="AC25" s="9"/>
      <c r="AE25" s="150"/>
      <c r="AF25" s="149"/>
    </row>
    <row r="26" spans="2:32" s="8" customFormat="1" ht="27" customHeight="1" x14ac:dyDescent="0.15">
      <c r="B26" s="9"/>
      <c r="C26" s="153"/>
      <c r="D26" s="255"/>
      <c r="E26" s="198" t="s">
        <v>124</v>
      </c>
      <c r="F26" s="1155" t="s">
        <v>1236</v>
      </c>
      <c r="G26" s="1155"/>
      <c r="H26" s="1155"/>
      <c r="I26" s="1155"/>
      <c r="J26" s="1155"/>
      <c r="K26" s="1155"/>
      <c r="L26" s="1155"/>
      <c r="M26" s="1155"/>
      <c r="N26" s="1155"/>
      <c r="O26" s="1155"/>
      <c r="P26" s="1155"/>
      <c r="Q26" s="1155"/>
      <c r="R26" s="1155"/>
      <c r="S26" s="1155"/>
      <c r="T26" s="1155"/>
      <c r="U26" s="1155"/>
      <c r="V26" s="1155"/>
      <c r="W26" s="1155"/>
      <c r="X26" s="1155"/>
      <c r="Y26" s="780"/>
      <c r="Z26" s="781"/>
      <c r="AA26" s="176" t="s">
        <v>175</v>
      </c>
      <c r="AB26" s="18"/>
      <c r="AC26" s="9"/>
      <c r="AE26" s="150"/>
      <c r="AF26" s="149"/>
    </row>
    <row r="27" spans="2:32" s="8" customFormat="1" ht="27" customHeight="1" x14ac:dyDescent="0.15">
      <c r="B27" s="9"/>
      <c r="C27" s="153"/>
      <c r="D27" s="255"/>
      <c r="E27" s="198" t="s">
        <v>125</v>
      </c>
      <c r="F27" s="1155" t="s">
        <v>1235</v>
      </c>
      <c r="G27" s="1155"/>
      <c r="H27" s="1155"/>
      <c r="I27" s="1155"/>
      <c r="J27" s="1155"/>
      <c r="K27" s="1155"/>
      <c r="L27" s="1155"/>
      <c r="M27" s="1155"/>
      <c r="N27" s="1155"/>
      <c r="O27" s="1155"/>
      <c r="P27" s="1155"/>
      <c r="Q27" s="1155"/>
      <c r="R27" s="1155"/>
      <c r="S27" s="1155"/>
      <c r="T27" s="1155"/>
      <c r="U27" s="1155"/>
      <c r="V27" s="1155"/>
      <c r="W27" s="1155"/>
      <c r="X27" s="1155"/>
      <c r="Y27" s="780"/>
      <c r="Z27" s="781"/>
      <c r="AA27" s="176" t="s">
        <v>175</v>
      </c>
      <c r="AB27" s="18"/>
      <c r="AC27" s="9"/>
      <c r="AE27" s="150"/>
      <c r="AF27" s="149"/>
    </row>
    <row r="28" spans="2:32" s="8" customFormat="1" ht="27" customHeight="1" x14ac:dyDescent="0.15">
      <c r="B28" s="9"/>
      <c r="C28" s="153"/>
      <c r="D28" s="255"/>
      <c r="E28" s="198" t="s">
        <v>122</v>
      </c>
      <c r="F28" s="1155" t="s">
        <v>1234</v>
      </c>
      <c r="G28" s="1155"/>
      <c r="H28" s="1155"/>
      <c r="I28" s="1155"/>
      <c r="J28" s="1155"/>
      <c r="K28" s="1155"/>
      <c r="L28" s="1155"/>
      <c r="M28" s="1155"/>
      <c r="N28" s="1155"/>
      <c r="O28" s="1155"/>
      <c r="P28" s="1155"/>
      <c r="Q28" s="1155"/>
      <c r="R28" s="1155"/>
      <c r="S28" s="1155"/>
      <c r="T28" s="1155"/>
      <c r="U28" s="1155"/>
      <c r="V28" s="1155"/>
      <c r="W28" s="1155"/>
      <c r="X28" s="1155"/>
      <c r="Y28" s="780"/>
      <c r="Z28" s="781"/>
      <c r="AA28" s="176" t="s">
        <v>175</v>
      </c>
      <c r="AB28" s="18"/>
      <c r="AC28" s="9"/>
      <c r="AE28" s="150"/>
      <c r="AF28" s="149"/>
    </row>
    <row r="29" spans="2:32" s="8" customFormat="1" ht="27" customHeight="1" x14ac:dyDescent="0.15">
      <c r="B29" s="9"/>
      <c r="C29" s="153"/>
      <c r="D29" s="255"/>
      <c r="E29" s="198" t="s">
        <v>1165</v>
      </c>
      <c r="F29" s="1155" t="s">
        <v>1233</v>
      </c>
      <c r="G29" s="1155"/>
      <c r="H29" s="1155"/>
      <c r="I29" s="1155"/>
      <c r="J29" s="1155"/>
      <c r="K29" s="1155"/>
      <c r="L29" s="1155"/>
      <c r="M29" s="1155"/>
      <c r="N29" s="1155"/>
      <c r="O29" s="1155"/>
      <c r="P29" s="1155"/>
      <c r="Q29" s="1155"/>
      <c r="R29" s="1155"/>
      <c r="S29" s="1155"/>
      <c r="T29" s="1155"/>
      <c r="U29" s="1155"/>
      <c r="V29" s="1155"/>
      <c r="W29" s="1155"/>
      <c r="X29" s="1155"/>
      <c r="Y29" s="780"/>
      <c r="Z29" s="781"/>
      <c r="AA29" s="176" t="s">
        <v>23</v>
      </c>
      <c r="AB29" s="18"/>
      <c r="AC29" s="9"/>
      <c r="AE29" s="150"/>
      <c r="AF29" s="149"/>
    </row>
    <row r="30" spans="2:32" s="8" customFormat="1" ht="33.75" customHeight="1" x14ac:dyDescent="0.15">
      <c r="B30" s="9"/>
      <c r="C30" s="153"/>
      <c r="D30" s="14"/>
      <c r="F30" s="249"/>
      <c r="G30" s="501"/>
      <c r="H30" s="501"/>
      <c r="I30" s="501"/>
      <c r="J30" s="501"/>
      <c r="K30" s="501"/>
      <c r="L30" s="501"/>
      <c r="M30" s="501"/>
      <c r="N30" s="501"/>
      <c r="O30" s="501"/>
      <c r="P30" s="501"/>
      <c r="Q30" s="501"/>
      <c r="T30" s="18"/>
      <c r="U30" s="18"/>
      <c r="V30" s="466"/>
      <c r="W30" s="466"/>
      <c r="Y30" s="16"/>
      <c r="Z30" s="16"/>
      <c r="AC30" s="340" t="s">
        <v>227</v>
      </c>
      <c r="AD30" s="152" t="s">
        <v>217</v>
      </c>
      <c r="AE30" s="339" t="s">
        <v>226</v>
      </c>
      <c r="AF30" s="149"/>
    </row>
    <row r="31" spans="2:32" s="8" customFormat="1" ht="33.75" customHeight="1" x14ac:dyDescent="0.15">
      <c r="B31" s="9"/>
      <c r="C31" s="153"/>
      <c r="D31" s="806" t="s">
        <v>1232</v>
      </c>
      <c r="E31" s="806"/>
      <c r="F31" s="806"/>
      <c r="G31" s="806"/>
      <c r="H31" s="806"/>
      <c r="I31" s="806"/>
      <c r="J31" s="806"/>
      <c r="K31" s="806"/>
      <c r="L31" s="806"/>
      <c r="M31" s="806"/>
      <c r="N31" s="806"/>
      <c r="O31" s="806"/>
      <c r="P31" s="806"/>
      <c r="Q31" s="806"/>
      <c r="R31" s="806"/>
      <c r="S31" s="806"/>
      <c r="T31" s="806"/>
      <c r="U31" s="806"/>
      <c r="V31" s="806"/>
      <c r="W31" s="806"/>
      <c r="X31" s="806"/>
      <c r="Y31" s="806"/>
      <c r="Z31" s="806"/>
      <c r="AA31" s="806"/>
      <c r="AB31" s="18" t="s">
        <v>275</v>
      </c>
      <c r="AC31" s="291" t="s">
        <v>0</v>
      </c>
      <c r="AD31" s="178" t="s">
        <v>217</v>
      </c>
      <c r="AE31" s="338" t="s">
        <v>0</v>
      </c>
      <c r="AF31" s="149"/>
    </row>
    <row r="32" spans="2:32" s="8" customFormat="1" ht="33.75" customHeight="1" x14ac:dyDescent="0.15">
      <c r="B32" s="9"/>
      <c r="C32" s="153"/>
      <c r="D32" s="14"/>
      <c r="AC32" s="9"/>
      <c r="AE32" s="150"/>
      <c r="AF32" s="149"/>
    </row>
    <row r="33" spans="1:32" s="8" customFormat="1" ht="10.5" customHeight="1" x14ac:dyDescent="0.15">
      <c r="B33" s="9"/>
      <c r="C33" s="173"/>
      <c r="D33" s="172"/>
      <c r="E33" s="172"/>
      <c r="F33" s="172"/>
      <c r="G33" s="172"/>
      <c r="H33" s="172"/>
      <c r="AC33" s="9"/>
      <c r="AE33" s="149"/>
      <c r="AF33" s="149"/>
    </row>
    <row r="34" spans="1:32" s="8" customFormat="1" ht="11.25" customHeight="1" x14ac:dyDescent="0.15">
      <c r="B34" s="9"/>
      <c r="C34" s="158"/>
      <c r="D34" s="157"/>
      <c r="E34" s="157"/>
      <c r="F34" s="157"/>
      <c r="G34" s="157"/>
      <c r="I34" s="157"/>
      <c r="J34" s="157"/>
      <c r="K34" s="157"/>
      <c r="L34" s="157"/>
      <c r="M34" s="157"/>
      <c r="N34" s="157"/>
      <c r="O34" s="157"/>
      <c r="P34" s="157"/>
      <c r="Q34" s="157"/>
      <c r="R34" s="157"/>
      <c r="S34" s="157"/>
      <c r="T34" s="157"/>
      <c r="U34" s="157"/>
      <c r="V34" s="157"/>
      <c r="W34" s="157"/>
      <c r="X34" s="157"/>
      <c r="Y34" s="157"/>
      <c r="Z34" s="157"/>
      <c r="AA34" s="157"/>
      <c r="AB34" s="157"/>
      <c r="AC34" s="158"/>
      <c r="AD34" s="157"/>
      <c r="AE34" s="156"/>
      <c r="AF34" s="149"/>
    </row>
    <row r="35" spans="1:32" s="8" customFormat="1" ht="27" customHeight="1" x14ac:dyDescent="0.15">
      <c r="B35" s="9"/>
      <c r="C35" s="9"/>
      <c r="AC35" s="340" t="s">
        <v>227</v>
      </c>
      <c r="AD35" s="152" t="s">
        <v>217</v>
      </c>
      <c r="AE35" s="339" t="s">
        <v>226</v>
      </c>
      <c r="AF35" s="149"/>
    </row>
    <row r="36" spans="1:32" s="8" customFormat="1" ht="27" customHeight="1" x14ac:dyDescent="0.15">
      <c r="B36" s="9"/>
      <c r="C36" s="822" t="s">
        <v>1231</v>
      </c>
      <c r="D36" s="789"/>
      <c r="E36" s="789"/>
      <c r="F36" s="789"/>
      <c r="G36" s="789"/>
      <c r="H36" s="789"/>
      <c r="I36" s="789"/>
      <c r="J36" s="789"/>
      <c r="K36" s="789"/>
      <c r="L36" s="789"/>
      <c r="M36" s="789"/>
      <c r="N36" s="789"/>
      <c r="O36" s="789"/>
      <c r="P36" s="789"/>
      <c r="Q36" s="789"/>
      <c r="R36" s="789"/>
      <c r="S36" s="789"/>
      <c r="T36" s="789"/>
      <c r="U36" s="789"/>
      <c r="V36" s="789"/>
      <c r="W36" s="789"/>
      <c r="X36" s="789"/>
      <c r="Y36" s="789"/>
      <c r="Z36" s="789"/>
      <c r="AA36" s="789"/>
      <c r="AC36" s="291" t="s">
        <v>0</v>
      </c>
      <c r="AD36" s="178" t="s">
        <v>217</v>
      </c>
      <c r="AE36" s="338" t="s">
        <v>0</v>
      </c>
      <c r="AF36" s="149"/>
    </row>
    <row r="37" spans="1:32" s="8" customFormat="1" ht="11.25" customHeight="1" x14ac:dyDescent="0.15">
      <c r="B37" s="9"/>
      <c r="C37" s="173"/>
      <c r="D37" s="172"/>
      <c r="E37" s="172"/>
      <c r="F37" s="172"/>
      <c r="G37" s="172"/>
      <c r="H37" s="172"/>
      <c r="I37" s="172"/>
      <c r="J37" s="172"/>
      <c r="K37" s="172"/>
      <c r="L37" s="172"/>
      <c r="M37" s="172"/>
      <c r="N37" s="172"/>
      <c r="O37" s="172"/>
      <c r="P37" s="172"/>
      <c r="Q37" s="172"/>
      <c r="R37" s="172"/>
      <c r="S37" s="172"/>
      <c r="T37" s="172"/>
      <c r="U37" s="172"/>
      <c r="V37" s="172"/>
      <c r="W37" s="172"/>
      <c r="X37" s="172"/>
      <c r="Y37" s="172"/>
      <c r="Z37" s="172"/>
      <c r="AA37" s="172"/>
      <c r="AB37" s="172"/>
      <c r="AC37" s="173"/>
      <c r="AD37" s="172"/>
      <c r="AE37" s="171"/>
      <c r="AF37" s="149"/>
    </row>
    <row r="38" spans="1:32" s="8" customFormat="1" ht="11.25" customHeight="1" x14ac:dyDescent="0.15">
      <c r="A38" s="149"/>
      <c r="B38" s="173"/>
      <c r="C38" s="172"/>
      <c r="D38" s="172"/>
      <c r="E38" s="172"/>
      <c r="F38" s="172"/>
      <c r="G38" s="172"/>
      <c r="H38" s="172"/>
      <c r="I38" s="172"/>
      <c r="J38" s="172"/>
      <c r="K38" s="172"/>
      <c r="L38" s="172"/>
      <c r="M38" s="172"/>
      <c r="N38" s="172"/>
      <c r="O38" s="172"/>
      <c r="P38" s="172"/>
      <c r="Q38" s="172"/>
      <c r="R38" s="172"/>
      <c r="S38" s="172"/>
      <c r="T38" s="172"/>
      <c r="U38" s="172"/>
      <c r="V38" s="172"/>
      <c r="W38" s="172"/>
      <c r="X38" s="172"/>
      <c r="Y38" s="172"/>
      <c r="Z38" s="172"/>
      <c r="AA38" s="172"/>
      <c r="AB38" s="172"/>
      <c r="AC38" s="172"/>
      <c r="AD38" s="172"/>
      <c r="AE38" s="172"/>
      <c r="AF38" s="171"/>
    </row>
    <row r="39" spans="1:32" s="8" customFormat="1" ht="18" customHeight="1" x14ac:dyDescent="0.15">
      <c r="C39" s="907" t="s">
        <v>1230</v>
      </c>
      <c r="D39" s="809"/>
      <c r="E39" s="809"/>
      <c r="F39" s="809"/>
      <c r="G39" s="809"/>
      <c r="H39" s="809"/>
      <c r="I39" s="809"/>
      <c r="J39" s="809"/>
      <c r="K39" s="809"/>
      <c r="L39" s="809"/>
      <c r="M39" s="809"/>
      <c r="N39" s="809"/>
      <c r="O39" s="809"/>
      <c r="P39" s="809"/>
      <c r="Q39" s="809"/>
      <c r="R39" s="809"/>
      <c r="S39" s="809"/>
      <c r="T39" s="809"/>
      <c r="U39" s="809"/>
      <c r="V39" s="809"/>
      <c r="W39" s="809"/>
      <c r="X39" s="809"/>
      <c r="Y39" s="809"/>
      <c r="Z39" s="809"/>
      <c r="AA39" s="809"/>
      <c r="AB39" s="809"/>
      <c r="AC39" s="809"/>
      <c r="AD39" s="809"/>
      <c r="AE39" s="809"/>
    </row>
    <row r="40" spans="1:32" s="234" customFormat="1" ht="61.5" customHeight="1" x14ac:dyDescent="0.15">
      <c r="C40" s="789" t="s">
        <v>1229</v>
      </c>
      <c r="D40" s="789"/>
      <c r="E40" s="789"/>
      <c r="F40" s="789"/>
      <c r="G40" s="789"/>
      <c r="H40" s="789"/>
      <c r="I40" s="789"/>
      <c r="J40" s="789"/>
      <c r="K40" s="789"/>
      <c r="L40" s="789"/>
      <c r="M40" s="789"/>
      <c r="N40" s="789"/>
      <c r="O40" s="789"/>
      <c r="P40" s="789"/>
      <c r="Q40" s="789"/>
      <c r="R40" s="789"/>
      <c r="S40" s="789"/>
      <c r="T40" s="789"/>
      <c r="U40" s="789"/>
      <c r="V40" s="789"/>
      <c r="W40" s="789"/>
      <c r="X40" s="789"/>
      <c r="Y40" s="789"/>
      <c r="Z40" s="789"/>
      <c r="AA40" s="789"/>
      <c r="AB40" s="789"/>
      <c r="AC40" s="789"/>
      <c r="AD40" s="789"/>
      <c r="AE40" s="789"/>
    </row>
    <row r="41" spans="1:32" s="234" customFormat="1" ht="52.5" customHeight="1" x14ac:dyDescent="0.15">
      <c r="C41" s="789" t="s">
        <v>1228</v>
      </c>
      <c r="D41" s="789"/>
      <c r="E41" s="789"/>
      <c r="F41" s="789"/>
      <c r="G41" s="789"/>
      <c r="H41" s="789"/>
      <c r="I41" s="789"/>
      <c r="J41" s="789"/>
      <c r="K41" s="789"/>
      <c r="L41" s="789"/>
      <c r="M41" s="789"/>
      <c r="N41" s="789"/>
      <c r="O41" s="789"/>
      <c r="P41" s="789"/>
      <c r="Q41" s="789"/>
      <c r="R41" s="789"/>
      <c r="S41" s="789"/>
      <c r="T41" s="789"/>
      <c r="U41" s="789"/>
      <c r="V41" s="789"/>
      <c r="W41" s="789"/>
      <c r="X41" s="789"/>
      <c r="Y41" s="789"/>
      <c r="Z41" s="789"/>
      <c r="AA41" s="789"/>
      <c r="AB41" s="789"/>
      <c r="AC41" s="789"/>
      <c r="AD41" s="789"/>
      <c r="AE41" s="789"/>
    </row>
    <row r="42" spans="1:32" s="234" customFormat="1" ht="18.75" customHeight="1" x14ac:dyDescent="0.15">
      <c r="C42" s="789" t="s">
        <v>1227</v>
      </c>
      <c r="D42" s="789"/>
      <c r="E42" s="789"/>
      <c r="F42" s="789"/>
      <c r="G42" s="789"/>
      <c r="H42" s="789"/>
      <c r="I42" s="789"/>
      <c r="J42" s="789"/>
      <c r="K42" s="789"/>
      <c r="L42" s="789"/>
      <c r="M42" s="789"/>
      <c r="N42" s="789"/>
      <c r="O42" s="789"/>
      <c r="P42" s="789"/>
      <c r="Q42" s="789"/>
      <c r="R42" s="789"/>
      <c r="S42" s="789"/>
      <c r="T42" s="789"/>
      <c r="U42" s="789"/>
      <c r="V42" s="789"/>
      <c r="W42" s="789"/>
      <c r="X42" s="789"/>
      <c r="Y42" s="789"/>
      <c r="Z42" s="789"/>
      <c r="AA42" s="789"/>
      <c r="AB42" s="789"/>
      <c r="AC42" s="789"/>
      <c r="AD42" s="789"/>
      <c r="AE42" s="789"/>
    </row>
    <row r="43" spans="1:32" s="234" customFormat="1" ht="18.75" customHeight="1" x14ac:dyDescent="0.15">
      <c r="C43" s="789" t="s">
        <v>1226</v>
      </c>
      <c r="D43" s="789"/>
      <c r="E43" s="789"/>
      <c r="F43" s="789"/>
      <c r="G43" s="789"/>
      <c r="H43" s="789"/>
      <c r="I43" s="789"/>
      <c r="J43" s="789"/>
      <c r="K43" s="789"/>
      <c r="L43" s="789"/>
      <c r="M43" s="789"/>
      <c r="N43" s="789"/>
      <c r="O43" s="789"/>
      <c r="P43" s="789"/>
      <c r="Q43" s="789"/>
      <c r="R43" s="789"/>
      <c r="S43" s="789"/>
      <c r="T43" s="789"/>
      <c r="U43" s="789"/>
      <c r="V43" s="789"/>
      <c r="W43" s="789"/>
      <c r="X43" s="789"/>
      <c r="Y43" s="789"/>
      <c r="Z43" s="789"/>
      <c r="AA43" s="789"/>
      <c r="AB43" s="789"/>
      <c r="AC43" s="789"/>
      <c r="AD43" s="789"/>
      <c r="AE43" s="789"/>
    </row>
    <row r="44" spans="1:32" s="234" customFormat="1" ht="18.75" customHeight="1" x14ac:dyDescent="0.15">
      <c r="C44" s="789" t="s">
        <v>1225</v>
      </c>
      <c r="D44" s="789"/>
      <c r="E44" s="789"/>
      <c r="F44" s="789"/>
      <c r="G44" s="789"/>
      <c r="H44" s="789"/>
      <c r="I44" s="789"/>
      <c r="J44" s="789"/>
      <c r="K44" s="789"/>
      <c r="L44" s="789"/>
      <c r="M44" s="789"/>
      <c r="N44" s="789"/>
      <c r="O44" s="789"/>
      <c r="P44" s="789"/>
      <c r="Q44" s="789"/>
      <c r="R44" s="789"/>
      <c r="S44" s="789"/>
      <c r="T44" s="789"/>
      <c r="U44" s="789"/>
      <c r="V44" s="789"/>
      <c r="W44" s="789"/>
      <c r="X44" s="789"/>
      <c r="Y44" s="789"/>
      <c r="Z44" s="789"/>
      <c r="AA44" s="789"/>
      <c r="AB44" s="789"/>
      <c r="AC44" s="789"/>
      <c r="AD44" s="789"/>
      <c r="AE44" s="789"/>
    </row>
    <row r="45" spans="1:32" s="234" customFormat="1" ht="29.25" customHeight="1" x14ac:dyDescent="0.15">
      <c r="C45" s="789" t="s">
        <v>1104</v>
      </c>
      <c r="D45" s="789"/>
      <c r="E45" s="789"/>
      <c r="F45" s="789"/>
      <c r="G45" s="789"/>
      <c r="H45" s="789"/>
      <c r="I45" s="789"/>
      <c r="J45" s="789"/>
      <c r="K45" s="789"/>
      <c r="L45" s="789"/>
      <c r="M45" s="789"/>
      <c r="N45" s="789"/>
      <c r="O45" s="789"/>
      <c r="P45" s="789"/>
      <c r="Q45" s="789"/>
      <c r="R45" s="789"/>
      <c r="S45" s="789"/>
      <c r="T45" s="789"/>
      <c r="U45" s="789"/>
      <c r="V45" s="789"/>
      <c r="W45" s="789"/>
      <c r="X45" s="789"/>
      <c r="Y45" s="789"/>
      <c r="Z45" s="789"/>
      <c r="AA45" s="789"/>
      <c r="AB45" s="789"/>
      <c r="AC45" s="789"/>
      <c r="AD45" s="789"/>
      <c r="AE45" s="789"/>
    </row>
    <row r="46" spans="1:32" s="498" customFormat="1" ht="15.75" customHeight="1" x14ac:dyDescent="0.15">
      <c r="D46" s="234"/>
      <c r="E46" s="234"/>
      <c r="F46" s="234"/>
      <c r="G46" s="234"/>
      <c r="H46" s="234"/>
      <c r="I46" s="234"/>
      <c r="J46" s="234"/>
      <c r="K46" s="234"/>
      <c r="L46" s="234"/>
      <c r="M46" s="234"/>
      <c r="N46" s="234"/>
      <c r="O46" s="234"/>
      <c r="P46" s="234"/>
      <c r="Q46" s="234"/>
      <c r="R46" s="234"/>
      <c r="S46" s="234"/>
      <c r="T46" s="234"/>
      <c r="U46" s="234"/>
      <c r="V46" s="234"/>
      <c r="W46" s="234"/>
      <c r="X46" s="234"/>
      <c r="Y46" s="234"/>
      <c r="Z46" s="234"/>
      <c r="AA46" s="234"/>
      <c r="AB46" s="234"/>
      <c r="AC46" s="234"/>
      <c r="AD46" s="234"/>
      <c r="AE46" s="234"/>
    </row>
  </sheetData>
  <mergeCells count="34">
    <mergeCell ref="F18:X18"/>
    <mergeCell ref="Y18:Z18"/>
    <mergeCell ref="B5:AF5"/>
    <mergeCell ref="C7:H7"/>
    <mergeCell ref="I7:AF7"/>
    <mergeCell ref="C8:H8"/>
    <mergeCell ref="C9:H11"/>
    <mergeCell ref="F19:X19"/>
    <mergeCell ref="Y19:Z19"/>
    <mergeCell ref="F20:X20"/>
    <mergeCell ref="Y20:Z20"/>
    <mergeCell ref="F21:X21"/>
    <mergeCell ref="Y21:Z21"/>
    <mergeCell ref="F22:X22"/>
    <mergeCell ref="Y22:Z22"/>
    <mergeCell ref="F25:X25"/>
    <mergeCell ref="Y25:Z25"/>
    <mergeCell ref="F26:X26"/>
    <mergeCell ref="Y26:Z26"/>
    <mergeCell ref="F27:X27"/>
    <mergeCell ref="Y27:Z27"/>
    <mergeCell ref="F28:X28"/>
    <mergeCell ref="Y28:Z28"/>
    <mergeCell ref="F29:X29"/>
    <mergeCell ref="Y29:Z29"/>
    <mergeCell ref="C43:AE43"/>
    <mergeCell ref="C44:AE44"/>
    <mergeCell ref="C45:AE45"/>
    <mergeCell ref="D31:AA31"/>
    <mergeCell ref="C36:AA36"/>
    <mergeCell ref="C39:AE39"/>
    <mergeCell ref="C40:AE40"/>
    <mergeCell ref="C41:AE41"/>
    <mergeCell ref="C42:AE42"/>
  </mergeCells>
  <phoneticPr fontId="2"/>
  <dataValidations count="1">
    <dataValidation type="list" allowBlank="1" showInputMessage="1" showErrorMessage="1" sqref="I8:I11 N8 S8 AC31 AE31 AC36 AE36">
      <formula1>"□,■"</formula1>
    </dataValidation>
  </dataValidations>
  <pageMargins left="0.7" right="0.7" top="0.75" bottom="0.75" header="0.3" footer="0.3"/>
  <pageSetup paperSize="9" scale="61" orientation="portrait" r:id="rId1"/>
</worksheet>
</file>

<file path=xl/worksheets/sheet4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AD122"/>
  <sheetViews>
    <sheetView zoomScaleNormal="100" workbookViewId="0">
      <selection activeCell="C87" sqref="C87"/>
    </sheetView>
  </sheetViews>
  <sheetFormatPr defaultColWidth="3.5" defaultRowHeight="13.5" x14ac:dyDescent="0.15"/>
  <cols>
    <col min="1" max="1" width="1.25" style="3" customWidth="1"/>
    <col min="2" max="2" width="4.125" style="140" customWidth="1"/>
    <col min="3" max="29" width="4.375" style="3" customWidth="1"/>
    <col min="30" max="30" width="0.75" style="3" customWidth="1"/>
    <col min="31" max="16384" width="3.5" style="3"/>
  </cols>
  <sheetData>
    <row r="1" spans="2:29" s="8" customFormat="1" ht="10.5" customHeight="1" x14ac:dyDescent="0.15"/>
    <row r="2" spans="2:29" s="8" customFormat="1" x14ac:dyDescent="0.15">
      <c r="B2" s="8" t="s">
        <v>1286</v>
      </c>
    </row>
    <row r="3" spans="2:29" s="8" customFormat="1" x14ac:dyDescent="0.15">
      <c r="W3" s="17" t="s">
        <v>12</v>
      </c>
      <c r="X3" s="18"/>
      <c r="Y3" s="18" t="s">
        <v>11</v>
      </c>
      <c r="Z3" s="18"/>
      <c r="AA3" s="18" t="s">
        <v>10</v>
      </c>
      <c r="AB3" s="18"/>
      <c r="AC3" s="18" t="s">
        <v>20</v>
      </c>
    </row>
    <row r="4" spans="2:29" s="8" customFormat="1" ht="4.5" customHeight="1" x14ac:dyDescent="0.15"/>
    <row r="5" spans="2:29" s="8" customFormat="1" ht="15.75" customHeight="1" x14ac:dyDescent="0.15">
      <c r="B5" s="807" t="s">
        <v>1285</v>
      </c>
      <c r="C5" s="778"/>
      <c r="D5" s="778"/>
      <c r="E5" s="778"/>
      <c r="F5" s="778"/>
      <c r="G5" s="778"/>
      <c r="H5" s="778"/>
      <c r="I5" s="778"/>
      <c r="J5" s="778"/>
      <c r="K5" s="778"/>
      <c r="L5" s="778"/>
      <c r="M5" s="778"/>
      <c r="N5" s="778"/>
      <c r="O5" s="778"/>
      <c r="P5" s="778"/>
      <c r="Q5" s="778"/>
      <c r="R5" s="778"/>
      <c r="S5" s="778"/>
      <c r="T5" s="778"/>
      <c r="U5" s="778"/>
      <c r="V5" s="778"/>
      <c r="W5" s="778"/>
      <c r="X5" s="778"/>
      <c r="Y5" s="778"/>
      <c r="Z5" s="778"/>
      <c r="AA5" s="778"/>
      <c r="AB5" s="778"/>
      <c r="AC5" s="778"/>
    </row>
    <row r="6" spans="2:29" s="8" customFormat="1" x14ac:dyDescent="0.15"/>
    <row r="7" spans="2:29" s="8" customFormat="1" ht="30" customHeight="1" x14ac:dyDescent="0.15">
      <c r="B7" s="790" t="s">
        <v>576</v>
      </c>
      <c r="C7" s="790"/>
      <c r="D7" s="790"/>
      <c r="E7" s="790"/>
      <c r="F7" s="780"/>
      <c r="G7" s="791"/>
      <c r="H7" s="792"/>
      <c r="I7" s="792"/>
      <c r="J7" s="792"/>
      <c r="K7" s="792"/>
      <c r="L7" s="792"/>
      <c r="M7" s="792"/>
      <c r="N7" s="792"/>
      <c r="O7" s="792"/>
      <c r="P7" s="792"/>
      <c r="Q7" s="792"/>
      <c r="R7" s="792"/>
      <c r="S7" s="792"/>
      <c r="T7" s="792"/>
      <c r="U7" s="792"/>
      <c r="V7" s="792"/>
      <c r="W7" s="792"/>
      <c r="X7" s="792"/>
      <c r="Y7" s="792"/>
      <c r="Z7" s="792"/>
      <c r="AA7" s="792"/>
      <c r="AB7" s="792"/>
      <c r="AC7" s="793"/>
    </row>
    <row r="8" spans="2:29" ht="30" customHeight="1" x14ac:dyDescent="0.15">
      <c r="B8" s="780" t="s">
        <v>575</v>
      </c>
      <c r="C8" s="781"/>
      <c r="D8" s="781"/>
      <c r="E8" s="781"/>
      <c r="F8" s="781"/>
      <c r="G8" s="180" t="s">
        <v>0</v>
      </c>
      <c r="H8" s="168" t="s">
        <v>242</v>
      </c>
      <c r="I8" s="168"/>
      <c r="J8" s="168"/>
      <c r="K8" s="168"/>
      <c r="L8" s="179" t="s">
        <v>0</v>
      </c>
      <c r="M8" s="168" t="s">
        <v>241</v>
      </c>
      <c r="N8" s="168"/>
      <c r="O8" s="168"/>
      <c r="P8" s="168"/>
      <c r="Q8" s="179" t="s">
        <v>0</v>
      </c>
      <c r="R8" s="168" t="s">
        <v>240</v>
      </c>
      <c r="S8" s="168"/>
      <c r="T8" s="168"/>
      <c r="U8" s="168"/>
      <c r="V8" s="168"/>
      <c r="W8" s="168"/>
      <c r="X8" s="168"/>
      <c r="Y8" s="168"/>
      <c r="Z8" s="168"/>
      <c r="AA8" s="168"/>
      <c r="AB8" s="168"/>
      <c r="AC8" s="167"/>
    </row>
    <row r="9" spans="2:29" ht="30" customHeight="1" x14ac:dyDescent="0.15">
      <c r="B9" s="780" t="s">
        <v>800</v>
      </c>
      <c r="C9" s="781"/>
      <c r="D9" s="781"/>
      <c r="E9" s="781"/>
      <c r="F9" s="781"/>
      <c r="G9" s="180" t="s">
        <v>0</v>
      </c>
      <c r="H9" s="168" t="s">
        <v>1284</v>
      </c>
      <c r="I9" s="168"/>
      <c r="J9" s="168"/>
      <c r="K9" s="168"/>
      <c r="L9" s="168"/>
      <c r="M9" s="168"/>
      <c r="N9" s="168"/>
      <c r="O9" s="168"/>
      <c r="P9" s="168"/>
      <c r="Q9" s="179" t="s">
        <v>0</v>
      </c>
      <c r="R9" s="168" t="s">
        <v>1283</v>
      </c>
      <c r="S9" s="168"/>
      <c r="T9" s="168"/>
      <c r="U9" s="162"/>
      <c r="V9" s="162"/>
      <c r="W9" s="168"/>
      <c r="X9" s="168"/>
      <c r="Y9" s="168"/>
      <c r="Z9" s="168"/>
      <c r="AA9" s="168"/>
      <c r="AB9" s="168"/>
      <c r="AC9" s="167"/>
    </row>
    <row r="10" spans="2:29" s="8" customFormat="1" x14ac:dyDescent="0.15"/>
    <row r="11" spans="2:29" s="8" customFormat="1" ht="26.25" customHeight="1" x14ac:dyDescent="0.15">
      <c r="B11" s="158" t="s">
        <v>1282</v>
      </c>
      <c r="C11" s="157"/>
      <c r="D11" s="157"/>
      <c r="E11" s="157"/>
      <c r="F11" s="157"/>
      <c r="G11" s="157"/>
      <c r="H11" s="157"/>
      <c r="I11" s="157"/>
      <c r="J11" s="157"/>
      <c r="K11" s="157"/>
      <c r="L11" s="157"/>
      <c r="M11" s="157"/>
      <c r="N11" s="157"/>
      <c r="O11" s="157"/>
      <c r="P11" s="157"/>
      <c r="Q11" s="157"/>
      <c r="R11" s="157"/>
      <c r="S11" s="157"/>
      <c r="T11" s="157"/>
      <c r="U11" s="157"/>
      <c r="V11" s="157"/>
      <c r="W11" s="157"/>
      <c r="X11" s="157"/>
      <c r="Y11" s="157"/>
      <c r="Z11" s="157"/>
      <c r="AA11" s="157"/>
      <c r="AB11" s="181"/>
      <c r="AC11" s="197"/>
    </row>
    <row r="12" spans="2:29" s="8" customFormat="1" x14ac:dyDescent="0.15">
      <c r="B12" s="9"/>
      <c r="C12" s="522"/>
      <c r="D12" s="521"/>
      <c r="E12" s="521"/>
      <c r="F12" s="521"/>
      <c r="G12" s="522"/>
      <c r="H12" s="521"/>
      <c r="I12" s="521"/>
      <c r="J12" s="521"/>
      <c r="K12" s="521"/>
      <c r="L12" s="521"/>
      <c r="M12" s="521"/>
      <c r="N12" s="521"/>
      <c r="O12" s="521"/>
      <c r="P12" s="521"/>
      <c r="Q12" s="521"/>
      <c r="R12" s="521"/>
      <c r="S12" s="521"/>
      <c r="T12" s="521"/>
      <c r="U12" s="521"/>
      <c r="V12" s="521"/>
      <c r="W12" s="521"/>
      <c r="X12" s="521"/>
      <c r="Y12" s="521"/>
      <c r="Z12" s="521"/>
      <c r="AA12" s="361" t="s">
        <v>227</v>
      </c>
      <c r="AB12" s="152" t="s">
        <v>217</v>
      </c>
      <c r="AC12" s="339" t="s">
        <v>226</v>
      </c>
    </row>
    <row r="13" spans="2:29" s="8" customFormat="1" ht="20.25" customHeight="1" x14ac:dyDescent="0.15">
      <c r="B13" s="9"/>
      <c r="C13" s="1219" t="s">
        <v>1271</v>
      </c>
      <c r="D13" s="1220"/>
      <c r="E13" s="1220"/>
      <c r="F13" s="1221"/>
      <c r="G13" s="323"/>
      <c r="H13" s="198" t="s">
        <v>279</v>
      </c>
      <c r="I13" s="1170" t="s">
        <v>1281</v>
      </c>
      <c r="J13" s="1171"/>
      <c r="K13" s="1171"/>
      <c r="L13" s="1171"/>
      <c r="M13" s="1171"/>
      <c r="N13" s="1171"/>
      <c r="O13" s="1171"/>
      <c r="P13" s="1171"/>
      <c r="Q13" s="1171"/>
      <c r="R13" s="1171"/>
      <c r="S13" s="1171"/>
      <c r="T13" s="1171"/>
      <c r="U13" s="1172"/>
      <c r="V13" s="460"/>
      <c r="W13" s="460"/>
      <c r="X13" s="460"/>
      <c r="Y13" s="460"/>
      <c r="Z13" s="323"/>
      <c r="AA13" s="291" t="s">
        <v>0</v>
      </c>
      <c r="AB13" s="178" t="s">
        <v>217</v>
      </c>
      <c r="AC13" s="338" t="s">
        <v>0</v>
      </c>
    </row>
    <row r="14" spans="2:29" s="8" customFormat="1" ht="20.25" customHeight="1" x14ac:dyDescent="0.15">
      <c r="B14" s="153"/>
      <c r="C14" s="527"/>
      <c r="D14" s="460"/>
      <c r="E14" s="460"/>
      <c r="F14" s="459"/>
      <c r="G14" s="323"/>
      <c r="H14" s="198" t="s">
        <v>277</v>
      </c>
      <c r="I14" s="1022" t="s">
        <v>1280</v>
      </c>
      <c r="J14" s="1023"/>
      <c r="K14" s="1023"/>
      <c r="L14" s="1023"/>
      <c r="M14" s="1023"/>
      <c r="N14" s="1023"/>
      <c r="O14" s="1023"/>
      <c r="P14" s="1023"/>
      <c r="Q14" s="1023"/>
      <c r="R14" s="1023"/>
      <c r="S14" s="1066"/>
      <c r="T14" s="1067"/>
      <c r="U14" s="528" t="s">
        <v>175</v>
      </c>
      <c r="V14" s="249" t="s">
        <v>275</v>
      </c>
      <c r="W14" s="1181" t="s">
        <v>1267</v>
      </c>
      <c r="X14" s="1181"/>
      <c r="Y14" s="1181"/>
      <c r="Z14" s="323"/>
      <c r="AA14" s="291" t="s">
        <v>0</v>
      </c>
      <c r="AB14" s="178" t="s">
        <v>217</v>
      </c>
      <c r="AC14" s="338" t="s">
        <v>0</v>
      </c>
    </row>
    <row r="15" spans="2:29" s="8" customFormat="1" ht="20.25" customHeight="1" x14ac:dyDescent="0.15">
      <c r="B15" s="153"/>
      <c r="C15" s="527"/>
      <c r="D15" s="460"/>
      <c r="E15" s="460"/>
      <c r="F15" s="459"/>
      <c r="G15" s="323"/>
      <c r="H15" s="198" t="s">
        <v>293</v>
      </c>
      <c r="I15" s="1170" t="s">
        <v>1279</v>
      </c>
      <c r="J15" s="1171"/>
      <c r="K15" s="1171"/>
      <c r="L15" s="1171"/>
      <c r="M15" s="1171"/>
      <c r="N15" s="1171"/>
      <c r="O15" s="1171"/>
      <c r="P15" s="1171"/>
      <c r="Q15" s="1171"/>
      <c r="R15" s="1172"/>
      <c r="S15" s="1066"/>
      <c r="T15" s="1067"/>
      <c r="U15" s="528" t="s">
        <v>175</v>
      </c>
      <c r="V15" s="249" t="s">
        <v>275</v>
      </c>
      <c r="W15" s="1181" t="s">
        <v>1267</v>
      </c>
      <c r="X15" s="1181"/>
      <c r="Y15" s="1181"/>
      <c r="Z15" s="323"/>
      <c r="AA15" s="291" t="s">
        <v>0</v>
      </c>
      <c r="AB15" s="178" t="s">
        <v>217</v>
      </c>
      <c r="AC15" s="338" t="s">
        <v>0</v>
      </c>
    </row>
    <row r="16" spans="2:29" s="8" customFormat="1" x14ac:dyDescent="0.15">
      <c r="B16" s="9"/>
      <c r="C16" s="524"/>
      <c r="D16" s="515"/>
      <c r="E16" s="515"/>
      <c r="F16" s="523"/>
      <c r="G16" s="515"/>
      <c r="H16" s="465"/>
      <c r="I16" s="515"/>
      <c r="J16" s="515"/>
      <c r="K16" s="515"/>
      <c r="L16" s="515"/>
      <c r="M16" s="515"/>
      <c r="N16" s="515"/>
      <c r="O16" s="515"/>
      <c r="P16" s="515"/>
      <c r="Q16" s="515"/>
      <c r="R16" s="515"/>
      <c r="S16" s="515"/>
      <c r="T16" s="515"/>
      <c r="U16" s="515"/>
      <c r="V16" s="515"/>
      <c r="W16" s="515"/>
      <c r="X16" s="515"/>
      <c r="Y16" s="515"/>
      <c r="Z16" s="515"/>
      <c r="AA16" s="524"/>
      <c r="AB16" s="515"/>
      <c r="AC16" s="523"/>
    </row>
    <row r="17" spans="2:29" s="8" customFormat="1" ht="10.5" customHeight="1" x14ac:dyDescent="0.15">
      <c r="B17" s="9"/>
      <c r="C17" s="522"/>
      <c r="D17" s="521"/>
      <c r="E17" s="521"/>
      <c r="F17" s="521"/>
      <c r="G17" s="522"/>
      <c r="H17" s="480"/>
      <c r="I17" s="521"/>
      <c r="J17" s="521"/>
      <c r="K17" s="521"/>
      <c r="L17" s="521"/>
      <c r="M17" s="521"/>
      <c r="N17" s="521"/>
      <c r="O17" s="521"/>
      <c r="P17" s="521"/>
      <c r="Q17" s="521"/>
      <c r="R17" s="521"/>
      <c r="S17" s="521"/>
      <c r="T17" s="521"/>
      <c r="U17" s="521"/>
      <c r="V17" s="521"/>
      <c r="W17" s="521"/>
      <c r="X17" s="521"/>
      <c r="Y17" s="521"/>
      <c r="Z17" s="521"/>
      <c r="AA17" s="522"/>
      <c r="AB17" s="521"/>
      <c r="AC17" s="520"/>
    </row>
    <row r="18" spans="2:29" s="8" customFormat="1" ht="18" customHeight="1" x14ac:dyDescent="0.15">
      <c r="B18" s="153"/>
      <c r="C18" s="992" t="s">
        <v>1278</v>
      </c>
      <c r="D18" s="993"/>
      <c r="E18" s="993"/>
      <c r="F18" s="994"/>
      <c r="G18" s="323"/>
      <c r="H18" s="198" t="s">
        <v>279</v>
      </c>
      <c r="I18" s="1024" t="s">
        <v>1277</v>
      </c>
      <c r="J18" s="1025"/>
      <c r="K18" s="1025"/>
      <c r="L18" s="1025"/>
      <c r="M18" s="1025"/>
      <c r="N18" s="1025"/>
      <c r="O18" s="1025"/>
      <c r="P18" s="1025"/>
      <c r="Q18" s="1025"/>
      <c r="R18" s="1026"/>
      <c r="S18" s="1066"/>
      <c r="T18" s="1067"/>
      <c r="U18" s="528" t="s">
        <v>175</v>
      </c>
      <c r="V18" s="249"/>
      <c r="W18" s="249"/>
      <c r="X18" s="249"/>
      <c r="Y18" s="249"/>
      <c r="Z18" s="323"/>
      <c r="AA18" s="340" t="s">
        <v>227</v>
      </c>
      <c r="AB18" s="152" t="s">
        <v>217</v>
      </c>
      <c r="AC18" s="339" t="s">
        <v>226</v>
      </c>
    </row>
    <row r="19" spans="2:29" s="8" customFormat="1" ht="18" customHeight="1" x14ac:dyDescent="0.15">
      <c r="B19" s="153"/>
      <c r="C19" s="992"/>
      <c r="D19" s="993"/>
      <c r="E19" s="993"/>
      <c r="F19" s="994"/>
      <c r="G19" s="323"/>
      <c r="H19" s="198" t="s">
        <v>277</v>
      </c>
      <c r="I19" s="1024" t="s">
        <v>1276</v>
      </c>
      <c r="J19" s="1025"/>
      <c r="K19" s="1025"/>
      <c r="L19" s="1025"/>
      <c r="M19" s="1025"/>
      <c r="N19" s="1025"/>
      <c r="O19" s="1025"/>
      <c r="P19" s="1025"/>
      <c r="Q19" s="1025"/>
      <c r="R19" s="1026"/>
      <c r="S19" s="1066"/>
      <c r="T19" s="1067"/>
      <c r="U19" s="528" t="s">
        <v>175</v>
      </c>
      <c r="V19" s="323"/>
      <c r="W19" s="1225"/>
      <c r="X19" s="993"/>
      <c r="Y19" s="993"/>
      <c r="Z19" s="323"/>
      <c r="AA19" s="525"/>
      <c r="AB19" s="323"/>
      <c r="AC19" s="526"/>
    </row>
    <row r="20" spans="2:29" s="8" customFormat="1" ht="18" customHeight="1" x14ac:dyDescent="0.15">
      <c r="B20" s="153"/>
      <c r="C20" s="527"/>
      <c r="D20" s="460"/>
      <c r="E20" s="460"/>
      <c r="F20" s="459"/>
      <c r="G20" s="323"/>
      <c r="H20" s="198" t="s">
        <v>293</v>
      </c>
      <c r="I20" s="1024" t="s">
        <v>1207</v>
      </c>
      <c r="J20" s="1025"/>
      <c r="K20" s="1025"/>
      <c r="L20" s="1025"/>
      <c r="M20" s="1025"/>
      <c r="N20" s="1025"/>
      <c r="O20" s="1025"/>
      <c r="P20" s="1025"/>
      <c r="Q20" s="1025"/>
      <c r="R20" s="1026"/>
      <c r="S20" s="1066"/>
      <c r="T20" s="1067"/>
      <c r="U20" s="528" t="s">
        <v>339</v>
      </c>
      <c r="V20" s="323" t="s">
        <v>275</v>
      </c>
      <c r="W20" s="1218" t="s">
        <v>1262</v>
      </c>
      <c r="X20" s="1181"/>
      <c r="Y20" s="1181"/>
      <c r="Z20" s="323"/>
      <c r="AA20" s="291" t="s">
        <v>0</v>
      </c>
      <c r="AB20" s="178" t="s">
        <v>217</v>
      </c>
      <c r="AC20" s="338" t="s">
        <v>0</v>
      </c>
    </row>
    <row r="21" spans="2:29" s="8" customFormat="1" ht="18" customHeight="1" x14ac:dyDescent="0.15">
      <c r="B21" s="153"/>
      <c r="C21" s="527"/>
      <c r="D21" s="460"/>
      <c r="E21" s="460"/>
      <c r="F21" s="459"/>
      <c r="G21" s="323"/>
      <c r="H21" s="198" t="s">
        <v>513</v>
      </c>
      <c r="I21" s="1022" t="s">
        <v>1261</v>
      </c>
      <c r="J21" s="1023"/>
      <c r="K21" s="1023"/>
      <c r="L21" s="1023"/>
      <c r="M21" s="1023"/>
      <c r="N21" s="1023"/>
      <c r="O21" s="1023"/>
      <c r="P21" s="1023"/>
      <c r="Q21" s="1023"/>
      <c r="R21" s="1023"/>
      <c r="S21" s="1066"/>
      <c r="T21" s="1067"/>
      <c r="U21" s="528" t="s">
        <v>175</v>
      </c>
      <c r="V21" s="323"/>
      <c r="W21" s="529"/>
      <c r="X21" s="466"/>
      <c r="Y21" s="466"/>
      <c r="Z21" s="323"/>
      <c r="AA21" s="155"/>
      <c r="AB21" s="249"/>
      <c r="AC21" s="486"/>
    </row>
    <row r="22" spans="2:29" s="8" customFormat="1" ht="27" customHeight="1" x14ac:dyDescent="0.15">
      <c r="B22" s="153"/>
      <c r="C22" s="527"/>
      <c r="D22" s="460"/>
      <c r="E22" s="460"/>
      <c r="F22" s="459"/>
      <c r="G22" s="323"/>
      <c r="H22" s="198" t="s">
        <v>511</v>
      </c>
      <c r="I22" s="1022" t="s">
        <v>1275</v>
      </c>
      <c r="J22" s="1023"/>
      <c r="K22" s="1023"/>
      <c r="L22" s="1023"/>
      <c r="M22" s="1023"/>
      <c r="N22" s="1023"/>
      <c r="O22" s="1023"/>
      <c r="P22" s="1023"/>
      <c r="Q22" s="1023"/>
      <c r="R22" s="1023"/>
      <c r="S22" s="1066"/>
      <c r="T22" s="1067"/>
      <c r="U22" s="528" t="s">
        <v>175</v>
      </c>
      <c r="V22" s="249"/>
      <c r="W22" s="255"/>
      <c r="X22" s="255"/>
      <c r="Y22" s="255"/>
      <c r="Z22" s="323"/>
      <c r="AA22" s="525"/>
      <c r="AB22" s="323"/>
      <c r="AC22" s="526"/>
    </row>
    <row r="23" spans="2:29" s="8" customFormat="1" ht="18" customHeight="1" x14ac:dyDescent="0.15">
      <c r="B23" s="9"/>
      <c r="C23" s="527"/>
      <c r="D23" s="460"/>
      <c r="E23" s="460"/>
      <c r="F23" s="459"/>
      <c r="G23" s="323"/>
      <c r="H23" s="198" t="s">
        <v>509</v>
      </c>
      <c r="I23" s="1024" t="s">
        <v>1259</v>
      </c>
      <c r="J23" s="1025"/>
      <c r="K23" s="1025"/>
      <c r="L23" s="1025"/>
      <c r="M23" s="1025"/>
      <c r="N23" s="1025"/>
      <c r="O23" s="1025"/>
      <c r="P23" s="1025"/>
      <c r="Q23" s="1025"/>
      <c r="R23" s="1026"/>
      <c r="S23" s="1066"/>
      <c r="T23" s="1067"/>
      <c r="U23" s="528" t="s">
        <v>339</v>
      </c>
      <c r="V23" s="249" t="s">
        <v>275</v>
      </c>
      <c r="W23" s="1181" t="s">
        <v>1040</v>
      </c>
      <c r="X23" s="1181"/>
      <c r="Y23" s="1181"/>
      <c r="Z23" s="333"/>
      <c r="AA23" s="291" t="s">
        <v>0</v>
      </c>
      <c r="AB23" s="178" t="s">
        <v>217</v>
      </c>
      <c r="AC23" s="338" t="s">
        <v>0</v>
      </c>
    </row>
    <row r="24" spans="2:29" s="8" customFormat="1" x14ac:dyDescent="0.15">
      <c r="B24" s="9"/>
      <c r="C24" s="524"/>
      <c r="D24" s="515"/>
      <c r="E24" s="515"/>
      <c r="F24" s="523"/>
      <c r="G24" s="515"/>
      <c r="H24" s="515"/>
      <c r="I24" s="515"/>
      <c r="J24" s="515"/>
      <c r="K24" s="515"/>
      <c r="L24" s="515"/>
      <c r="M24" s="515"/>
      <c r="N24" s="515"/>
      <c r="O24" s="515"/>
      <c r="P24" s="515"/>
      <c r="Q24" s="515"/>
      <c r="R24" s="515"/>
      <c r="S24" s="515"/>
      <c r="T24" s="515"/>
      <c r="U24" s="515"/>
      <c r="V24" s="515"/>
      <c r="W24" s="515"/>
      <c r="X24" s="515"/>
      <c r="Y24" s="515"/>
      <c r="Z24" s="515"/>
      <c r="AA24" s="524"/>
      <c r="AB24" s="515"/>
      <c r="AC24" s="523"/>
    </row>
    <row r="25" spans="2:29" s="8" customFormat="1" ht="10.5" customHeight="1" x14ac:dyDescent="0.15">
      <c r="B25" s="9"/>
      <c r="C25" s="522"/>
      <c r="D25" s="521"/>
      <c r="E25" s="521"/>
      <c r="F25" s="520"/>
      <c r="G25" s="521"/>
      <c r="H25" s="521"/>
      <c r="I25" s="521"/>
      <c r="J25" s="521"/>
      <c r="K25" s="521"/>
      <c r="L25" s="521"/>
      <c r="M25" s="521"/>
      <c r="N25" s="521"/>
      <c r="O25" s="521"/>
      <c r="P25" s="521"/>
      <c r="Q25" s="521"/>
      <c r="R25" s="521"/>
      <c r="S25" s="521"/>
      <c r="T25" s="521"/>
      <c r="U25" s="521"/>
      <c r="V25" s="521"/>
      <c r="W25" s="521"/>
      <c r="X25" s="521"/>
      <c r="Y25" s="521"/>
      <c r="Z25" s="521"/>
      <c r="AA25" s="522"/>
      <c r="AB25" s="521"/>
      <c r="AC25" s="520"/>
    </row>
    <row r="26" spans="2:29" s="8" customFormat="1" ht="18" customHeight="1" x14ac:dyDescent="0.15">
      <c r="B26" s="153"/>
      <c r="C26" s="992" t="s">
        <v>1274</v>
      </c>
      <c r="D26" s="993"/>
      <c r="E26" s="993"/>
      <c r="F26" s="994"/>
      <c r="G26" s="323"/>
      <c r="H26" s="1066" t="s">
        <v>1257</v>
      </c>
      <c r="I26" s="1067"/>
      <c r="J26" s="1067"/>
      <c r="K26" s="1067"/>
      <c r="L26" s="1067"/>
      <c r="M26" s="1067"/>
      <c r="N26" s="1067"/>
      <c r="O26" s="1067"/>
      <c r="P26" s="1067"/>
      <c r="Q26" s="1067"/>
      <c r="R26" s="1067"/>
      <c r="S26" s="1067"/>
      <c r="T26" s="1067"/>
      <c r="U26" s="1067"/>
      <c r="V26" s="1067"/>
      <c r="W26" s="1068"/>
      <c r="X26" s="323"/>
      <c r="Y26" s="323"/>
      <c r="Z26" s="323"/>
      <c r="AA26" s="340" t="s">
        <v>227</v>
      </c>
      <c r="AB26" s="152" t="s">
        <v>217</v>
      </c>
      <c r="AC26" s="339" t="s">
        <v>226</v>
      </c>
    </row>
    <row r="27" spans="2:29" s="8" customFormat="1" ht="18" customHeight="1" x14ac:dyDescent="0.15">
      <c r="B27" s="153"/>
      <c r="C27" s="527"/>
      <c r="D27" s="460"/>
      <c r="E27" s="460"/>
      <c r="F27" s="459"/>
      <c r="G27" s="323"/>
      <c r="H27" s="1066"/>
      <c r="I27" s="1067"/>
      <c r="J27" s="1067"/>
      <c r="K27" s="1067"/>
      <c r="L27" s="1067"/>
      <c r="M27" s="1067"/>
      <c r="N27" s="1067"/>
      <c r="O27" s="1067"/>
      <c r="P27" s="1067"/>
      <c r="Q27" s="1067"/>
      <c r="R27" s="1067"/>
      <c r="S27" s="1067"/>
      <c r="T27" s="1067"/>
      <c r="U27" s="1067"/>
      <c r="V27" s="1067"/>
      <c r="W27" s="1068"/>
      <c r="X27" s="323"/>
      <c r="Y27" s="323"/>
      <c r="Z27" s="323"/>
      <c r="AA27" s="525"/>
      <c r="AB27" s="323"/>
      <c r="AC27" s="526"/>
    </row>
    <row r="28" spans="2:29" s="8" customFormat="1" ht="18" customHeight="1" x14ac:dyDescent="0.15">
      <c r="B28" s="9"/>
      <c r="C28" s="525"/>
      <c r="D28" s="323"/>
      <c r="E28" s="323"/>
      <c r="F28" s="526"/>
      <c r="G28" s="323"/>
      <c r="H28" s="1066"/>
      <c r="I28" s="1067"/>
      <c r="J28" s="1067"/>
      <c r="K28" s="1067"/>
      <c r="L28" s="1067"/>
      <c r="M28" s="1067"/>
      <c r="N28" s="1067"/>
      <c r="O28" s="1067"/>
      <c r="P28" s="1067"/>
      <c r="Q28" s="1067"/>
      <c r="R28" s="1067"/>
      <c r="S28" s="1067"/>
      <c r="T28" s="1067"/>
      <c r="U28" s="1067"/>
      <c r="V28" s="1067"/>
      <c r="W28" s="1068"/>
      <c r="X28" s="323"/>
      <c r="Y28" s="323"/>
      <c r="Z28" s="323"/>
      <c r="AA28" s="291" t="s">
        <v>0</v>
      </c>
      <c r="AB28" s="178" t="s">
        <v>217</v>
      </c>
      <c r="AC28" s="338" t="s">
        <v>0</v>
      </c>
    </row>
    <row r="29" spans="2:29" s="8" customFormat="1" ht="10.5" customHeight="1" x14ac:dyDescent="0.15">
      <c r="B29" s="9"/>
      <c r="C29" s="524"/>
      <c r="D29" s="515"/>
      <c r="E29" s="515"/>
      <c r="F29" s="523"/>
      <c r="G29" s="515"/>
      <c r="H29" s="465"/>
      <c r="I29" s="465"/>
      <c r="J29" s="465"/>
      <c r="K29" s="465"/>
      <c r="L29" s="465"/>
      <c r="M29" s="465"/>
      <c r="N29" s="465"/>
      <c r="O29" s="465"/>
      <c r="P29" s="465"/>
      <c r="Q29" s="465"/>
      <c r="R29" s="465"/>
      <c r="S29" s="465"/>
      <c r="T29" s="465"/>
      <c r="U29" s="465"/>
      <c r="V29" s="465"/>
      <c r="W29" s="465"/>
      <c r="X29" s="515"/>
      <c r="Y29" s="515"/>
      <c r="Z29" s="515"/>
      <c r="AA29" s="524"/>
      <c r="AB29" s="515"/>
      <c r="AC29" s="523"/>
    </row>
    <row r="30" spans="2:29" s="8" customFormat="1" ht="10.5" customHeight="1" x14ac:dyDescent="0.15">
      <c r="B30" s="9"/>
      <c r="C30" s="522"/>
      <c r="D30" s="521"/>
      <c r="E30" s="521"/>
      <c r="F30" s="520"/>
      <c r="G30" s="521"/>
      <c r="H30" s="480"/>
      <c r="I30" s="480"/>
      <c r="J30" s="480"/>
      <c r="K30" s="480"/>
      <c r="L30" s="480"/>
      <c r="M30" s="480"/>
      <c r="N30" s="480"/>
      <c r="O30" s="480"/>
      <c r="P30" s="480"/>
      <c r="Q30" s="480"/>
      <c r="R30" s="480"/>
      <c r="S30" s="480"/>
      <c r="T30" s="480"/>
      <c r="U30" s="480"/>
      <c r="V30" s="480"/>
      <c r="W30" s="480"/>
      <c r="X30" s="521"/>
      <c r="Y30" s="521"/>
      <c r="Z30" s="521"/>
      <c r="AA30" s="522"/>
      <c r="AB30" s="521"/>
      <c r="AC30" s="520"/>
    </row>
    <row r="31" spans="2:29" s="8" customFormat="1" ht="15.75" customHeight="1" x14ac:dyDescent="0.15">
      <c r="B31" s="9"/>
      <c r="C31" s="992" t="s">
        <v>1273</v>
      </c>
      <c r="D31" s="993"/>
      <c r="E31" s="993"/>
      <c r="F31" s="994"/>
      <c r="G31" s="323"/>
      <c r="H31" s="249"/>
      <c r="I31" s="249"/>
      <c r="J31" s="249"/>
      <c r="K31" s="249"/>
      <c r="L31" s="249"/>
      <c r="M31" s="249"/>
      <c r="N31" s="249"/>
      <c r="O31" s="249"/>
      <c r="P31" s="1214" t="s">
        <v>1126</v>
      </c>
      <c r="Q31" s="1215"/>
      <c r="R31" s="1214" t="s">
        <v>1125</v>
      </c>
      <c r="S31" s="1215"/>
      <c r="T31" s="1214" t="s">
        <v>1124</v>
      </c>
      <c r="U31" s="1215"/>
      <c r="V31" s="323"/>
      <c r="W31" s="323"/>
      <c r="X31" s="323"/>
      <c r="Y31" s="323"/>
      <c r="Z31" s="323"/>
      <c r="AA31" s="340" t="s">
        <v>227</v>
      </c>
      <c r="AB31" s="152" t="s">
        <v>217</v>
      </c>
      <c r="AC31" s="339" t="s">
        <v>226</v>
      </c>
    </row>
    <row r="32" spans="2:29" s="8" customFormat="1" ht="26.25" customHeight="1" x14ac:dyDescent="0.15">
      <c r="B32" s="9"/>
      <c r="C32" s="992"/>
      <c r="D32" s="993"/>
      <c r="E32" s="993"/>
      <c r="F32" s="994"/>
      <c r="G32" s="323"/>
      <c r="H32" s="1176" t="s">
        <v>279</v>
      </c>
      <c r="I32" s="1164" t="s">
        <v>1255</v>
      </c>
      <c r="J32" s="1165"/>
      <c r="K32" s="1165"/>
      <c r="L32" s="1165"/>
      <c r="M32" s="1165"/>
      <c r="N32" s="1165"/>
      <c r="O32" s="1166"/>
      <c r="P32" s="1066" t="s">
        <v>964</v>
      </c>
      <c r="Q32" s="1068"/>
      <c r="R32" s="1066" t="s">
        <v>964</v>
      </c>
      <c r="S32" s="1068"/>
      <c r="T32" s="1066" t="s">
        <v>964</v>
      </c>
      <c r="U32" s="1068"/>
      <c r="V32" s="1212" t="s">
        <v>275</v>
      </c>
      <c r="W32" s="1213" t="s">
        <v>1254</v>
      </c>
      <c r="X32" s="1213"/>
      <c r="Y32" s="1213"/>
      <c r="Z32" s="323"/>
      <c r="AA32" s="810" t="s">
        <v>0</v>
      </c>
      <c r="AB32" s="778" t="s">
        <v>217</v>
      </c>
      <c r="AC32" s="811" t="s">
        <v>0</v>
      </c>
    </row>
    <row r="33" spans="2:29" s="8" customFormat="1" ht="26.25" customHeight="1" x14ac:dyDescent="0.15">
      <c r="B33" s="9"/>
      <c r="C33" s="519"/>
      <c r="D33" s="333"/>
      <c r="E33" s="333"/>
      <c r="F33" s="518"/>
      <c r="G33" s="323"/>
      <c r="H33" s="1173"/>
      <c r="I33" s="1167"/>
      <c r="J33" s="1168"/>
      <c r="K33" s="1168"/>
      <c r="L33" s="1168"/>
      <c r="M33" s="1168"/>
      <c r="N33" s="1168"/>
      <c r="O33" s="1169"/>
      <c r="P33" s="192" t="s">
        <v>0</v>
      </c>
      <c r="Q33" s="363" t="s">
        <v>0</v>
      </c>
      <c r="R33" s="192" t="s">
        <v>0</v>
      </c>
      <c r="S33" s="363" t="s">
        <v>0</v>
      </c>
      <c r="T33" s="192" t="s">
        <v>0</v>
      </c>
      <c r="U33" s="363" t="s">
        <v>0</v>
      </c>
      <c r="V33" s="1212"/>
      <c r="W33" s="1213"/>
      <c r="X33" s="1213"/>
      <c r="Y33" s="1213"/>
      <c r="Z33" s="323"/>
      <c r="AA33" s="810"/>
      <c r="AB33" s="778"/>
      <c r="AC33" s="811"/>
    </row>
    <row r="34" spans="2:29" s="8" customFormat="1" ht="10.5" customHeight="1" x14ac:dyDescent="0.15">
      <c r="B34" s="517"/>
      <c r="C34" s="464"/>
      <c r="D34" s="464"/>
      <c r="E34" s="464"/>
      <c r="F34" s="516"/>
      <c r="G34" s="514"/>
      <c r="H34" s="465"/>
      <c r="I34" s="514"/>
      <c r="J34" s="514"/>
      <c r="K34" s="514"/>
      <c r="L34" s="514"/>
      <c r="M34" s="514"/>
      <c r="N34" s="514"/>
      <c r="O34" s="514"/>
      <c r="P34" s="514"/>
      <c r="Q34" s="514"/>
      <c r="R34" s="514"/>
      <c r="S34" s="515"/>
      <c r="T34" s="515"/>
      <c r="U34" s="465"/>
      <c r="V34" s="514"/>
      <c r="W34" s="514"/>
      <c r="X34" s="514"/>
      <c r="Y34" s="514"/>
      <c r="Z34" s="514"/>
      <c r="AA34" s="513"/>
      <c r="AB34" s="465"/>
      <c r="AC34" s="486"/>
    </row>
    <row r="35" spans="2:29" s="8" customFormat="1" ht="9.75" customHeight="1" x14ac:dyDescent="0.15">
      <c r="B35" s="9"/>
      <c r="AC35" s="156"/>
    </row>
    <row r="36" spans="2:29" s="8" customFormat="1" ht="26.25" customHeight="1" x14ac:dyDescent="0.15">
      <c r="B36" s="9" t="s">
        <v>1272</v>
      </c>
      <c r="AC36" s="171"/>
    </row>
    <row r="37" spans="2:29" s="8" customFormat="1" x14ac:dyDescent="0.15">
      <c r="B37" s="9"/>
      <c r="C37" s="522"/>
      <c r="D37" s="521"/>
      <c r="E37" s="521"/>
      <c r="F37" s="520"/>
      <c r="G37" s="522"/>
      <c r="H37" s="521"/>
      <c r="I37" s="521"/>
      <c r="J37" s="521"/>
      <c r="K37" s="521"/>
      <c r="L37" s="521"/>
      <c r="M37" s="521"/>
      <c r="N37" s="521"/>
      <c r="O37" s="521"/>
      <c r="P37" s="521"/>
      <c r="Q37" s="521"/>
      <c r="R37" s="521"/>
      <c r="S37" s="521"/>
      <c r="T37" s="521"/>
      <c r="U37" s="521"/>
      <c r="V37" s="521"/>
      <c r="W37" s="521"/>
      <c r="X37" s="521"/>
      <c r="Y37" s="521"/>
      <c r="Z37" s="520"/>
      <c r="AA37" s="361" t="s">
        <v>227</v>
      </c>
      <c r="AB37" s="278" t="s">
        <v>217</v>
      </c>
      <c r="AC37" s="339" t="s">
        <v>226</v>
      </c>
    </row>
    <row r="38" spans="2:29" s="8" customFormat="1" ht="19.5" customHeight="1" x14ac:dyDescent="0.15">
      <c r="B38" s="9"/>
      <c r="C38" s="1219" t="s">
        <v>1271</v>
      </c>
      <c r="D38" s="1220"/>
      <c r="E38" s="1220"/>
      <c r="F38" s="1221"/>
      <c r="G38" s="525"/>
      <c r="H38" s="198" t="s">
        <v>279</v>
      </c>
      <c r="I38" s="1170" t="s">
        <v>1270</v>
      </c>
      <c r="J38" s="1171"/>
      <c r="K38" s="1171"/>
      <c r="L38" s="1171"/>
      <c r="M38" s="1171"/>
      <c r="N38" s="1171"/>
      <c r="O38" s="1171"/>
      <c r="P38" s="1171"/>
      <c r="Q38" s="1171"/>
      <c r="R38" s="1171"/>
      <c r="S38" s="1171"/>
      <c r="T38" s="1171"/>
      <c r="U38" s="1172"/>
      <c r="V38" s="460"/>
      <c r="W38" s="460"/>
      <c r="X38" s="460"/>
      <c r="Y38" s="460"/>
      <c r="Z38" s="526"/>
      <c r="AA38" s="291" t="s">
        <v>0</v>
      </c>
      <c r="AB38" s="178" t="s">
        <v>217</v>
      </c>
      <c r="AC38" s="338" t="s">
        <v>0</v>
      </c>
    </row>
    <row r="39" spans="2:29" s="8" customFormat="1" ht="18" customHeight="1" x14ac:dyDescent="0.15">
      <c r="B39" s="153"/>
      <c r="C39" s="1219"/>
      <c r="D39" s="1220"/>
      <c r="E39" s="1220"/>
      <c r="F39" s="1221"/>
      <c r="G39" s="525"/>
      <c r="H39" s="531" t="s">
        <v>277</v>
      </c>
      <c r="I39" s="1222" t="s">
        <v>1269</v>
      </c>
      <c r="J39" s="1223"/>
      <c r="K39" s="1223"/>
      <c r="L39" s="1223"/>
      <c r="M39" s="1223"/>
      <c r="N39" s="1223"/>
      <c r="O39" s="1223"/>
      <c r="P39" s="1223"/>
      <c r="Q39" s="1223"/>
      <c r="R39" s="1223"/>
      <c r="S39" s="1216"/>
      <c r="T39" s="1224"/>
      <c r="U39" s="486" t="s">
        <v>175</v>
      </c>
      <c r="V39" s="249" t="s">
        <v>275</v>
      </c>
      <c r="W39" s="1181" t="s">
        <v>1267</v>
      </c>
      <c r="X39" s="1181"/>
      <c r="Y39" s="1181"/>
      <c r="Z39" s="526"/>
      <c r="AA39" s="291" t="s">
        <v>0</v>
      </c>
      <c r="AB39" s="178" t="s">
        <v>217</v>
      </c>
      <c r="AC39" s="338" t="s">
        <v>0</v>
      </c>
    </row>
    <row r="40" spans="2:29" s="8" customFormat="1" ht="18" customHeight="1" x14ac:dyDescent="0.15">
      <c r="B40" s="153"/>
      <c r="C40" s="527"/>
      <c r="D40" s="460"/>
      <c r="E40" s="460"/>
      <c r="F40" s="459"/>
      <c r="G40" s="525"/>
      <c r="H40" s="198" t="s">
        <v>293</v>
      </c>
      <c r="I40" s="1170" t="s">
        <v>1268</v>
      </c>
      <c r="J40" s="1171"/>
      <c r="K40" s="1171"/>
      <c r="L40" s="1171"/>
      <c r="M40" s="1171"/>
      <c r="N40" s="1171"/>
      <c r="O40" s="1171"/>
      <c r="P40" s="1171"/>
      <c r="Q40" s="1171"/>
      <c r="R40" s="1172"/>
      <c r="S40" s="1032"/>
      <c r="T40" s="1066"/>
      <c r="U40" s="528" t="s">
        <v>175</v>
      </c>
      <c r="V40" s="249" t="s">
        <v>275</v>
      </c>
      <c r="W40" s="1181" t="s">
        <v>1267</v>
      </c>
      <c r="X40" s="1181"/>
      <c r="Y40" s="1181"/>
      <c r="Z40" s="526"/>
      <c r="AA40" s="291" t="s">
        <v>0</v>
      </c>
      <c r="AB40" s="178" t="s">
        <v>217</v>
      </c>
      <c r="AC40" s="338" t="s">
        <v>0</v>
      </c>
    </row>
    <row r="41" spans="2:29" s="8" customFormat="1" ht="10.5" customHeight="1" x14ac:dyDescent="0.15">
      <c r="B41" s="9"/>
      <c r="C41" s="524"/>
      <c r="D41" s="515"/>
      <c r="E41" s="515"/>
      <c r="F41" s="523"/>
      <c r="G41" s="524"/>
      <c r="H41" s="465"/>
      <c r="I41" s="469"/>
      <c r="J41" s="469"/>
      <c r="K41" s="469"/>
      <c r="L41" s="469"/>
      <c r="M41" s="469"/>
      <c r="N41" s="469"/>
      <c r="O41" s="469"/>
      <c r="P41" s="469"/>
      <c r="Q41" s="469"/>
      <c r="R41" s="469"/>
      <c r="S41" s="515"/>
      <c r="T41" s="515"/>
      <c r="U41" s="515"/>
      <c r="V41" s="515"/>
      <c r="W41" s="515"/>
      <c r="X41" s="515"/>
      <c r="Y41" s="515"/>
      <c r="Z41" s="523"/>
      <c r="AA41" s="524"/>
      <c r="AB41" s="515"/>
      <c r="AC41" s="523"/>
    </row>
    <row r="42" spans="2:29" s="8" customFormat="1" x14ac:dyDescent="0.15">
      <c r="B42" s="9"/>
      <c r="C42" s="522"/>
      <c r="D42" s="521"/>
      <c r="E42" s="521"/>
      <c r="F42" s="521"/>
      <c r="G42" s="521"/>
      <c r="H42" s="480"/>
      <c r="I42" s="530"/>
      <c r="J42" s="530"/>
      <c r="K42" s="530"/>
      <c r="L42" s="530"/>
      <c r="M42" s="530"/>
      <c r="N42" s="530"/>
      <c r="O42" s="530"/>
      <c r="P42" s="530"/>
      <c r="Q42" s="530"/>
      <c r="R42" s="530"/>
      <c r="S42" s="521"/>
      <c r="T42" s="521"/>
      <c r="U42" s="521"/>
      <c r="V42" s="521"/>
      <c r="W42" s="521"/>
      <c r="X42" s="521"/>
      <c r="Y42" s="521"/>
      <c r="Z42" s="521"/>
      <c r="AA42" s="361" t="s">
        <v>227</v>
      </c>
      <c r="AB42" s="278" t="s">
        <v>217</v>
      </c>
      <c r="AC42" s="360" t="s">
        <v>226</v>
      </c>
    </row>
    <row r="43" spans="2:29" s="8" customFormat="1" ht="19.5" customHeight="1" x14ac:dyDescent="0.15">
      <c r="B43" s="9"/>
      <c r="C43" s="1167" t="s">
        <v>1266</v>
      </c>
      <c r="D43" s="1168"/>
      <c r="E43" s="1168"/>
      <c r="F43" s="1168"/>
      <c r="G43" s="1168"/>
      <c r="H43" s="1168"/>
      <c r="I43" s="1168"/>
      <c r="J43" s="1168"/>
      <c r="K43" s="1168"/>
      <c r="L43" s="1168"/>
      <c r="M43" s="1168"/>
      <c r="N43" s="1168"/>
      <c r="O43" s="1168"/>
      <c r="P43" s="1168"/>
      <c r="Q43" s="1168"/>
      <c r="R43" s="1168"/>
      <c r="S43" s="1168"/>
      <c r="T43" s="1168"/>
      <c r="U43" s="1168"/>
      <c r="V43" s="1168"/>
      <c r="W43" s="1168"/>
      <c r="X43" s="1168"/>
      <c r="Y43" s="1168"/>
      <c r="Z43" s="1169"/>
      <c r="AA43" s="291" t="s">
        <v>0</v>
      </c>
      <c r="AB43" s="178" t="s">
        <v>217</v>
      </c>
      <c r="AC43" s="338" t="s">
        <v>0</v>
      </c>
    </row>
    <row r="44" spans="2:29" s="8" customFormat="1" ht="10.5" customHeight="1" x14ac:dyDescent="0.15">
      <c r="B44" s="9"/>
      <c r="C44" s="522"/>
      <c r="D44" s="521"/>
      <c r="E44" s="521"/>
      <c r="F44" s="521"/>
      <c r="G44" s="522"/>
      <c r="H44" s="521"/>
      <c r="I44" s="521"/>
      <c r="J44" s="521"/>
      <c r="K44" s="521"/>
      <c r="L44" s="521"/>
      <c r="M44" s="521"/>
      <c r="N44" s="521"/>
      <c r="O44" s="521"/>
      <c r="P44" s="521"/>
      <c r="Q44" s="521"/>
      <c r="R44" s="521"/>
      <c r="S44" s="521"/>
      <c r="T44" s="521"/>
      <c r="U44" s="521"/>
      <c r="V44" s="521"/>
      <c r="W44" s="521"/>
      <c r="X44" s="521"/>
      <c r="Y44" s="521"/>
      <c r="Z44" s="520"/>
      <c r="AA44" s="521"/>
      <c r="AB44" s="521"/>
      <c r="AC44" s="520"/>
    </row>
    <row r="45" spans="2:29" s="8" customFormat="1" ht="18" customHeight="1" x14ac:dyDescent="0.15">
      <c r="B45" s="153"/>
      <c r="C45" s="1219" t="s">
        <v>1265</v>
      </c>
      <c r="D45" s="1220"/>
      <c r="E45" s="1220"/>
      <c r="F45" s="1221"/>
      <c r="G45" s="323"/>
      <c r="H45" s="198" t="s">
        <v>279</v>
      </c>
      <c r="I45" s="1024" t="s">
        <v>1264</v>
      </c>
      <c r="J45" s="1025"/>
      <c r="K45" s="1025"/>
      <c r="L45" s="1025"/>
      <c r="M45" s="1025"/>
      <c r="N45" s="1025"/>
      <c r="O45" s="1025"/>
      <c r="P45" s="1025"/>
      <c r="Q45" s="1025"/>
      <c r="R45" s="1026"/>
      <c r="S45" s="1066"/>
      <c r="T45" s="1067"/>
      <c r="U45" s="528" t="s">
        <v>175</v>
      </c>
      <c r="V45" s="249"/>
      <c r="W45" s="249"/>
      <c r="X45" s="249"/>
      <c r="Y45" s="249"/>
      <c r="Z45" s="323"/>
      <c r="AA45" s="340" t="s">
        <v>227</v>
      </c>
      <c r="AB45" s="152" t="s">
        <v>217</v>
      </c>
      <c r="AC45" s="339" t="s">
        <v>226</v>
      </c>
    </row>
    <row r="46" spans="2:29" s="8" customFormat="1" ht="18" customHeight="1" x14ac:dyDescent="0.15">
      <c r="B46" s="153"/>
      <c r="C46" s="1219"/>
      <c r="D46" s="1220"/>
      <c r="E46" s="1220"/>
      <c r="F46" s="1221"/>
      <c r="G46" s="323"/>
      <c r="H46" s="198" t="s">
        <v>277</v>
      </c>
      <c r="I46" s="1024" t="s">
        <v>1263</v>
      </c>
      <c r="J46" s="1025"/>
      <c r="K46" s="1025"/>
      <c r="L46" s="1025"/>
      <c r="M46" s="1025"/>
      <c r="N46" s="1025"/>
      <c r="O46" s="1025"/>
      <c r="P46" s="1025"/>
      <c r="Q46" s="1025"/>
      <c r="R46" s="1026"/>
      <c r="S46" s="1066"/>
      <c r="T46" s="1067"/>
      <c r="U46" s="528" t="s">
        <v>175</v>
      </c>
      <c r="V46" s="323"/>
      <c r="W46" s="1225"/>
      <c r="X46" s="993"/>
      <c r="Y46" s="993"/>
      <c r="Z46" s="323"/>
      <c r="AA46" s="525"/>
      <c r="AB46" s="323"/>
      <c r="AC46" s="526"/>
    </row>
    <row r="47" spans="2:29" s="8" customFormat="1" ht="18" customHeight="1" x14ac:dyDescent="0.15">
      <c r="B47" s="153"/>
      <c r="C47" s="527"/>
      <c r="D47" s="460"/>
      <c r="E47" s="460"/>
      <c r="F47" s="459"/>
      <c r="G47" s="323"/>
      <c r="H47" s="198" t="s">
        <v>293</v>
      </c>
      <c r="I47" s="1024" t="s">
        <v>1207</v>
      </c>
      <c r="J47" s="1025"/>
      <c r="K47" s="1025"/>
      <c r="L47" s="1025"/>
      <c r="M47" s="1025"/>
      <c r="N47" s="1025"/>
      <c r="O47" s="1025"/>
      <c r="P47" s="1025"/>
      <c r="Q47" s="1025"/>
      <c r="R47" s="1026"/>
      <c r="S47" s="1066"/>
      <c r="T47" s="1067"/>
      <c r="U47" s="528" t="s">
        <v>339</v>
      </c>
      <c r="V47" s="323" t="s">
        <v>275</v>
      </c>
      <c r="W47" s="1218" t="s">
        <v>1262</v>
      </c>
      <c r="X47" s="1181"/>
      <c r="Y47" s="1181"/>
      <c r="Z47" s="323"/>
      <c r="AA47" s="291" t="s">
        <v>0</v>
      </c>
      <c r="AB47" s="178" t="s">
        <v>217</v>
      </c>
      <c r="AC47" s="338" t="s">
        <v>0</v>
      </c>
    </row>
    <row r="48" spans="2:29" s="8" customFormat="1" ht="18" customHeight="1" x14ac:dyDescent="0.15">
      <c r="B48" s="153"/>
      <c r="C48" s="527"/>
      <c r="D48" s="460"/>
      <c r="E48" s="460"/>
      <c r="F48" s="459"/>
      <c r="G48" s="323"/>
      <c r="H48" s="198" t="s">
        <v>513</v>
      </c>
      <c r="I48" s="1022" t="s">
        <v>1261</v>
      </c>
      <c r="J48" s="1023"/>
      <c r="K48" s="1023"/>
      <c r="L48" s="1023"/>
      <c r="M48" s="1023"/>
      <c r="N48" s="1023"/>
      <c r="O48" s="1023"/>
      <c r="P48" s="1023"/>
      <c r="Q48" s="1023"/>
      <c r="R48" s="1023"/>
      <c r="S48" s="1066"/>
      <c r="T48" s="1067"/>
      <c r="U48" s="528" t="s">
        <v>175</v>
      </c>
      <c r="V48" s="323"/>
      <c r="W48" s="529"/>
      <c r="X48" s="466"/>
      <c r="Y48" s="466"/>
      <c r="Z48" s="323"/>
      <c r="AA48" s="155"/>
      <c r="AB48" s="249"/>
      <c r="AC48" s="486"/>
    </row>
    <row r="49" spans="2:30" s="8" customFormat="1" ht="27" customHeight="1" x14ac:dyDescent="0.15">
      <c r="B49" s="153"/>
      <c r="C49" s="527"/>
      <c r="D49" s="460"/>
      <c r="E49" s="460"/>
      <c r="F49" s="459"/>
      <c r="G49" s="323"/>
      <c r="H49" s="198" t="s">
        <v>511</v>
      </c>
      <c r="I49" s="1022" t="s">
        <v>1260</v>
      </c>
      <c r="J49" s="1023"/>
      <c r="K49" s="1023"/>
      <c r="L49" s="1023"/>
      <c r="M49" s="1023"/>
      <c r="N49" s="1023"/>
      <c r="O49" s="1023"/>
      <c r="P49" s="1023"/>
      <c r="Q49" s="1023"/>
      <c r="R49" s="1023"/>
      <c r="S49" s="1066"/>
      <c r="T49" s="1067"/>
      <c r="U49" s="528" t="s">
        <v>175</v>
      </c>
      <c r="V49" s="249"/>
      <c r="W49" s="255"/>
      <c r="X49" s="255"/>
      <c r="Y49" s="255"/>
      <c r="Z49" s="323"/>
      <c r="AA49" s="525"/>
      <c r="AB49" s="323"/>
      <c r="AC49" s="526"/>
    </row>
    <row r="50" spans="2:30" s="8" customFormat="1" ht="18" customHeight="1" x14ac:dyDescent="0.15">
      <c r="B50" s="9"/>
      <c r="C50" s="525"/>
      <c r="D50" s="323"/>
      <c r="E50" s="323"/>
      <c r="F50" s="526"/>
      <c r="G50" s="323"/>
      <c r="H50" s="198" t="s">
        <v>509</v>
      </c>
      <c r="I50" s="1024" t="s">
        <v>1259</v>
      </c>
      <c r="J50" s="1025"/>
      <c r="K50" s="1025"/>
      <c r="L50" s="1025"/>
      <c r="M50" s="1025"/>
      <c r="N50" s="1025"/>
      <c r="O50" s="1025"/>
      <c r="P50" s="1025"/>
      <c r="Q50" s="1025"/>
      <c r="R50" s="1026"/>
      <c r="S50" s="1066"/>
      <c r="T50" s="1067"/>
      <c r="U50" s="528" t="s">
        <v>339</v>
      </c>
      <c r="V50" s="323" t="s">
        <v>275</v>
      </c>
      <c r="W50" s="1181" t="s">
        <v>1040</v>
      </c>
      <c r="X50" s="1181"/>
      <c r="Y50" s="1181"/>
      <c r="Z50" s="333"/>
      <c r="AA50" s="291" t="s">
        <v>0</v>
      </c>
      <c r="AB50" s="178" t="s">
        <v>217</v>
      </c>
      <c r="AC50" s="338" t="s">
        <v>0</v>
      </c>
    </row>
    <row r="51" spans="2:30" s="8" customFormat="1" x14ac:dyDescent="0.15">
      <c r="B51" s="9"/>
      <c r="C51" s="524"/>
      <c r="D51" s="515"/>
      <c r="E51" s="515"/>
      <c r="F51" s="523"/>
      <c r="G51" s="515"/>
      <c r="H51" s="515"/>
      <c r="I51" s="515"/>
      <c r="J51" s="515"/>
      <c r="K51" s="515"/>
      <c r="L51" s="515"/>
      <c r="M51" s="515"/>
      <c r="N51" s="515"/>
      <c r="O51" s="515"/>
      <c r="P51" s="515"/>
      <c r="Q51" s="515"/>
      <c r="R51" s="515"/>
      <c r="S51" s="515"/>
      <c r="T51" s="515"/>
      <c r="U51" s="515"/>
      <c r="V51" s="515"/>
      <c r="W51" s="515"/>
      <c r="X51" s="515"/>
      <c r="Y51" s="515"/>
      <c r="Z51" s="515"/>
      <c r="AA51" s="524"/>
      <c r="AB51" s="515"/>
      <c r="AC51" s="523"/>
    </row>
    <row r="52" spans="2:30" s="8" customFormat="1" ht="10.5" customHeight="1" x14ac:dyDescent="0.15">
      <c r="B52" s="9"/>
      <c r="C52" s="522"/>
      <c r="D52" s="521"/>
      <c r="E52" s="521"/>
      <c r="F52" s="521"/>
      <c r="G52" s="522"/>
      <c r="H52" s="521"/>
      <c r="I52" s="521"/>
      <c r="J52" s="521"/>
      <c r="K52" s="521"/>
      <c r="L52" s="521"/>
      <c r="M52" s="521"/>
      <c r="N52" s="521"/>
      <c r="O52" s="521"/>
      <c r="P52" s="521"/>
      <c r="Q52" s="521"/>
      <c r="R52" s="521"/>
      <c r="S52" s="521"/>
      <c r="T52" s="521"/>
      <c r="U52" s="521"/>
      <c r="V52" s="521"/>
      <c r="W52" s="521"/>
      <c r="X52" s="521"/>
      <c r="Y52" s="521"/>
      <c r="Z52" s="520"/>
      <c r="AA52" s="522"/>
      <c r="AB52" s="521"/>
      <c r="AC52" s="520"/>
    </row>
    <row r="53" spans="2:30" s="8" customFormat="1" ht="18" customHeight="1" x14ac:dyDescent="0.15">
      <c r="B53" s="153"/>
      <c r="C53" s="992" t="s">
        <v>1258</v>
      </c>
      <c r="D53" s="993"/>
      <c r="E53" s="993"/>
      <c r="F53" s="994"/>
      <c r="G53" s="525"/>
      <c r="H53" s="1066" t="s">
        <v>1257</v>
      </c>
      <c r="I53" s="1067"/>
      <c r="J53" s="1067"/>
      <c r="K53" s="1067"/>
      <c r="L53" s="1067"/>
      <c r="M53" s="1067"/>
      <c r="N53" s="1067"/>
      <c r="O53" s="1067"/>
      <c r="P53" s="1067"/>
      <c r="Q53" s="1067"/>
      <c r="R53" s="1067"/>
      <c r="S53" s="1067"/>
      <c r="T53" s="1067"/>
      <c r="U53" s="1067"/>
      <c r="V53" s="1067"/>
      <c r="W53" s="1068"/>
      <c r="X53" s="323"/>
      <c r="Y53" s="323"/>
      <c r="Z53" s="526"/>
      <c r="AA53" s="340" t="s">
        <v>227</v>
      </c>
      <c r="AB53" s="152" t="s">
        <v>217</v>
      </c>
      <c r="AC53" s="339" t="s">
        <v>226</v>
      </c>
    </row>
    <row r="54" spans="2:30" s="8" customFormat="1" ht="18" customHeight="1" x14ac:dyDescent="0.15">
      <c r="B54" s="153"/>
      <c r="C54" s="527"/>
      <c r="D54" s="460"/>
      <c r="E54" s="460"/>
      <c r="F54" s="459"/>
      <c r="G54" s="525"/>
      <c r="H54" s="1066"/>
      <c r="I54" s="1067"/>
      <c r="J54" s="1067"/>
      <c r="K54" s="1067"/>
      <c r="L54" s="1067"/>
      <c r="M54" s="1067"/>
      <c r="N54" s="1067"/>
      <c r="O54" s="1067"/>
      <c r="P54" s="1067"/>
      <c r="Q54" s="1067"/>
      <c r="R54" s="1067"/>
      <c r="S54" s="1067"/>
      <c r="T54" s="1067"/>
      <c r="U54" s="1067"/>
      <c r="V54" s="1067"/>
      <c r="W54" s="1068"/>
      <c r="X54" s="323"/>
      <c r="Y54" s="323"/>
      <c r="Z54" s="526"/>
      <c r="AA54" s="525"/>
      <c r="AB54" s="323"/>
      <c r="AC54" s="526"/>
    </row>
    <row r="55" spans="2:30" s="8" customFormat="1" ht="18" customHeight="1" x14ac:dyDescent="0.15">
      <c r="B55" s="9"/>
      <c r="C55" s="525"/>
      <c r="D55" s="323"/>
      <c r="E55" s="323"/>
      <c r="F55" s="526"/>
      <c r="G55" s="525"/>
      <c r="H55" s="1066"/>
      <c r="I55" s="1067"/>
      <c r="J55" s="1067"/>
      <c r="K55" s="1067"/>
      <c r="L55" s="1067"/>
      <c r="M55" s="1067"/>
      <c r="N55" s="1067"/>
      <c r="O55" s="1067"/>
      <c r="P55" s="1067"/>
      <c r="Q55" s="1067"/>
      <c r="R55" s="1067"/>
      <c r="S55" s="1067"/>
      <c r="T55" s="1067"/>
      <c r="U55" s="1067"/>
      <c r="V55" s="1067"/>
      <c r="W55" s="1068"/>
      <c r="X55" s="323"/>
      <c r="Y55" s="323"/>
      <c r="Z55" s="323"/>
      <c r="AA55" s="291" t="s">
        <v>0</v>
      </c>
      <c r="AB55" s="178" t="s">
        <v>217</v>
      </c>
      <c r="AC55" s="338" t="s">
        <v>0</v>
      </c>
    </row>
    <row r="56" spans="2:30" s="8" customFormat="1" ht="10.5" customHeight="1" x14ac:dyDescent="0.15">
      <c r="B56" s="9"/>
      <c r="C56" s="524"/>
      <c r="D56" s="515"/>
      <c r="E56" s="515"/>
      <c r="F56" s="523"/>
      <c r="G56" s="515"/>
      <c r="H56" s="465"/>
      <c r="I56" s="465"/>
      <c r="J56" s="465"/>
      <c r="K56" s="465"/>
      <c r="L56" s="465"/>
      <c r="M56" s="465"/>
      <c r="N56" s="465"/>
      <c r="O56" s="465"/>
      <c r="P56" s="465"/>
      <c r="Q56" s="465"/>
      <c r="R56" s="465"/>
      <c r="S56" s="465"/>
      <c r="T56" s="465"/>
      <c r="U56" s="465"/>
      <c r="V56" s="465"/>
      <c r="W56" s="465"/>
      <c r="X56" s="515"/>
      <c r="Y56" s="515"/>
      <c r="Z56" s="515"/>
      <c r="AA56" s="524"/>
      <c r="AB56" s="515"/>
      <c r="AC56" s="523"/>
    </row>
    <row r="57" spans="2:30" s="8" customFormat="1" ht="9.75" customHeight="1" x14ac:dyDescent="0.15">
      <c r="B57" s="9"/>
      <c r="C57" s="522"/>
      <c r="D57" s="521"/>
      <c r="E57" s="521"/>
      <c r="F57" s="520"/>
      <c r="G57" s="521"/>
      <c r="H57" s="480"/>
      <c r="I57" s="480"/>
      <c r="J57" s="480"/>
      <c r="K57" s="480"/>
      <c r="L57" s="480"/>
      <c r="M57" s="480"/>
      <c r="N57" s="480"/>
      <c r="O57" s="480"/>
      <c r="P57" s="480"/>
      <c r="Q57" s="480"/>
      <c r="R57" s="480"/>
      <c r="S57" s="480"/>
      <c r="T57" s="480"/>
      <c r="U57" s="480"/>
      <c r="V57" s="480"/>
      <c r="W57" s="480"/>
      <c r="X57" s="521"/>
      <c r="Y57" s="521"/>
      <c r="Z57" s="521"/>
      <c r="AA57" s="522"/>
      <c r="AB57" s="521"/>
      <c r="AC57" s="520"/>
    </row>
    <row r="58" spans="2:30" s="8" customFormat="1" ht="18" customHeight="1" x14ac:dyDescent="0.15">
      <c r="B58" s="9"/>
      <c r="C58" s="992" t="s">
        <v>1256</v>
      </c>
      <c r="D58" s="993"/>
      <c r="E58" s="993"/>
      <c r="F58" s="994"/>
      <c r="G58" s="323"/>
      <c r="H58" s="249"/>
      <c r="I58" s="249"/>
      <c r="J58" s="249"/>
      <c r="K58" s="249"/>
      <c r="L58" s="249"/>
      <c r="M58" s="249"/>
      <c r="N58" s="249"/>
      <c r="O58" s="249"/>
      <c r="P58" s="1214" t="s">
        <v>1126</v>
      </c>
      <c r="Q58" s="1215"/>
      <c r="R58" s="1214" t="s">
        <v>1125</v>
      </c>
      <c r="S58" s="1215"/>
      <c r="T58" s="1214" t="s">
        <v>1124</v>
      </c>
      <c r="U58" s="1215"/>
      <c r="V58" s="323"/>
      <c r="W58" s="323"/>
      <c r="X58" s="323"/>
      <c r="Y58" s="323"/>
      <c r="Z58" s="323"/>
      <c r="AA58" s="340" t="s">
        <v>227</v>
      </c>
      <c r="AB58" s="152" t="s">
        <v>217</v>
      </c>
      <c r="AC58" s="339" t="s">
        <v>226</v>
      </c>
    </row>
    <row r="59" spans="2:30" s="8" customFormat="1" ht="26.25" customHeight="1" x14ac:dyDescent="0.15">
      <c r="B59" s="461"/>
      <c r="C59" s="992"/>
      <c r="D59" s="993"/>
      <c r="E59" s="993"/>
      <c r="F59" s="994"/>
      <c r="G59" s="323"/>
      <c r="H59" s="1176" t="s">
        <v>279</v>
      </c>
      <c r="I59" s="1165" t="s">
        <v>1255</v>
      </c>
      <c r="J59" s="1165"/>
      <c r="K59" s="1165"/>
      <c r="L59" s="1165"/>
      <c r="M59" s="1165"/>
      <c r="N59" s="1165"/>
      <c r="O59" s="1166"/>
      <c r="P59" s="1066" t="s">
        <v>964</v>
      </c>
      <c r="Q59" s="1068"/>
      <c r="R59" s="1066" t="s">
        <v>964</v>
      </c>
      <c r="S59" s="1068"/>
      <c r="T59" s="1216" t="s">
        <v>964</v>
      </c>
      <c r="U59" s="1217"/>
      <c r="V59" s="1212" t="s">
        <v>275</v>
      </c>
      <c r="W59" s="1213" t="s">
        <v>1254</v>
      </c>
      <c r="X59" s="1213"/>
      <c r="Y59" s="1213"/>
      <c r="Z59" s="323"/>
      <c r="AA59" s="810" t="s">
        <v>0</v>
      </c>
      <c r="AB59" s="778" t="s">
        <v>217</v>
      </c>
      <c r="AC59" s="811" t="s">
        <v>0</v>
      </c>
    </row>
    <row r="60" spans="2:30" s="8" customFormat="1" ht="26.25" customHeight="1" x14ac:dyDescent="0.15">
      <c r="B60" s="461"/>
      <c r="C60" s="519"/>
      <c r="D60" s="333"/>
      <c r="E60" s="333"/>
      <c r="F60" s="518"/>
      <c r="G60" s="323"/>
      <c r="H60" s="1173"/>
      <c r="I60" s="1168"/>
      <c r="J60" s="1168"/>
      <c r="K60" s="1168"/>
      <c r="L60" s="1168"/>
      <c r="M60" s="1168"/>
      <c r="N60" s="1168"/>
      <c r="O60" s="1169"/>
      <c r="P60" s="192" t="s">
        <v>0</v>
      </c>
      <c r="Q60" s="363" t="s">
        <v>0</v>
      </c>
      <c r="R60" s="192" t="s">
        <v>0</v>
      </c>
      <c r="S60" s="363" t="s">
        <v>0</v>
      </c>
      <c r="T60" s="192" t="s">
        <v>0</v>
      </c>
      <c r="U60" s="363" t="s">
        <v>0</v>
      </c>
      <c r="V60" s="1212"/>
      <c r="W60" s="1213"/>
      <c r="X60" s="1213"/>
      <c r="Y60" s="1213"/>
      <c r="Z60" s="323"/>
      <c r="AA60" s="810"/>
      <c r="AB60" s="778"/>
      <c r="AC60" s="811"/>
    </row>
    <row r="61" spans="2:30" s="8" customFormat="1" ht="10.5" customHeight="1" x14ac:dyDescent="0.15">
      <c r="B61" s="517"/>
      <c r="C61" s="464"/>
      <c r="D61" s="464"/>
      <c r="E61" s="464"/>
      <c r="F61" s="516"/>
      <c r="G61" s="514"/>
      <c r="H61" s="465"/>
      <c r="I61" s="514"/>
      <c r="J61" s="514"/>
      <c r="K61" s="514"/>
      <c r="L61" s="514"/>
      <c r="M61" s="514"/>
      <c r="N61" s="514"/>
      <c r="O61" s="514"/>
      <c r="P61" s="514"/>
      <c r="Q61" s="514"/>
      <c r="R61" s="514"/>
      <c r="S61" s="515"/>
      <c r="T61" s="515"/>
      <c r="U61" s="465"/>
      <c r="V61" s="514"/>
      <c r="W61" s="514"/>
      <c r="X61" s="514"/>
      <c r="Y61" s="514"/>
      <c r="Z61" s="514"/>
      <c r="AA61" s="513"/>
      <c r="AB61" s="465"/>
      <c r="AC61" s="512"/>
    </row>
    <row r="62" spans="2:30" ht="8.25" customHeight="1" x14ac:dyDescent="0.15"/>
    <row r="63" spans="2:30" ht="42.75" customHeight="1" x14ac:dyDescent="0.15">
      <c r="B63" s="946" t="s">
        <v>1253</v>
      </c>
      <c r="C63" s="946"/>
      <c r="D63" s="946"/>
      <c r="E63" s="946"/>
      <c r="F63" s="946"/>
      <c r="G63" s="946"/>
      <c r="H63" s="946"/>
      <c r="I63" s="946"/>
      <c r="J63" s="946"/>
      <c r="K63" s="946"/>
      <c r="L63" s="946"/>
      <c r="M63" s="946"/>
      <c r="N63" s="946"/>
      <c r="O63" s="946"/>
      <c r="P63" s="946"/>
      <c r="Q63" s="946"/>
      <c r="R63" s="946"/>
      <c r="S63" s="946"/>
      <c r="T63" s="946"/>
      <c r="U63" s="946"/>
      <c r="V63" s="946"/>
      <c r="W63" s="946"/>
      <c r="X63" s="946"/>
      <c r="Y63" s="946"/>
      <c r="Z63" s="946"/>
      <c r="AA63" s="946"/>
      <c r="AB63" s="946"/>
      <c r="AC63" s="946"/>
      <c r="AD63" s="511"/>
    </row>
    <row r="64" spans="2:30" ht="19.5" customHeight="1" x14ac:dyDescent="0.15">
      <c r="B64" s="946" t="s">
        <v>1252</v>
      </c>
      <c r="C64" s="946"/>
      <c r="D64" s="946"/>
      <c r="E64" s="946"/>
      <c r="F64" s="946"/>
      <c r="G64" s="946"/>
      <c r="H64" s="946"/>
      <c r="I64" s="946"/>
      <c r="J64" s="946"/>
      <c r="K64" s="946"/>
      <c r="L64" s="946"/>
      <c r="M64" s="946"/>
      <c r="N64" s="946"/>
      <c r="O64" s="946"/>
      <c r="P64" s="946"/>
      <c r="Q64" s="946"/>
      <c r="R64" s="946"/>
      <c r="S64" s="946"/>
      <c r="T64" s="946"/>
      <c r="U64" s="946"/>
      <c r="V64" s="946"/>
      <c r="W64" s="946"/>
      <c r="X64" s="946"/>
      <c r="Y64" s="946"/>
      <c r="Z64" s="946"/>
      <c r="AA64" s="946"/>
      <c r="AB64" s="946"/>
      <c r="AC64" s="946"/>
      <c r="AD64" s="511"/>
    </row>
    <row r="65" spans="2:29" ht="42" customHeight="1" x14ac:dyDescent="0.15">
      <c r="B65" s="946" t="s">
        <v>1251</v>
      </c>
      <c r="C65" s="946"/>
      <c r="D65" s="946"/>
      <c r="E65" s="946"/>
      <c r="F65" s="946"/>
      <c r="G65" s="946"/>
      <c r="H65" s="946"/>
      <c r="I65" s="946"/>
      <c r="J65" s="946"/>
      <c r="K65" s="946"/>
      <c r="L65" s="946"/>
      <c r="M65" s="946"/>
      <c r="N65" s="946"/>
      <c r="O65" s="946"/>
      <c r="P65" s="946"/>
      <c r="Q65" s="946"/>
      <c r="R65" s="946"/>
      <c r="S65" s="946"/>
      <c r="T65" s="946"/>
      <c r="U65" s="946"/>
      <c r="V65" s="946"/>
      <c r="W65" s="946"/>
      <c r="X65" s="946"/>
      <c r="Y65" s="946"/>
      <c r="Z65" s="946"/>
      <c r="AA65" s="946"/>
      <c r="AB65" s="946"/>
      <c r="AC65" s="946"/>
    </row>
    <row r="66" spans="2:29" ht="31.5" customHeight="1" x14ac:dyDescent="0.15">
      <c r="B66" s="946" t="s">
        <v>1250</v>
      </c>
      <c r="C66" s="946"/>
      <c r="D66" s="946"/>
      <c r="E66" s="946"/>
      <c r="F66" s="946"/>
      <c r="G66" s="946"/>
      <c r="H66" s="946"/>
      <c r="I66" s="946"/>
      <c r="J66" s="946"/>
      <c r="K66" s="946"/>
      <c r="L66" s="946"/>
      <c r="M66" s="946"/>
      <c r="N66" s="946"/>
      <c r="O66" s="946"/>
      <c r="P66" s="946"/>
      <c r="Q66" s="946"/>
      <c r="R66" s="946"/>
      <c r="S66" s="946"/>
      <c r="T66" s="946"/>
      <c r="U66" s="946"/>
      <c r="V66" s="946"/>
      <c r="W66" s="946"/>
      <c r="X66" s="946"/>
      <c r="Y66" s="946"/>
      <c r="Z66" s="946"/>
      <c r="AA66" s="946"/>
      <c r="AB66" s="946"/>
      <c r="AC66" s="946"/>
    </row>
    <row r="121" spans="3:7" x14ac:dyDescent="0.15">
      <c r="C121" s="5"/>
      <c r="D121" s="5"/>
      <c r="E121" s="5"/>
      <c r="F121" s="5"/>
      <c r="G121" s="5"/>
    </row>
    <row r="122" spans="3:7" x14ac:dyDescent="0.15">
      <c r="C122" s="4"/>
    </row>
  </sheetData>
  <mergeCells count="95">
    <mergeCell ref="C13:F13"/>
    <mergeCell ref="I13:U13"/>
    <mergeCell ref="B5:AC5"/>
    <mergeCell ref="B7:F7"/>
    <mergeCell ref="G7:AC7"/>
    <mergeCell ref="B8:F8"/>
    <mergeCell ref="B9:F9"/>
    <mergeCell ref="I14:R14"/>
    <mergeCell ref="S14:T14"/>
    <mergeCell ref="W14:Y14"/>
    <mergeCell ref="I15:R15"/>
    <mergeCell ref="S15:T15"/>
    <mergeCell ref="W15:Y15"/>
    <mergeCell ref="I23:R23"/>
    <mergeCell ref="S23:T23"/>
    <mergeCell ref="W23:Y23"/>
    <mergeCell ref="C18:F19"/>
    <mergeCell ref="I18:R18"/>
    <mergeCell ref="S18:T18"/>
    <mergeCell ref="I19:R19"/>
    <mergeCell ref="S19:T19"/>
    <mergeCell ref="W19:Y19"/>
    <mergeCell ref="I20:R20"/>
    <mergeCell ref="S20:T20"/>
    <mergeCell ref="W20:Y20"/>
    <mergeCell ref="I21:R21"/>
    <mergeCell ref="S21:T21"/>
    <mergeCell ref="I22:R22"/>
    <mergeCell ref="S22:T22"/>
    <mergeCell ref="AA32:AA33"/>
    <mergeCell ref="AB32:AB33"/>
    <mergeCell ref="AC32:AC33"/>
    <mergeCell ref="H27:W27"/>
    <mergeCell ref="C26:F26"/>
    <mergeCell ref="H26:W26"/>
    <mergeCell ref="H28:W28"/>
    <mergeCell ref="C31:F32"/>
    <mergeCell ref="P31:Q31"/>
    <mergeCell ref="R31:S31"/>
    <mergeCell ref="T31:U31"/>
    <mergeCell ref="H32:H33"/>
    <mergeCell ref="P32:Q32"/>
    <mergeCell ref="R32:S32"/>
    <mergeCell ref="T32:U32"/>
    <mergeCell ref="V32:V33"/>
    <mergeCell ref="C39:F39"/>
    <mergeCell ref="I39:R39"/>
    <mergeCell ref="S39:T39"/>
    <mergeCell ref="W39:Y39"/>
    <mergeCell ref="I32:O33"/>
    <mergeCell ref="C38:F38"/>
    <mergeCell ref="I38:U38"/>
    <mergeCell ref="W32:Y33"/>
    <mergeCell ref="I40:R40"/>
    <mergeCell ref="S40:T40"/>
    <mergeCell ref="W40:Y40"/>
    <mergeCell ref="C43:Z43"/>
    <mergeCell ref="C45:F46"/>
    <mergeCell ref="I45:R45"/>
    <mergeCell ref="S45:T45"/>
    <mergeCell ref="I46:R46"/>
    <mergeCell ref="S46:T46"/>
    <mergeCell ref="W46:Y46"/>
    <mergeCell ref="I49:R49"/>
    <mergeCell ref="S49:T49"/>
    <mergeCell ref="I50:R50"/>
    <mergeCell ref="S50:T50"/>
    <mergeCell ref="W50:Y50"/>
    <mergeCell ref="I47:R47"/>
    <mergeCell ref="S47:T47"/>
    <mergeCell ref="W47:Y47"/>
    <mergeCell ref="I48:R48"/>
    <mergeCell ref="S48:T48"/>
    <mergeCell ref="C53:F53"/>
    <mergeCell ref="H53:W53"/>
    <mergeCell ref="H55:W55"/>
    <mergeCell ref="C58:F59"/>
    <mergeCell ref="P58:Q58"/>
    <mergeCell ref="R58:S58"/>
    <mergeCell ref="T58:U58"/>
    <mergeCell ref="H59:H60"/>
    <mergeCell ref="I59:O60"/>
    <mergeCell ref="P59:Q59"/>
    <mergeCell ref="T59:U59"/>
    <mergeCell ref="H54:W54"/>
    <mergeCell ref="B64:AC64"/>
    <mergeCell ref="B65:AC65"/>
    <mergeCell ref="B66:AC66"/>
    <mergeCell ref="V59:V60"/>
    <mergeCell ref="W59:Y60"/>
    <mergeCell ref="AA59:AA60"/>
    <mergeCell ref="AB59:AB60"/>
    <mergeCell ref="AC59:AC60"/>
    <mergeCell ref="B63:AC63"/>
    <mergeCell ref="R59:S59"/>
  </mergeCells>
  <phoneticPr fontId="2"/>
  <dataValidations count="1">
    <dataValidation type="list" allowBlank="1" showInputMessage="1" showErrorMessage="1" sqref="G8:G9 L8 Q8:Q9 AA13:AA15 AC13:AC15 AA20 AC20 AA23 AC23 AA28 AC28 AA38:AA40 AC38:AC40 AA43 AC43 AA47 AC47 AA50 AC50 AA55 AC55 AA32:AA33 AC32:AC33 P33:U33 P60:U60 AA59:AA60 AC59:AC60">
      <formula1>"□,■"</formula1>
    </dataValidation>
  </dataValidations>
  <pageMargins left="0.7" right="0.7" top="0.75" bottom="0.75" header="0.3" footer="0.3"/>
  <pageSetup paperSize="9" scale="67" orientation="portrait" r:id="rId1"/>
</worksheet>
</file>

<file path=xl/worksheets/sheet4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AF123"/>
  <sheetViews>
    <sheetView zoomScaleNormal="100" zoomScaleSheetLayoutView="70" workbookViewId="0">
      <selection activeCell="C87" sqref="C87"/>
    </sheetView>
  </sheetViews>
  <sheetFormatPr defaultColWidth="3.5" defaultRowHeight="13.5" x14ac:dyDescent="0.15"/>
  <cols>
    <col min="1" max="1" width="1.25" style="3" customWidth="1"/>
    <col min="2" max="2" width="3" style="140" customWidth="1"/>
    <col min="3" max="6" width="3.5" style="3" customWidth="1"/>
    <col min="7" max="7" width="1.5" style="3" customWidth="1"/>
    <col min="8" max="8" width="3.5" style="3" customWidth="1"/>
    <col min="9" max="23" width="3.5" style="3"/>
    <col min="24" max="29" width="4" style="3" customWidth="1"/>
    <col min="30" max="32" width="3.25" style="3" customWidth="1"/>
    <col min="33" max="33" width="1.5" style="3" customWidth="1"/>
    <col min="34" max="34" width="3.625" style="3" customWidth="1"/>
    <col min="35" max="16384" width="3.5" style="3"/>
  </cols>
  <sheetData>
    <row r="1" spans="2:32" s="8" customFormat="1" x14ac:dyDescent="0.15"/>
    <row r="2" spans="2:32" s="8" customFormat="1" x14ac:dyDescent="0.15">
      <c r="B2" s="8" t="s">
        <v>1316</v>
      </c>
    </row>
    <row r="3" spans="2:32" s="8" customFormat="1" x14ac:dyDescent="0.15">
      <c r="W3" s="17" t="s">
        <v>12</v>
      </c>
      <c r="X3" s="18"/>
      <c r="Y3" s="18" t="s">
        <v>11</v>
      </c>
      <c r="Z3" s="18"/>
      <c r="AA3" s="18" t="s">
        <v>21</v>
      </c>
      <c r="AB3" s="18"/>
      <c r="AC3" s="18" t="s">
        <v>20</v>
      </c>
    </row>
    <row r="4" spans="2:32" s="8" customFormat="1" x14ac:dyDescent="0.15">
      <c r="AC4" s="17"/>
    </row>
    <row r="5" spans="2:32" s="8" customFormat="1" ht="47.25" customHeight="1" x14ac:dyDescent="0.15">
      <c r="B5" s="807" t="s">
        <v>1315</v>
      </c>
      <c r="C5" s="807"/>
      <c r="D5" s="807"/>
      <c r="E5" s="807"/>
      <c r="F5" s="807"/>
      <c r="G5" s="807"/>
      <c r="H5" s="807"/>
      <c r="I5" s="807"/>
      <c r="J5" s="807"/>
      <c r="K5" s="807"/>
      <c r="L5" s="807"/>
      <c r="M5" s="807"/>
      <c r="N5" s="807"/>
      <c r="O5" s="807"/>
      <c r="P5" s="807"/>
      <c r="Q5" s="807"/>
      <c r="R5" s="807"/>
      <c r="S5" s="807"/>
      <c r="T5" s="807"/>
      <c r="U5" s="807"/>
      <c r="V5" s="807"/>
      <c r="W5" s="807"/>
      <c r="X5" s="807"/>
      <c r="Y5" s="807"/>
      <c r="Z5" s="807"/>
      <c r="AA5" s="807"/>
      <c r="AB5" s="807"/>
      <c r="AC5" s="807"/>
      <c r="AD5" s="807"/>
      <c r="AE5" s="807"/>
      <c r="AF5" s="807"/>
    </row>
    <row r="6" spans="2:32" s="8" customFormat="1" x14ac:dyDescent="0.15"/>
    <row r="7" spans="2:32" s="8" customFormat="1" ht="39" customHeight="1" x14ac:dyDescent="0.15">
      <c r="B7" s="790" t="s">
        <v>576</v>
      </c>
      <c r="C7" s="790"/>
      <c r="D7" s="790"/>
      <c r="E7" s="790"/>
      <c r="F7" s="790"/>
      <c r="G7" s="780"/>
      <c r="H7" s="781"/>
      <c r="I7" s="781"/>
      <c r="J7" s="781"/>
      <c r="K7" s="781"/>
      <c r="L7" s="781"/>
      <c r="M7" s="781"/>
      <c r="N7" s="781"/>
      <c r="O7" s="781"/>
      <c r="P7" s="781"/>
      <c r="Q7" s="781"/>
      <c r="R7" s="781"/>
      <c r="S7" s="781"/>
      <c r="T7" s="781"/>
      <c r="U7" s="781"/>
      <c r="V7" s="781"/>
      <c r="W7" s="781"/>
      <c r="X7" s="781"/>
      <c r="Y7" s="781"/>
      <c r="Z7" s="781"/>
      <c r="AA7" s="781"/>
      <c r="AB7" s="781"/>
      <c r="AC7" s="781"/>
      <c r="AD7" s="781"/>
      <c r="AE7" s="781"/>
      <c r="AF7" s="782"/>
    </row>
    <row r="8" spans="2:32" ht="39" customHeight="1" x14ac:dyDescent="0.15">
      <c r="B8" s="780" t="s">
        <v>575</v>
      </c>
      <c r="C8" s="781"/>
      <c r="D8" s="781"/>
      <c r="E8" s="781"/>
      <c r="F8" s="782"/>
      <c r="G8" s="247"/>
      <c r="H8" s="179" t="s">
        <v>0</v>
      </c>
      <c r="I8" s="168" t="s">
        <v>242</v>
      </c>
      <c r="J8" s="168"/>
      <c r="K8" s="168"/>
      <c r="L8" s="168"/>
      <c r="M8" s="179" t="s">
        <v>0</v>
      </c>
      <c r="N8" s="168" t="s">
        <v>241</v>
      </c>
      <c r="O8" s="168"/>
      <c r="P8" s="168"/>
      <c r="Q8" s="168"/>
      <c r="R8" s="179" t="s">
        <v>0</v>
      </c>
      <c r="S8" s="168" t="s">
        <v>240</v>
      </c>
      <c r="T8" s="168"/>
      <c r="U8" s="168"/>
      <c r="V8" s="168"/>
      <c r="W8" s="168"/>
      <c r="X8" s="168"/>
      <c r="Y8" s="168"/>
      <c r="Z8" s="168"/>
      <c r="AA8" s="168"/>
      <c r="AB8" s="168"/>
      <c r="AC8" s="168"/>
      <c r="AD8" s="242"/>
      <c r="AE8" s="242"/>
      <c r="AF8" s="7"/>
    </row>
    <row r="9" spans="2:32" ht="27" customHeight="1" x14ac:dyDescent="0.15">
      <c r="B9" s="783" t="s">
        <v>1314</v>
      </c>
      <c r="C9" s="784"/>
      <c r="D9" s="784"/>
      <c r="E9" s="784"/>
      <c r="F9" s="785"/>
      <c r="G9" s="279"/>
      <c r="H9" s="178" t="s">
        <v>0</v>
      </c>
      <c r="I9" s="166" t="s">
        <v>1313</v>
      </c>
      <c r="J9" s="166"/>
      <c r="K9" s="166"/>
      <c r="L9" s="166"/>
      <c r="M9" s="166"/>
      <c r="N9" s="166"/>
      <c r="O9" s="166"/>
      <c r="P9" s="166"/>
      <c r="Q9" s="166"/>
      <c r="R9" s="166"/>
      <c r="S9" s="166"/>
      <c r="T9" s="166"/>
      <c r="U9" s="166"/>
      <c r="V9" s="166"/>
      <c r="W9" s="166"/>
      <c r="X9" s="166"/>
      <c r="Y9" s="166"/>
      <c r="Z9" s="166"/>
      <c r="AA9" s="166"/>
      <c r="AB9" s="166"/>
      <c r="AC9" s="166"/>
      <c r="AD9" s="4"/>
      <c r="AE9" s="4"/>
      <c r="AF9" s="82"/>
    </row>
    <row r="10" spans="2:32" ht="27" customHeight="1" x14ac:dyDescent="0.15">
      <c r="B10" s="786"/>
      <c r="C10" s="787"/>
      <c r="D10" s="787"/>
      <c r="E10" s="787"/>
      <c r="F10" s="788"/>
      <c r="G10" s="288"/>
      <c r="H10" s="178" t="s">
        <v>0</v>
      </c>
      <c r="I10" s="162" t="s">
        <v>1312</v>
      </c>
      <c r="J10" s="162"/>
      <c r="K10" s="162"/>
      <c r="L10" s="162"/>
      <c r="M10" s="162"/>
      <c r="N10" s="162"/>
      <c r="O10" s="162"/>
      <c r="P10" s="162"/>
      <c r="Q10" s="162"/>
      <c r="R10" s="162"/>
      <c r="S10" s="162"/>
      <c r="T10" s="162"/>
      <c r="U10" s="162"/>
      <c r="V10" s="162"/>
      <c r="W10" s="162"/>
      <c r="X10" s="162"/>
      <c r="Y10" s="162"/>
      <c r="Z10" s="162"/>
      <c r="AA10" s="162"/>
      <c r="AB10" s="162"/>
      <c r="AC10" s="162"/>
      <c r="AD10" s="5"/>
      <c r="AE10" s="5"/>
      <c r="AF10" s="73"/>
    </row>
    <row r="11" spans="2:32" ht="39" customHeight="1" x14ac:dyDescent="0.15">
      <c r="B11" s="780" t="s">
        <v>1311</v>
      </c>
      <c r="C11" s="781"/>
      <c r="D11" s="781"/>
      <c r="E11" s="781"/>
      <c r="F11" s="782"/>
      <c r="G11" s="543"/>
      <c r="H11" s="179" t="s">
        <v>0</v>
      </c>
      <c r="I11" s="168" t="s">
        <v>1310</v>
      </c>
      <c r="J11" s="542"/>
      <c r="K11" s="542"/>
      <c r="L11" s="542"/>
      <c r="M11" s="542"/>
      <c r="N11" s="542"/>
      <c r="O11" s="542"/>
      <c r="P11" s="542"/>
      <c r="Q11" s="542"/>
      <c r="R11" s="179" t="s">
        <v>0</v>
      </c>
      <c r="S11" s="168" t="s">
        <v>1309</v>
      </c>
      <c r="T11" s="542"/>
      <c r="U11" s="542"/>
      <c r="V11" s="542"/>
      <c r="W11" s="542"/>
      <c r="X11" s="542"/>
      <c r="Y11" s="542"/>
      <c r="Z11" s="542"/>
      <c r="AA11" s="542"/>
      <c r="AB11" s="542"/>
      <c r="AC11" s="542"/>
      <c r="AD11" s="5"/>
      <c r="AE11" s="5"/>
      <c r="AF11" s="73"/>
    </row>
    <row r="12" spans="2:32" ht="22.5" customHeight="1" x14ac:dyDescent="0.15">
      <c r="B12" s="18"/>
      <c r="C12" s="18"/>
      <c r="D12" s="18"/>
      <c r="E12" s="18"/>
      <c r="F12" s="18"/>
      <c r="G12" s="541"/>
      <c r="H12" s="541"/>
      <c r="I12" s="541"/>
      <c r="J12" s="541"/>
      <c r="K12" s="541"/>
      <c r="L12" s="541"/>
      <c r="M12" s="541"/>
      <c r="N12" s="541"/>
      <c r="O12" s="541"/>
      <c r="P12" s="541"/>
      <c r="Q12" s="541"/>
      <c r="R12" s="541"/>
      <c r="S12" s="541"/>
      <c r="T12" s="541"/>
      <c r="U12" s="541"/>
      <c r="V12" s="541"/>
      <c r="W12" s="541"/>
      <c r="X12" s="541"/>
      <c r="Y12" s="541"/>
      <c r="Z12" s="541"/>
      <c r="AA12" s="541"/>
      <c r="AB12" s="541"/>
      <c r="AC12" s="541"/>
    </row>
    <row r="13" spans="2:32" ht="32.25" customHeight="1" x14ac:dyDescent="0.15">
      <c r="B13" s="158" t="s">
        <v>1308</v>
      </c>
      <c r="C13" s="194"/>
      <c r="D13" s="194"/>
      <c r="E13" s="194"/>
      <c r="F13" s="193"/>
      <c r="G13" s="539"/>
      <c r="H13" s="539"/>
      <c r="I13" s="539"/>
      <c r="J13" s="539"/>
      <c r="K13" s="539"/>
      <c r="L13" s="539"/>
      <c r="M13" s="539"/>
      <c r="N13" s="539"/>
      <c r="O13" s="539"/>
      <c r="P13" s="539"/>
      <c r="Q13" s="539"/>
      <c r="R13" s="539"/>
      <c r="S13" s="539"/>
      <c r="T13" s="539"/>
      <c r="U13" s="539"/>
      <c r="V13" s="539"/>
      <c r="W13" s="539"/>
      <c r="X13" s="539"/>
      <c r="Y13" s="539"/>
      <c r="Z13" s="539"/>
      <c r="AA13" s="539"/>
      <c r="AB13" s="539"/>
      <c r="AC13" s="539"/>
      <c r="AD13" s="539"/>
      <c r="AE13" s="539"/>
      <c r="AF13" s="538"/>
    </row>
    <row r="14" spans="2:32" s="8" customFormat="1" ht="10.5" customHeight="1" x14ac:dyDescent="0.15">
      <c r="B14" s="9"/>
      <c r="C14" s="937" t="s">
        <v>1302</v>
      </c>
      <c r="D14" s="938"/>
      <c r="E14" s="938"/>
      <c r="F14" s="939"/>
      <c r="G14" s="157"/>
      <c r="H14" s="157"/>
      <c r="I14" s="157"/>
      <c r="J14" s="157"/>
      <c r="K14" s="157"/>
      <c r="L14" s="157"/>
      <c r="M14" s="157"/>
      <c r="N14" s="157"/>
      <c r="O14" s="157"/>
      <c r="P14" s="157"/>
      <c r="Q14" s="157"/>
      <c r="R14" s="157"/>
      <c r="S14" s="157"/>
      <c r="T14" s="157"/>
      <c r="U14" s="157"/>
      <c r="V14" s="157"/>
      <c r="W14" s="157"/>
      <c r="X14" s="157"/>
      <c r="Y14" s="157"/>
      <c r="Z14" s="157"/>
      <c r="AA14" s="157"/>
      <c r="AB14" s="157"/>
      <c r="AC14" s="157"/>
      <c r="AD14" s="158"/>
      <c r="AE14" s="157"/>
      <c r="AF14" s="156"/>
    </row>
    <row r="15" spans="2:32" s="8" customFormat="1" ht="15.75" customHeight="1" x14ac:dyDescent="0.15">
      <c r="B15" s="9"/>
      <c r="C15" s="822"/>
      <c r="D15" s="789"/>
      <c r="E15" s="789"/>
      <c r="F15" s="805"/>
      <c r="H15" s="1168" t="s">
        <v>1301</v>
      </c>
      <c r="I15" s="1168"/>
      <c r="J15" s="1168"/>
      <c r="K15" s="1168"/>
      <c r="L15" s="1168"/>
      <c r="M15" s="1168"/>
      <c r="N15" s="1168"/>
      <c r="O15" s="1168"/>
      <c r="P15" s="1168"/>
      <c r="Q15" s="1168"/>
      <c r="R15" s="1168"/>
      <c r="S15" s="1168"/>
      <c r="T15" s="1168"/>
      <c r="U15" s="1168"/>
      <c r="V15" s="511"/>
      <c r="W15" s="511"/>
      <c r="X15" s="511"/>
      <c r="Y15" s="511"/>
      <c r="AD15" s="9"/>
      <c r="AF15" s="149"/>
    </row>
    <row r="16" spans="2:32" s="8" customFormat="1" ht="40.5" customHeight="1" x14ac:dyDescent="0.15">
      <c r="B16" s="153"/>
      <c r="C16" s="822"/>
      <c r="D16" s="789"/>
      <c r="E16" s="789"/>
      <c r="F16" s="805"/>
      <c r="H16" s="198" t="s">
        <v>279</v>
      </c>
      <c r="I16" s="1170" t="s">
        <v>1300</v>
      </c>
      <c r="J16" s="1171"/>
      <c r="K16" s="1171"/>
      <c r="L16" s="1171"/>
      <c r="M16" s="1171"/>
      <c r="N16" s="1171"/>
      <c r="O16" s="1171"/>
      <c r="P16" s="1171"/>
      <c r="Q16" s="1171"/>
      <c r="R16" s="1171"/>
      <c r="S16" s="1171"/>
      <c r="T16" s="1171"/>
      <c r="U16" s="1172"/>
      <c r="V16" s="780"/>
      <c r="W16" s="781"/>
      <c r="X16" s="176" t="s">
        <v>175</v>
      </c>
      <c r="Z16" s="333"/>
      <c r="AA16" s="333"/>
      <c r="AB16" s="333"/>
      <c r="AD16" s="340" t="s">
        <v>227</v>
      </c>
      <c r="AE16" s="152" t="s">
        <v>217</v>
      </c>
      <c r="AF16" s="339" t="s">
        <v>226</v>
      </c>
    </row>
    <row r="17" spans="2:32" s="8" customFormat="1" ht="17.25" customHeight="1" x14ac:dyDescent="0.15">
      <c r="B17" s="153"/>
      <c r="C17" s="822"/>
      <c r="D17" s="789"/>
      <c r="E17" s="789"/>
      <c r="F17" s="805"/>
      <c r="H17" s="491"/>
      <c r="I17" s="537"/>
      <c r="J17" s="537"/>
      <c r="K17" s="537"/>
      <c r="L17" s="537"/>
      <c r="M17" s="537"/>
      <c r="N17" s="537"/>
      <c r="O17" s="537"/>
      <c r="P17" s="537"/>
      <c r="Q17" s="537"/>
      <c r="R17" s="537"/>
      <c r="S17" s="537"/>
      <c r="T17" s="537"/>
      <c r="U17" s="537"/>
      <c r="V17" s="177"/>
      <c r="W17" s="177"/>
      <c r="X17" s="177"/>
      <c r="Z17" s="333"/>
      <c r="AA17" s="333"/>
      <c r="AB17" s="333"/>
      <c r="AD17" s="340"/>
      <c r="AE17" s="152"/>
      <c r="AF17" s="339"/>
    </row>
    <row r="18" spans="2:32" s="8" customFormat="1" ht="40.5" customHeight="1" x14ac:dyDescent="0.15">
      <c r="B18" s="153"/>
      <c r="C18" s="822"/>
      <c r="D18" s="789"/>
      <c r="E18" s="789"/>
      <c r="F18" s="805"/>
      <c r="H18" s="198" t="s">
        <v>277</v>
      </c>
      <c r="I18" s="1170" t="s">
        <v>1299</v>
      </c>
      <c r="J18" s="1171"/>
      <c r="K18" s="1171"/>
      <c r="L18" s="1171"/>
      <c r="M18" s="1171"/>
      <c r="N18" s="1171"/>
      <c r="O18" s="1171"/>
      <c r="P18" s="1171"/>
      <c r="Q18" s="1171"/>
      <c r="R18" s="1171"/>
      <c r="S18" s="1171"/>
      <c r="T18" s="1171"/>
      <c r="U18" s="1172"/>
      <c r="V18" s="780"/>
      <c r="W18" s="781"/>
      <c r="X18" s="176" t="s">
        <v>175</v>
      </c>
      <c r="Y18" s="8" t="s">
        <v>275</v>
      </c>
      <c r="Z18" s="993" t="s">
        <v>1307</v>
      </c>
      <c r="AA18" s="993"/>
      <c r="AB18" s="993"/>
      <c r="AD18" s="291" t="s">
        <v>0</v>
      </c>
      <c r="AE18" s="178" t="s">
        <v>217</v>
      </c>
      <c r="AF18" s="338" t="s">
        <v>0</v>
      </c>
    </row>
    <row r="19" spans="2:32" s="8" customFormat="1" ht="20.25" customHeight="1" x14ac:dyDescent="0.15">
      <c r="B19" s="153"/>
      <c r="C19" s="822"/>
      <c r="D19" s="789"/>
      <c r="E19" s="789"/>
      <c r="F19" s="805"/>
      <c r="H19" s="18" t="s">
        <v>1306</v>
      </c>
      <c r="I19" s="334"/>
      <c r="J19" s="334"/>
      <c r="K19" s="334"/>
      <c r="L19" s="334"/>
      <c r="M19" s="334"/>
      <c r="N19" s="334"/>
      <c r="O19" s="334"/>
      <c r="P19" s="334"/>
      <c r="Q19" s="334"/>
      <c r="R19" s="334"/>
      <c r="S19" s="18"/>
      <c r="T19" s="18"/>
      <c r="U19" s="18"/>
      <c r="W19" s="333"/>
      <c r="X19" s="333"/>
      <c r="Y19" s="333"/>
      <c r="AD19" s="291"/>
      <c r="AE19" s="178"/>
      <c r="AF19" s="338"/>
    </row>
    <row r="20" spans="2:32" s="8" customFormat="1" ht="69.75" customHeight="1" x14ac:dyDescent="0.15">
      <c r="B20" s="153"/>
      <c r="C20" s="822"/>
      <c r="D20" s="789"/>
      <c r="E20" s="789"/>
      <c r="F20" s="805"/>
      <c r="H20" s="198" t="s">
        <v>293</v>
      </c>
      <c r="I20" s="1170" t="s">
        <v>1297</v>
      </c>
      <c r="J20" s="1171"/>
      <c r="K20" s="1171"/>
      <c r="L20" s="1171"/>
      <c r="M20" s="1171"/>
      <c r="N20" s="1171"/>
      <c r="O20" s="1171"/>
      <c r="P20" s="1171"/>
      <c r="Q20" s="1171"/>
      <c r="R20" s="1171"/>
      <c r="S20" s="1171"/>
      <c r="T20" s="1171"/>
      <c r="U20" s="1172"/>
      <c r="V20" s="780"/>
      <c r="W20" s="781"/>
      <c r="X20" s="176" t="s">
        <v>175</v>
      </c>
      <c r="Y20" s="8" t="s">
        <v>275</v>
      </c>
      <c r="Z20" s="993" t="s">
        <v>1305</v>
      </c>
      <c r="AA20" s="993"/>
      <c r="AB20" s="993"/>
      <c r="AD20" s="291" t="s">
        <v>0</v>
      </c>
      <c r="AE20" s="178" t="s">
        <v>217</v>
      </c>
      <c r="AF20" s="338" t="s">
        <v>0</v>
      </c>
    </row>
    <row r="21" spans="2:32" s="8" customFormat="1" ht="15" customHeight="1" x14ac:dyDescent="0.15">
      <c r="B21" s="153"/>
      <c r="C21" s="822"/>
      <c r="D21" s="789"/>
      <c r="E21" s="789"/>
      <c r="F21" s="805"/>
      <c r="H21" s="249"/>
      <c r="I21" s="334"/>
      <c r="J21" s="334"/>
      <c r="K21" s="334"/>
      <c r="L21" s="334"/>
      <c r="M21" s="334"/>
      <c r="N21" s="334"/>
      <c r="O21" s="334"/>
      <c r="P21" s="334"/>
      <c r="Q21" s="334"/>
      <c r="R21" s="334"/>
      <c r="S21" s="18"/>
      <c r="T21" s="18"/>
      <c r="U21" s="18"/>
      <c r="W21" s="333"/>
      <c r="X21" s="333"/>
      <c r="Y21" s="333"/>
      <c r="AD21" s="291"/>
      <c r="AE21" s="178"/>
      <c r="AF21" s="338"/>
    </row>
    <row r="22" spans="2:32" s="8" customFormat="1" x14ac:dyDescent="0.15">
      <c r="B22" s="153"/>
      <c r="C22" s="822"/>
      <c r="D22" s="789"/>
      <c r="E22" s="789"/>
      <c r="F22" s="805"/>
      <c r="H22" s="515" t="s">
        <v>896</v>
      </c>
      <c r="I22" s="334"/>
      <c r="J22" s="334"/>
      <c r="K22" s="334"/>
      <c r="L22" s="334"/>
      <c r="M22" s="334"/>
      <c r="N22" s="334"/>
      <c r="O22" s="334"/>
      <c r="P22" s="334"/>
      <c r="Q22" s="334"/>
      <c r="R22" s="334"/>
      <c r="U22" s="18"/>
      <c r="W22" s="333"/>
      <c r="X22" s="333"/>
      <c r="Y22" s="333"/>
      <c r="AD22" s="340" t="s">
        <v>227</v>
      </c>
      <c r="AE22" s="152" t="s">
        <v>217</v>
      </c>
      <c r="AF22" s="339" t="s">
        <v>226</v>
      </c>
    </row>
    <row r="23" spans="2:32" s="8" customFormat="1" ht="21" customHeight="1" x14ac:dyDescent="0.15">
      <c r="B23" s="153"/>
      <c r="C23" s="822"/>
      <c r="D23" s="789"/>
      <c r="E23" s="789"/>
      <c r="F23" s="805"/>
      <c r="G23" s="189"/>
      <c r="H23" s="528" t="s">
        <v>513</v>
      </c>
      <c r="I23" s="1200" t="s">
        <v>1295</v>
      </c>
      <c r="J23" s="1201"/>
      <c r="K23" s="1201"/>
      <c r="L23" s="1201"/>
      <c r="M23" s="1201"/>
      <c r="N23" s="1201"/>
      <c r="O23" s="1201"/>
      <c r="P23" s="1201"/>
      <c r="Q23" s="1201"/>
      <c r="R23" s="1201"/>
      <c r="S23" s="1201"/>
      <c r="T23" s="1201"/>
      <c r="U23" s="1201"/>
      <c r="V23" s="1201"/>
      <c r="W23" s="1201"/>
      <c r="X23" s="1202"/>
      <c r="Y23" s="333"/>
      <c r="AD23" s="291" t="s">
        <v>0</v>
      </c>
      <c r="AE23" s="178" t="s">
        <v>217</v>
      </c>
      <c r="AF23" s="338" t="s">
        <v>0</v>
      </c>
    </row>
    <row r="24" spans="2:32" s="8" customFormat="1" x14ac:dyDescent="0.15">
      <c r="B24" s="153"/>
      <c r="C24" s="822"/>
      <c r="D24" s="789"/>
      <c r="E24" s="789"/>
      <c r="F24" s="805"/>
      <c r="H24" s="323" t="s">
        <v>1304</v>
      </c>
      <c r="I24" s="334"/>
      <c r="J24" s="334"/>
      <c r="K24" s="334"/>
      <c r="L24" s="334"/>
      <c r="M24" s="334"/>
      <c r="N24" s="334"/>
      <c r="O24" s="334"/>
      <c r="P24" s="334"/>
      <c r="Q24" s="334"/>
      <c r="R24" s="334"/>
      <c r="U24" s="18"/>
      <c r="W24" s="333"/>
      <c r="X24" s="333"/>
      <c r="Y24" s="333"/>
      <c r="AD24" s="155"/>
      <c r="AE24" s="249"/>
      <c r="AF24" s="486"/>
    </row>
    <row r="25" spans="2:32" s="8" customFormat="1" x14ac:dyDescent="0.15">
      <c r="B25" s="153"/>
      <c r="C25" s="822"/>
      <c r="D25" s="789"/>
      <c r="E25" s="789"/>
      <c r="F25" s="805"/>
      <c r="H25" s="249"/>
      <c r="I25" s="334"/>
      <c r="J25" s="334"/>
      <c r="K25" s="334"/>
      <c r="L25" s="334"/>
      <c r="M25" s="334"/>
      <c r="N25" s="334"/>
      <c r="O25" s="334"/>
      <c r="P25" s="334"/>
      <c r="Q25" s="334"/>
      <c r="R25" s="334"/>
      <c r="U25" s="18"/>
      <c r="W25" s="333"/>
      <c r="X25" s="333"/>
      <c r="Y25" s="333"/>
      <c r="AD25" s="155"/>
      <c r="AE25" s="249"/>
      <c r="AF25" s="486"/>
    </row>
    <row r="26" spans="2:32" s="8" customFormat="1" ht="14.25" customHeight="1" x14ac:dyDescent="0.15">
      <c r="B26" s="153"/>
      <c r="C26" s="822"/>
      <c r="D26" s="789"/>
      <c r="E26" s="789"/>
      <c r="F26" s="805"/>
      <c r="H26" s="323" t="s">
        <v>1293</v>
      </c>
      <c r="I26" s="334"/>
      <c r="J26" s="334"/>
      <c r="K26" s="334"/>
      <c r="L26" s="334"/>
      <c r="M26" s="334"/>
      <c r="N26" s="334"/>
      <c r="O26" s="334"/>
      <c r="P26" s="334"/>
      <c r="Q26" s="334"/>
      <c r="R26" s="334"/>
      <c r="U26" s="18"/>
      <c r="W26" s="333"/>
      <c r="X26" s="333"/>
      <c r="Y26" s="333"/>
      <c r="AD26" s="340" t="s">
        <v>227</v>
      </c>
      <c r="AE26" s="152" t="s">
        <v>217</v>
      </c>
      <c r="AF26" s="339" t="s">
        <v>226</v>
      </c>
    </row>
    <row r="27" spans="2:32" s="8" customFormat="1" ht="58.5" customHeight="1" x14ac:dyDescent="0.15">
      <c r="B27" s="153"/>
      <c r="C27" s="822"/>
      <c r="D27" s="789"/>
      <c r="E27" s="789"/>
      <c r="F27" s="805"/>
      <c r="H27" s="198" t="s">
        <v>511</v>
      </c>
      <c r="I27" s="533" t="s">
        <v>1292</v>
      </c>
      <c r="J27" s="533"/>
      <c r="K27" s="533"/>
      <c r="L27" s="534"/>
      <c r="M27" s="533" t="s">
        <v>1291</v>
      </c>
      <c r="N27" s="532"/>
      <c r="O27" s="532"/>
      <c r="P27" s="1211"/>
      <c r="Q27" s="1211"/>
      <c r="R27" s="1211"/>
      <c r="S27" s="1211"/>
      <c r="T27" s="1211"/>
      <c r="U27" s="1211"/>
      <c r="V27" s="1211"/>
      <c r="W27" s="1211"/>
      <c r="X27" s="176" t="s">
        <v>175</v>
      </c>
      <c r="Y27" s="8" t="s">
        <v>275</v>
      </c>
      <c r="Z27" s="993" t="s">
        <v>1290</v>
      </c>
      <c r="AA27" s="993"/>
      <c r="AB27" s="993"/>
      <c r="AD27" s="291" t="s">
        <v>0</v>
      </c>
      <c r="AE27" s="178" t="s">
        <v>217</v>
      </c>
      <c r="AF27" s="338" t="s">
        <v>0</v>
      </c>
    </row>
    <row r="28" spans="2:32" s="8" customFormat="1" ht="17.25" customHeight="1" x14ac:dyDescent="0.15">
      <c r="B28" s="153"/>
      <c r="C28" s="822"/>
      <c r="D28" s="789"/>
      <c r="E28" s="789"/>
      <c r="F28" s="805"/>
      <c r="H28" s="249"/>
      <c r="I28" s="255"/>
      <c r="J28" s="255"/>
      <c r="K28" s="255"/>
      <c r="L28" s="255"/>
      <c r="M28" s="255"/>
      <c r="N28" s="460"/>
      <c r="O28" s="460"/>
      <c r="P28" s="466"/>
      <c r="Q28" s="466"/>
      <c r="R28" s="466"/>
      <c r="S28" s="466"/>
      <c r="T28" s="466"/>
      <c r="U28" s="466"/>
      <c r="V28" s="466"/>
      <c r="W28" s="466"/>
      <c r="X28" s="18"/>
      <c r="Z28" s="333"/>
      <c r="AA28" s="333"/>
      <c r="AB28" s="333"/>
      <c r="AD28" s="291"/>
      <c r="AE28" s="178"/>
      <c r="AF28" s="338"/>
    </row>
    <row r="29" spans="2:32" s="8" customFormat="1" ht="14.25" customHeight="1" x14ac:dyDescent="0.15">
      <c r="B29" s="153"/>
      <c r="C29" s="822"/>
      <c r="D29" s="789"/>
      <c r="E29" s="789"/>
      <c r="F29" s="805"/>
      <c r="H29" s="323" t="s">
        <v>1289</v>
      </c>
      <c r="I29" s="334"/>
      <c r="J29" s="334"/>
      <c r="K29" s="334"/>
      <c r="L29" s="334"/>
      <c r="M29" s="334"/>
      <c r="N29" s="334"/>
      <c r="O29" s="334"/>
      <c r="P29" s="334"/>
      <c r="Q29" s="334"/>
      <c r="R29" s="334"/>
      <c r="U29" s="18"/>
      <c r="W29" s="333"/>
      <c r="X29" s="333"/>
      <c r="Y29" s="333"/>
      <c r="AD29" s="340" t="s">
        <v>227</v>
      </c>
      <c r="AE29" s="152" t="s">
        <v>217</v>
      </c>
      <c r="AF29" s="339" t="s">
        <v>226</v>
      </c>
    </row>
    <row r="30" spans="2:32" s="8" customFormat="1" ht="15" customHeight="1" x14ac:dyDescent="0.15">
      <c r="B30" s="153"/>
      <c r="C30" s="822"/>
      <c r="D30" s="789"/>
      <c r="E30" s="789"/>
      <c r="F30" s="805"/>
      <c r="H30" s="188" t="s">
        <v>509</v>
      </c>
      <c r="I30" s="1226" t="s">
        <v>1288</v>
      </c>
      <c r="J30" s="1227"/>
      <c r="K30" s="1227"/>
      <c r="L30" s="1227"/>
      <c r="M30" s="1227"/>
      <c r="N30" s="1227"/>
      <c r="O30" s="1227"/>
      <c r="P30" s="1227"/>
      <c r="Q30" s="1227"/>
      <c r="R30" s="1227"/>
      <c r="S30" s="1227"/>
      <c r="T30" s="1227"/>
      <c r="U30" s="1227"/>
      <c r="V30" s="1227"/>
      <c r="W30" s="1227"/>
      <c r="X30" s="1228"/>
      <c r="Z30" s="333"/>
      <c r="AA30" s="333"/>
      <c r="AB30" s="333"/>
      <c r="AD30" s="291" t="s">
        <v>0</v>
      </c>
      <c r="AE30" s="178" t="s">
        <v>217</v>
      </c>
      <c r="AF30" s="338" t="s">
        <v>0</v>
      </c>
    </row>
    <row r="31" spans="2:32" s="8" customFormat="1" x14ac:dyDescent="0.15">
      <c r="B31" s="540"/>
      <c r="C31" s="779"/>
      <c r="D31" s="779"/>
      <c r="E31" s="779"/>
      <c r="F31" s="941"/>
      <c r="G31" s="172"/>
      <c r="H31" s="172"/>
      <c r="I31" s="172"/>
      <c r="J31" s="172"/>
      <c r="K31" s="172"/>
      <c r="L31" s="172"/>
      <c r="M31" s="172"/>
      <c r="N31" s="172"/>
      <c r="O31" s="172"/>
      <c r="P31" s="172"/>
      <c r="Q31" s="172"/>
      <c r="R31" s="172"/>
      <c r="S31" s="172"/>
      <c r="T31" s="172"/>
      <c r="U31" s="172"/>
      <c r="V31" s="172"/>
      <c r="W31" s="172"/>
      <c r="X31" s="172"/>
      <c r="Y31" s="172"/>
      <c r="Z31" s="172"/>
      <c r="AA31" s="172"/>
      <c r="AB31" s="172"/>
      <c r="AC31" s="172"/>
      <c r="AD31" s="173"/>
      <c r="AE31" s="172"/>
      <c r="AF31" s="171"/>
    </row>
    <row r="32" spans="2:32" ht="32.25" customHeight="1" x14ac:dyDescent="0.15">
      <c r="B32" s="9" t="s">
        <v>1303</v>
      </c>
      <c r="C32" s="194"/>
      <c r="D32" s="194"/>
      <c r="E32" s="194"/>
      <c r="F32" s="193"/>
      <c r="G32" s="539"/>
      <c r="H32" s="539"/>
      <c r="I32" s="539"/>
      <c r="J32" s="539"/>
      <c r="K32" s="539"/>
      <c r="L32" s="539"/>
      <c r="M32" s="539"/>
      <c r="N32" s="539"/>
      <c r="O32" s="539"/>
      <c r="P32" s="539"/>
      <c r="Q32" s="539"/>
      <c r="R32" s="539"/>
      <c r="S32" s="539"/>
      <c r="T32" s="539"/>
      <c r="U32" s="539"/>
      <c r="V32" s="539"/>
      <c r="W32" s="539"/>
      <c r="X32" s="539"/>
      <c r="Y32" s="539"/>
      <c r="Z32" s="539"/>
      <c r="AA32" s="539"/>
      <c r="AB32" s="539"/>
      <c r="AC32" s="539"/>
      <c r="AD32" s="539"/>
      <c r="AE32" s="539"/>
      <c r="AF32" s="538"/>
    </row>
    <row r="33" spans="2:32" s="8" customFormat="1" ht="10.5" customHeight="1" x14ac:dyDescent="0.15">
      <c r="B33" s="9"/>
      <c r="C33" s="937" t="s">
        <v>1302</v>
      </c>
      <c r="D33" s="938"/>
      <c r="E33" s="938"/>
      <c r="F33" s="939"/>
      <c r="G33" s="157"/>
      <c r="H33" s="157"/>
      <c r="I33" s="157"/>
      <c r="J33" s="157"/>
      <c r="K33" s="157"/>
      <c r="L33" s="157"/>
      <c r="M33" s="157"/>
      <c r="N33" s="157"/>
      <c r="O33" s="157"/>
      <c r="P33" s="157"/>
      <c r="Q33" s="157"/>
      <c r="R33" s="157"/>
      <c r="S33" s="157"/>
      <c r="T33" s="157"/>
      <c r="U33" s="157"/>
      <c r="V33" s="157"/>
      <c r="W33" s="157"/>
      <c r="X33" s="157"/>
      <c r="Y33" s="157"/>
      <c r="Z33" s="157"/>
      <c r="AA33" s="157"/>
      <c r="AB33" s="157"/>
      <c r="AC33" s="157"/>
      <c r="AD33" s="158"/>
      <c r="AE33" s="157"/>
      <c r="AF33" s="156"/>
    </row>
    <row r="34" spans="2:32" s="8" customFormat="1" ht="15.75" customHeight="1" x14ac:dyDescent="0.15">
      <c r="B34" s="9"/>
      <c r="C34" s="822"/>
      <c r="D34" s="789"/>
      <c r="E34" s="789"/>
      <c r="F34" s="805"/>
      <c r="H34" s="1168" t="s">
        <v>1301</v>
      </c>
      <c r="I34" s="1168"/>
      <c r="J34" s="1168"/>
      <c r="K34" s="1168"/>
      <c r="L34" s="1168"/>
      <c r="M34" s="1168"/>
      <c r="N34" s="1168"/>
      <c r="O34" s="1168"/>
      <c r="P34" s="1168"/>
      <c r="Q34" s="1168"/>
      <c r="R34" s="1168"/>
      <c r="S34" s="1168"/>
      <c r="T34" s="1168"/>
      <c r="U34" s="1168"/>
      <c r="V34" s="511"/>
      <c r="W34" s="511"/>
      <c r="X34" s="511"/>
      <c r="Y34" s="511"/>
      <c r="AD34" s="9"/>
      <c r="AF34" s="149"/>
    </row>
    <row r="35" spans="2:32" s="8" customFormat="1" ht="40.5" customHeight="1" x14ac:dyDescent="0.15">
      <c r="B35" s="153"/>
      <c r="C35" s="822"/>
      <c r="D35" s="789"/>
      <c r="E35" s="789"/>
      <c r="F35" s="805"/>
      <c r="H35" s="198" t="s">
        <v>279</v>
      </c>
      <c r="I35" s="1170" t="s">
        <v>1300</v>
      </c>
      <c r="J35" s="1171"/>
      <c r="K35" s="1171"/>
      <c r="L35" s="1171"/>
      <c r="M35" s="1171"/>
      <c r="N35" s="1171"/>
      <c r="O35" s="1171"/>
      <c r="P35" s="1171"/>
      <c r="Q35" s="1171"/>
      <c r="R35" s="1171"/>
      <c r="S35" s="1171"/>
      <c r="T35" s="1171"/>
      <c r="U35" s="1172"/>
      <c r="V35" s="780"/>
      <c r="W35" s="781"/>
      <c r="X35" s="176" t="s">
        <v>175</v>
      </c>
      <c r="Z35" s="333"/>
      <c r="AA35" s="333"/>
      <c r="AB35" s="333"/>
      <c r="AD35" s="340" t="s">
        <v>227</v>
      </c>
      <c r="AE35" s="152" t="s">
        <v>217</v>
      </c>
      <c r="AF35" s="339" t="s">
        <v>226</v>
      </c>
    </row>
    <row r="36" spans="2:32" s="8" customFormat="1" ht="16.5" customHeight="1" x14ac:dyDescent="0.15">
      <c r="B36" s="153"/>
      <c r="C36" s="822"/>
      <c r="D36" s="789"/>
      <c r="E36" s="789"/>
      <c r="F36" s="805"/>
      <c r="H36" s="491"/>
      <c r="I36" s="537"/>
      <c r="J36" s="537"/>
      <c r="K36" s="537"/>
      <c r="L36" s="537"/>
      <c r="M36" s="537"/>
      <c r="N36" s="537"/>
      <c r="O36" s="537"/>
      <c r="P36" s="537"/>
      <c r="Q36" s="537"/>
      <c r="R36" s="537"/>
      <c r="S36" s="537"/>
      <c r="T36" s="537"/>
      <c r="U36" s="537"/>
      <c r="V36" s="177"/>
      <c r="W36" s="177"/>
      <c r="X36" s="177"/>
      <c r="Z36" s="333"/>
      <c r="AA36" s="333"/>
      <c r="AB36" s="333"/>
      <c r="AD36" s="340"/>
      <c r="AE36" s="152"/>
      <c r="AF36" s="339"/>
    </row>
    <row r="37" spans="2:32" s="8" customFormat="1" ht="40.5" customHeight="1" x14ac:dyDescent="0.15">
      <c r="B37" s="153"/>
      <c r="C37" s="822"/>
      <c r="D37" s="789"/>
      <c r="E37" s="789"/>
      <c r="F37" s="805"/>
      <c r="H37" s="198" t="s">
        <v>277</v>
      </c>
      <c r="I37" s="1170" t="s">
        <v>1299</v>
      </c>
      <c r="J37" s="1171"/>
      <c r="K37" s="1171"/>
      <c r="L37" s="1171"/>
      <c r="M37" s="1171"/>
      <c r="N37" s="1171"/>
      <c r="O37" s="1171"/>
      <c r="P37" s="1171"/>
      <c r="Q37" s="1171"/>
      <c r="R37" s="1171"/>
      <c r="S37" s="1171"/>
      <c r="T37" s="1171"/>
      <c r="U37" s="1172"/>
      <c r="V37" s="780"/>
      <c r="W37" s="781"/>
      <c r="X37" s="176" t="s">
        <v>175</v>
      </c>
      <c r="Y37" s="8" t="s">
        <v>275</v>
      </c>
      <c r="Z37" s="993" t="s">
        <v>1298</v>
      </c>
      <c r="AA37" s="993"/>
      <c r="AB37" s="993"/>
      <c r="AD37" s="291" t="s">
        <v>0</v>
      </c>
      <c r="AE37" s="178" t="s">
        <v>217</v>
      </c>
      <c r="AF37" s="338" t="s">
        <v>0</v>
      </c>
    </row>
    <row r="38" spans="2:32" s="8" customFormat="1" ht="20.25" customHeight="1" x14ac:dyDescent="0.15">
      <c r="B38" s="536"/>
      <c r="C38" s="779"/>
      <c r="D38" s="779"/>
      <c r="E38" s="779"/>
      <c r="F38" s="779"/>
      <c r="G38" s="9"/>
      <c r="H38" s="143" t="s">
        <v>550</v>
      </c>
      <c r="I38" s="535"/>
      <c r="J38" s="535"/>
      <c r="K38" s="535"/>
      <c r="L38" s="535"/>
      <c r="M38" s="535"/>
      <c r="N38" s="535"/>
      <c r="O38" s="535"/>
      <c r="P38" s="535"/>
      <c r="Q38" s="535"/>
      <c r="R38" s="535"/>
      <c r="S38" s="143"/>
      <c r="T38" s="143"/>
      <c r="U38" s="143"/>
      <c r="V38" s="172"/>
      <c r="W38" s="464"/>
      <c r="X38" s="464"/>
      <c r="Y38" s="333"/>
      <c r="AD38" s="291"/>
      <c r="AE38" s="178"/>
      <c r="AF38" s="338"/>
    </row>
    <row r="39" spans="2:32" s="8" customFormat="1" ht="74.25" customHeight="1" x14ac:dyDescent="0.15">
      <c r="B39" s="153"/>
      <c r="C39" s="937"/>
      <c r="D39" s="789"/>
      <c r="E39" s="789"/>
      <c r="F39" s="805"/>
      <c r="H39" s="531" t="s">
        <v>293</v>
      </c>
      <c r="I39" s="1167" t="s">
        <v>1297</v>
      </c>
      <c r="J39" s="1168"/>
      <c r="K39" s="1168"/>
      <c r="L39" s="1168"/>
      <c r="M39" s="1168"/>
      <c r="N39" s="1168"/>
      <c r="O39" s="1168"/>
      <c r="P39" s="1168"/>
      <c r="Q39" s="1168"/>
      <c r="R39" s="1168"/>
      <c r="S39" s="1168"/>
      <c r="T39" s="1168"/>
      <c r="U39" s="1169"/>
      <c r="V39" s="786"/>
      <c r="W39" s="787"/>
      <c r="X39" s="170" t="s">
        <v>175</v>
      </c>
      <c r="Y39" s="8" t="s">
        <v>275</v>
      </c>
      <c r="Z39" s="993" t="s">
        <v>1296</v>
      </c>
      <c r="AA39" s="993"/>
      <c r="AB39" s="993"/>
      <c r="AD39" s="291" t="s">
        <v>0</v>
      </c>
      <c r="AE39" s="178" t="s">
        <v>217</v>
      </c>
      <c r="AF39" s="338" t="s">
        <v>0</v>
      </c>
    </row>
    <row r="40" spans="2:32" s="8" customFormat="1" ht="15" customHeight="1" x14ac:dyDescent="0.15">
      <c r="B40" s="153"/>
      <c r="C40" s="822"/>
      <c r="D40" s="789"/>
      <c r="E40" s="789"/>
      <c r="F40" s="805"/>
      <c r="H40" s="249"/>
      <c r="I40" s="334"/>
      <c r="J40" s="334"/>
      <c r="K40" s="334"/>
      <c r="L40" s="334"/>
      <c r="M40" s="334"/>
      <c r="N40" s="334"/>
      <c r="O40" s="334"/>
      <c r="P40" s="334"/>
      <c r="Q40" s="334"/>
      <c r="R40" s="334"/>
      <c r="S40" s="18"/>
      <c r="T40" s="18"/>
      <c r="U40" s="18"/>
      <c r="W40" s="333"/>
      <c r="X40" s="333"/>
      <c r="Y40" s="333"/>
      <c r="AD40" s="291"/>
      <c r="AE40" s="178"/>
      <c r="AF40" s="338"/>
    </row>
    <row r="41" spans="2:32" s="8" customFormat="1" x14ac:dyDescent="0.15">
      <c r="B41" s="153"/>
      <c r="C41" s="822"/>
      <c r="D41" s="789"/>
      <c r="E41" s="789"/>
      <c r="F41" s="805"/>
      <c r="H41" s="323" t="s">
        <v>896</v>
      </c>
      <c r="I41" s="334"/>
      <c r="J41" s="334"/>
      <c r="K41" s="334"/>
      <c r="L41" s="334"/>
      <c r="M41" s="334"/>
      <c r="N41" s="334"/>
      <c r="O41" s="334"/>
      <c r="P41" s="334"/>
      <c r="Q41" s="334"/>
      <c r="R41" s="334"/>
      <c r="U41" s="18"/>
      <c r="W41" s="333"/>
      <c r="X41" s="333"/>
      <c r="Y41" s="333"/>
      <c r="AD41" s="340" t="s">
        <v>227</v>
      </c>
      <c r="AE41" s="152" t="s">
        <v>217</v>
      </c>
      <c r="AF41" s="339" t="s">
        <v>226</v>
      </c>
    </row>
    <row r="42" spans="2:32" s="8" customFormat="1" ht="21.75" customHeight="1" x14ac:dyDescent="0.15">
      <c r="B42" s="153"/>
      <c r="C42" s="822"/>
      <c r="D42" s="789"/>
      <c r="E42" s="789"/>
      <c r="F42" s="805"/>
      <c r="H42" s="198" t="s">
        <v>513</v>
      </c>
      <c r="I42" s="1200" t="s">
        <v>1295</v>
      </c>
      <c r="J42" s="1201"/>
      <c r="K42" s="1201"/>
      <c r="L42" s="1201"/>
      <c r="M42" s="1201"/>
      <c r="N42" s="1201"/>
      <c r="O42" s="1201"/>
      <c r="P42" s="1201"/>
      <c r="Q42" s="1201"/>
      <c r="R42" s="1201"/>
      <c r="S42" s="1201"/>
      <c r="T42" s="1201"/>
      <c r="U42" s="1201"/>
      <c r="V42" s="1201"/>
      <c r="W42" s="1201"/>
      <c r="X42" s="1202"/>
      <c r="Y42" s="333"/>
      <c r="AD42" s="291" t="s">
        <v>0</v>
      </c>
      <c r="AE42" s="178" t="s">
        <v>217</v>
      </c>
      <c r="AF42" s="338" t="s">
        <v>0</v>
      </c>
    </row>
    <row r="43" spans="2:32" s="8" customFormat="1" x14ac:dyDescent="0.15">
      <c r="B43" s="153"/>
      <c r="C43" s="822"/>
      <c r="D43" s="789"/>
      <c r="E43" s="789"/>
      <c r="F43" s="805"/>
      <c r="H43" s="526" t="s">
        <v>1294</v>
      </c>
      <c r="I43" s="334"/>
      <c r="J43" s="334"/>
      <c r="K43" s="334"/>
      <c r="L43" s="334"/>
      <c r="M43" s="334"/>
      <c r="N43" s="334"/>
      <c r="O43" s="334"/>
      <c r="P43" s="334"/>
      <c r="Q43" s="334"/>
      <c r="R43" s="334"/>
      <c r="U43" s="18"/>
      <c r="W43" s="333"/>
      <c r="X43" s="333"/>
      <c r="Y43" s="333"/>
      <c r="AD43" s="155"/>
      <c r="AE43" s="249"/>
      <c r="AF43" s="486"/>
    </row>
    <row r="44" spans="2:32" s="8" customFormat="1" x14ac:dyDescent="0.15">
      <c r="B44" s="153"/>
      <c r="C44" s="822"/>
      <c r="D44" s="789"/>
      <c r="E44" s="789"/>
      <c r="F44" s="805"/>
      <c r="H44" s="249"/>
      <c r="I44" s="334"/>
      <c r="J44" s="334"/>
      <c r="K44" s="334"/>
      <c r="L44" s="334"/>
      <c r="M44" s="334"/>
      <c r="N44" s="334"/>
      <c r="O44" s="334"/>
      <c r="P44" s="334"/>
      <c r="Q44" s="334"/>
      <c r="R44" s="334"/>
      <c r="U44" s="18"/>
      <c r="W44" s="333"/>
      <c r="X44" s="333"/>
      <c r="Y44" s="333"/>
      <c r="AD44" s="155"/>
      <c r="AE44" s="249"/>
      <c r="AF44" s="486"/>
    </row>
    <row r="45" spans="2:32" s="8" customFormat="1" ht="14.25" customHeight="1" x14ac:dyDescent="0.15">
      <c r="B45" s="153"/>
      <c r="C45" s="822"/>
      <c r="D45" s="789"/>
      <c r="E45" s="789"/>
      <c r="F45" s="805"/>
      <c r="H45" s="323" t="s">
        <v>1293</v>
      </c>
      <c r="I45" s="334"/>
      <c r="J45" s="334"/>
      <c r="K45" s="334"/>
      <c r="L45" s="334"/>
      <c r="M45" s="334"/>
      <c r="N45" s="334"/>
      <c r="O45" s="334"/>
      <c r="P45" s="334"/>
      <c r="Q45" s="334"/>
      <c r="R45" s="334"/>
      <c r="U45" s="18"/>
      <c r="W45" s="333"/>
      <c r="X45" s="333"/>
      <c r="Y45" s="333"/>
      <c r="AD45" s="340" t="s">
        <v>227</v>
      </c>
      <c r="AE45" s="152" t="s">
        <v>217</v>
      </c>
      <c r="AF45" s="339" t="s">
        <v>226</v>
      </c>
    </row>
    <row r="46" spans="2:32" s="8" customFormat="1" ht="58.5" customHeight="1" x14ac:dyDescent="0.15">
      <c r="B46" s="153"/>
      <c r="C46" s="822"/>
      <c r="D46" s="789"/>
      <c r="E46" s="789"/>
      <c r="F46" s="805"/>
      <c r="H46" s="198" t="s">
        <v>511</v>
      </c>
      <c r="I46" s="533" t="s">
        <v>1292</v>
      </c>
      <c r="J46" s="533"/>
      <c r="K46" s="533"/>
      <c r="L46" s="534"/>
      <c r="M46" s="533" t="s">
        <v>1291</v>
      </c>
      <c r="N46" s="532"/>
      <c r="O46" s="532"/>
      <c r="P46" s="1211"/>
      <c r="Q46" s="1211"/>
      <c r="R46" s="1211"/>
      <c r="S46" s="1211"/>
      <c r="T46" s="1211"/>
      <c r="U46" s="1211"/>
      <c r="V46" s="1211"/>
      <c r="W46" s="1211"/>
      <c r="X46" s="176" t="s">
        <v>175</v>
      </c>
      <c r="Y46" s="8" t="s">
        <v>275</v>
      </c>
      <c r="Z46" s="993" t="s">
        <v>1290</v>
      </c>
      <c r="AA46" s="993"/>
      <c r="AB46" s="993"/>
      <c r="AD46" s="291" t="s">
        <v>0</v>
      </c>
      <c r="AE46" s="178" t="s">
        <v>217</v>
      </c>
      <c r="AF46" s="338" t="s">
        <v>0</v>
      </c>
    </row>
    <row r="47" spans="2:32" s="8" customFormat="1" ht="17.25" customHeight="1" x14ac:dyDescent="0.15">
      <c r="B47" s="153"/>
      <c r="C47" s="822"/>
      <c r="D47" s="789"/>
      <c r="E47" s="789"/>
      <c r="F47" s="805"/>
      <c r="H47" s="249"/>
      <c r="I47" s="255"/>
      <c r="J47" s="255"/>
      <c r="K47" s="255"/>
      <c r="L47" s="255"/>
      <c r="M47" s="255"/>
      <c r="N47" s="460"/>
      <c r="O47" s="460"/>
      <c r="P47" s="466"/>
      <c r="Q47" s="466"/>
      <c r="R47" s="466"/>
      <c r="S47" s="466"/>
      <c r="T47" s="466"/>
      <c r="U47" s="466"/>
      <c r="V47" s="466"/>
      <c r="W47" s="466"/>
      <c r="X47" s="18"/>
      <c r="Z47" s="333"/>
      <c r="AA47" s="333"/>
      <c r="AB47" s="333"/>
      <c r="AD47" s="291"/>
      <c r="AE47" s="178"/>
      <c r="AF47" s="338"/>
    </row>
    <row r="48" spans="2:32" s="8" customFormat="1" ht="14.25" customHeight="1" x14ac:dyDescent="0.15">
      <c r="B48" s="153"/>
      <c r="C48" s="822"/>
      <c r="D48" s="789"/>
      <c r="E48" s="789"/>
      <c r="F48" s="805"/>
      <c r="H48" s="323" t="s">
        <v>1289</v>
      </c>
      <c r="I48" s="334"/>
      <c r="J48" s="334"/>
      <c r="K48" s="334"/>
      <c r="L48" s="334"/>
      <c r="M48" s="334"/>
      <c r="N48" s="334"/>
      <c r="O48" s="334"/>
      <c r="P48" s="334"/>
      <c r="Q48" s="334"/>
      <c r="R48" s="334"/>
      <c r="U48" s="18"/>
      <c r="W48" s="333"/>
      <c r="X48" s="333"/>
      <c r="Y48" s="333"/>
      <c r="AD48" s="340" t="s">
        <v>227</v>
      </c>
      <c r="AE48" s="152" t="s">
        <v>217</v>
      </c>
      <c r="AF48" s="339" t="s">
        <v>226</v>
      </c>
    </row>
    <row r="49" spans="2:32" s="8" customFormat="1" ht="15" customHeight="1" x14ac:dyDescent="0.15">
      <c r="B49" s="153"/>
      <c r="C49" s="822"/>
      <c r="D49" s="789"/>
      <c r="E49" s="789"/>
      <c r="F49" s="805"/>
      <c r="H49" s="188" t="s">
        <v>509</v>
      </c>
      <c r="I49" s="1226" t="s">
        <v>1288</v>
      </c>
      <c r="J49" s="1227"/>
      <c r="K49" s="1227"/>
      <c r="L49" s="1227"/>
      <c r="M49" s="1227"/>
      <c r="N49" s="1227"/>
      <c r="O49" s="1227"/>
      <c r="P49" s="1227"/>
      <c r="Q49" s="1227"/>
      <c r="R49" s="1227"/>
      <c r="S49" s="1227"/>
      <c r="T49" s="1227"/>
      <c r="U49" s="1227"/>
      <c r="V49" s="1227"/>
      <c r="W49" s="1227"/>
      <c r="X49" s="1228"/>
      <c r="Z49" s="333"/>
      <c r="AA49" s="333"/>
      <c r="AB49" s="333"/>
      <c r="AD49" s="291" t="s">
        <v>0</v>
      </c>
      <c r="AE49" s="178" t="s">
        <v>217</v>
      </c>
      <c r="AF49" s="338" t="s">
        <v>0</v>
      </c>
    </row>
    <row r="50" spans="2:32" s="8" customFormat="1" x14ac:dyDescent="0.15">
      <c r="B50" s="173"/>
      <c r="C50" s="940"/>
      <c r="D50" s="779"/>
      <c r="E50" s="779"/>
      <c r="F50" s="941"/>
      <c r="G50" s="172"/>
      <c r="H50" s="172"/>
      <c r="I50" s="172"/>
      <c r="J50" s="172"/>
      <c r="K50" s="172"/>
      <c r="L50" s="172"/>
      <c r="M50" s="172"/>
      <c r="N50" s="172"/>
      <c r="O50" s="172"/>
      <c r="P50" s="172"/>
      <c r="Q50" s="172"/>
      <c r="R50" s="172"/>
      <c r="S50" s="172"/>
      <c r="T50" s="172"/>
      <c r="U50" s="172"/>
      <c r="V50" s="172"/>
      <c r="W50" s="172"/>
      <c r="X50" s="172"/>
      <c r="Y50" s="172"/>
      <c r="Z50" s="172"/>
      <c r="AA50" s="172"/>
      <c r="AB50" s="172"/>
      <c r="AC50" s="172"/>
      <c r="AD50" s="173"/>
      <c r="AE50" s="172"/>
      <c r="AF50" s="171"/>
    </row>
    <row r="51" spans="2:32" s="8" customFormat="1" ht="38.25" customHeight="1" x14ac:dyDescent="0.15">
      <c r="B51" s="938" t="s">
        <v>1287</v>
      </c>
      <c r="C51" s="938"/>
      <c r="D51" s="938"/>
      <c r="E51" s="938"/>
      <c r="F51" s="938"/>
      <c r="G51" s="938"/>
      <c r="H51" s="938"/>
      <c r="I51" s="938"/>
      <c r="J51" s="938"/>
      <c r="K51" s="938"/>
      <c r="L51" s="938"/>
      <c r="M51" s="938"/>
      <c r="N51" s="938"/>
      <c r="O51" s="938"/>
      <c r="P51" s="938"/>
      <c r="Q51" s="938"/>
      <c r="R51" s="938"/>
      <c r="S51" s="938"/>
      <c r="T51" s="938"/>
      <c r="U51" s="938"/>
      <c r="V51" s="938"/>
      <c r="W51" s="938"/>
      <c r="X51" s="938"/>
      <c r="Y51" s="938"/>
      <c r="Z51" s="938"/>
      <c r="AA51" s="938"/>
      <c r="AB51" s="938"/>
      <c r="AC51" s="938"/>
    </row>
    <row r="52" spans="2:32" s="8" customFormat="1" x14ac:dyDescent="0.15">
      <c r="B52" s="6"/>
      <c r="C52" s="6"/>
      <c r="D52" s="6"/>
      <c r="E52" s="6"/>
      <c r="F52" s="6"/>
      <c r="G52" s="6"/>
      <c r="H52" s="6"/>
      <c r="I52" s="6"/>
      <c r="J52" s="6"/>
      <c r="K52" s="6"/>
      <c r="L52" s="6"/>
      <c r="M52" s="6"/>
      <c r="N52" s="6"/>
      <c r="O52" s="6"/>
      <c r="P52" s="6"/>
      <c r="Q52" s="6"/>
      <c r="R52" s="6"/>
      <c r="S52" s="6"/>
      <c r="T52" s="6"/>
      <c r="U52" s="6"/>
      <c r="V52" s="6"/>
      <c r="W52" s="6"/>
      <c r="X52" s="6"/>
      <c r="Y52" s="6"/>
      <c r="Z52" s="6"/>
      <c r="AA52" s="6"/>
      <c r="AB52" s="6"/>
      <c r="AC52" s="6"/>
    </row>
    <row r="53" spans="2:32" s="6" customFormat="1" x14ac:dyDescent="0.15">
      <c r="B53" s="140"/>
      <c r="C53" s="3"/>
      <c r="D53" s="3"/>
      <c r="E53" s="3"/>
      <c r="F53" s="3"/>
      <c r="G53" s="3"/>
      <c r="H53" s="3"/>
      <c r="I53" s="3"/>
      <c r="J53" s="3"/>
      <c r="K53" s="3"/>
      <c r="L53" s="3"/>
      <c r="M53" s="3"/>
      <c r="N53" s="3"/>
      <c r="O53" s="3"/>
      <c r="P53" s="3"/>
      <c r="Q53" s="3"/>
      <c r="R53" s="3"/>
      <c r="S53" s="3"/>
      <c r="T53" s="3"/>
      <c r="U53" s="3"/>
      <c r="V53" s="3"/>
      <c r="W53" s="3"/>
      <c r="X53" s="3"/>
      <c r="Y53" s="3"/>
      <c r="Z53" s="3"/>
      <c r="AA53" s="3"/>
      <c r="AB53" s="3"/>
      <c r="AC53" s="3"/>
    </row>
    <row r="122" spans="3:7" x14ac:dyDescent="0.15">
      <c r="C122" s="5"/>
      <c r="D122" s="5"/>
      <c r="E122" s="5"/>
      <c r="F122" s="5"/>
      <c r="G122" s="5"/>
    </row>
    <row r="123" spans="3:7" x14ac:dyDescent="0.15">
      <c r="C123" s="4"/>
    </row>
  </sheetData>
  <mergeCells count="35">
    <mergeCell ref="B11:F11"/>
    <mergeCell ref="B5:AF5"/>
    <mergeCell ref="B7:F7"/>
    <mergeCell ref="G7:AF7"/>
    <mergeCell ref="B8:F8"/>
    <mergeCell ref="B9:F10"/>
    <mergeCell ref="Z27:AB27"/>
    <mergeCell ref="C14:F31"/>
    <mergeCell ref="H15:U15"/>
    <mergeCell ref="I16:U16"/>
    <mergeCell ref="V16:W16"/>
    <mergeCell ref="I18:U18"/>
    <mergeCell ref="V18:W18"/>
    <mergeCell ref="I30:X30"/>
    <mergeCell ref="Z18:AB18"/>
    <mergeCell ref="I20:U20"/>
    <mergeCell ref="P27:W27"/>
    <mergeCell ref="V20:W20"/>
    <mergeCell ref="Z20:AB20"/>
    <mergeCell ref="I23:X23"/>
    <mergeCell ref="B51:AC51"/>
    <mergeCell ref="Z37:AB37"/>
    <mergeCell ref="I39:U39"/>
    <mergeCell ref="V39:W39"/>
    <mergeCell ref="Z39:AB39"/>
    <mergeCell ref="I42:X42"/>
    <mergeCell ref="P46:W46"/>
    <mergeCell ref="Z46:AB46"/>
    <mergeCell ref="C33:F50"/>
    <mergeCell ref="H34:U34"/>
    <mergeCell ref="I35:U35"/>
    <mergeCell ref="V35:W35"/>
    <mergeCell ref="I37:U37"/>
    <mergeCell ref="V37:W37"/>
    <mergeCell ref="I49:X49"/>
  </mergeCells>
  <phoneticPr fontId="2"/>
  <dataValidations count="1">
    <dataValidation type="list" allowBlank="1" showInputMessage="1" showErrorMessage="1" sqref="M8 R8 H8:H11 R11 AF18:AF21 AD27:AD28 AD37:AD40 AD18:AD21 AF23 AD23 AF46:AF47 AF30 AF42 AD42 AF37:AF40 AF27:AF28 AD30 AD46:AD47 AF49 AD49">
      <formula1>"□,■"</formula1>
    </dataValidation>
  </dataValidations>
  <printOptions horizontalCentered="1"/>
  <pageMargins left="0.70866141732283472" right="0.39370078740157483" top="0.51181102362204722" bottom="0.35433070866141736" header="0.31496062992125984" footer="0.31496062992125984"/>
  <pageSetup paperSize="9" scale="68" orientation="portrait" r:id="rId1"/>
</worksheet>
</file>

<file path=xl/worksheets/sheet4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AG123"/>
  <sheetViews>
    <sheetView zoomScaleNormal="100" zoomScaleSheetLayoutView="100" workbookViewId="0">
      <selection activeCell="C87" sqref="C87"/>
    </sheetView>
  </sheetViews>
  <sheetFormatPr defaultColWidth="3.5" defaultRowHeight="13.5" x14ac:dyDescent="0.15"/>
  <cols>
    <col min="1" max="1" width="1.25" style="3" customWidth="1"/>
    <col min="2" max="2" width="3" style="140" customWidth="1"/>
    <col min="3" max="6" width="3.5" style="3"/>
    <col min="7" max="7" width="1.5" style="3" customWidth="1"/>
    <col min="8" max="26" width="3.5" style="3"/>
    <col min="27" max="32" width="4" style="3" customWidth="1"/>
    <col min="33" max="33" width="1.25" style="3" customWidth="1"/>
    <col min="34" max="16384" width="3.5" style="3"/>
  </cols>
  <sheetData>
    <row r="1" spans="2:32" s="8" customFormat="1" x14ac:dyDescent="0.15"/>
    <row r="2" spans="2:32" s="8" customFormat="1" x14ac:dyDescent="0.15">
      <c r="B2" s="8" t="s">
        <v>1343</v>
      </c>
    </row>
    <row r="3" spans="2:32" s="8" customFormat="1" x14ac:dyDescent="0.15">
      <c r="Z3" s="17" t="s">
        <v>12</v>
      </c>
      <c r="AA3" s="18"/>
      <c r="AB3" s="18" t="s">
        <v>11</v>
      </c>
      <c r="AC3" s="18"/>
      <c r="AD3" s="18" t="s">
        <v>10</v>
      </c>
      <c r="AE3" s="18"/>
      <c r="AF3" s="18" t="s">
        <v>20</v>
      </c>
    </row>
    <row r="4" spans="2:32" s="8" customFormat="1" x14ac:dyDescent="0.15">
      <c r="AF4" s="17"/>
    </row>
    <row r="5" spans="2:32" s="8" customFormat="1" ht="38.25" customHeight="1" x14ac:dyDescent="0.15">
      <c r="B5" s="807" t="s">
        <v>1342</v>
      </c>
      <c r="C5" s="778"/>
      <c r="D5" s="778"/>
      <c r="E5" s="778"/>
      <c r="F5" s="778"/>
      <c r="G5" s="778"/>
      <c r="H5" s="778"/>
      <c r="I5" s="778"/>
      <c r="J5" s="778"/>
      <c r="K5" s="778"/>
      <c r="L5" s="778"/>
      <c r="M5" s="778"/>
      <c r="N5" s="778"/>
      <c r="O5" s="778"/>
      <c r="P5" s="778"/>
      <c r="Q5" s="778"/>
      <c r="R5" s="778"/>
      <c r="S5" s="778"/>
      <c r="T5" s="778"/>
      <c r="U5" s="778"/>
      <c r="V5" s="778"/>
      <c r="W5" s="778"/>
      <c r="X5" s="778"/>
      <c r="Y5" s="778"/>
      <c r="Z5" s="778"/>
      <c r="AA5" s="778"/>
      <c r="AB5" s="778"/>
      <c r="AC5" s="778"/>
      <c r="AD5" s="778"/>
      <c r="AE5" s="778"/>
      <c r="AF5" s="778"/>
    </row>
    <row r="6" spans="2:32" s="8" customFormat="1" x14ac:dyDescent="0.15"/>
    <row r="7" spans="2:32" s="8" customFormat="1" ht="39.75" customHeight="1" x14ac:dyDescent="0.15">
      <c r="B7" s="790" t="s">
        <v>576</v>
      </c>
      <c r="C7" s="790"/>
      <c r="D7" s="790"/>
      <c r="E7" s="790"/>
      <c r="F7" s="790"/>
      <c r="G7" s="791"/>
      <c r="H7" s="792"/>
      <c r="I7" s="792"/>
      <c r="J7" s="792"/>
      <c r="K7" s="792"/>
      <c r="L7" s="792"/>
      <c r="M7" s="792"/>
      <c r="N7" s="792"/>
      <c r="O7" s="792"/>
      <c r="P7" s="792"/>
      <c r="Q7" s="792"/>
      <c r="R7" s="792"/>
      <c r="S7" s="792"/>
      <c r="T7" s="792"/>
      <c r="U7" s="792"/>
      <c r="V7" s="792"/>
      <c r="W7" s="792"/>
      <c r="X7" s="792"/>
      <c r="Y7" s="792"/>
      <c r="Z7" s="792"/>
      <c r="AA7" s="792"/>
      <c r="AB7" s="792"/>
      <c r="AC7" s="792"/>
      <c r="AD7" s="792"/>
      <c r="AE7" s="792"/>
      <c r="AF7" s="793"/>
    </row>
    <row r="8" spans="2:32" ht="39.75" customHeight="1" x14ac:dyDescent="0.15">
      <c r="B8" s="780" t="s">
        <v>575</v>
      </c>
      <c r="C8" s="781"/>
      <c r="D8" s="781"/>
      <c r="E8" s="781"/>
      <c r="F8" s="782"/>
      <c r="G8" s="247"/>
      <c r="H8" s="179" t="s">
        <v>0</v>
      </c>
      <c r="I8" s="168" t="s">
        <v>242</v>
      </c>
      <c r="J8" s="168"/>
      <c r="K8" s="168"/>
      <c r="L8" s="168"/>
      <c r="M8" s="179" t="s">
        <v>0</v>
      </c>
      <c r="N8" s="168" t="s">
        <v>241</v>
      </c>
      <c r="O8" s="168"/>
      <c r="P8" s="168"/>
      <c r="Q8" s="168"/>
      <c r="R8" s="179" t="s">
        <v>0</v>
      </c>
      <c r="S8" s="168" t="s">
        <v>240</v>
      </c>
      <c r="T8" s="168"/>
      <c r="U8" s="168"/>
      <c r="V8" s="168"/>
      <c r="W8" s="168"/>
      <c r="X8" s="168"/>
      <c r="Y8" s="168"/>
      <c r="Z8" s="168"/>
      <c r="AA8" s="168"/>
      <c r="AB8" s="168"/>
      <c r="AC8" s="168"/>
      <c r="AD8" s="168"/>
      <c r="AE8" s="168"/>
      <c r="AF8" s="167"/>
    </row>
    <row r="9" spans="2:32" ht="27" customHeight="1" x14ac:dyDescent="0.15">
      <c r="B9" s="783" t="s">
        <v>1314</v>
      </c>
      <c r="C9" s="784"/>
      <c r="D9" s="784"/>
      <c r="E9" s="784"/>
      <c r="F9" s="785"/>
      <c r="G9" s="158"/>
      <c r="H9" s="178" t="s">
        <v>0</v>
      </c>
      <c r="I9" s="166" t="s">
        <v>1313</v>
      </c>
      <c r="J9" s="157"/>
      <c r="K9" s="157"/>
      <c r="L9" s="157"/>
      <c r="M9" s="157"/>
      <c r="N9" s="157"/>
      <c r="O9" s="157"/>
      <c r="P9" s="157"/>
      <c r="Q9" s="157"/>
      <c r="R9" s="157"/>
      <c r="S9" s="157"/>
      <c r="T9" s="157"/>
      <c r="U9" s="157"/>
      <c r="V9" s="157"/>
      <c r="W9" s="157"/>
      <c r="X9" s="157"/>
      <c r="Y9" s="157"/>
      <c r="Z9" s="157"/>
      <c r="AA9" s="157"/>
      <c r="AB9" s="157"/>
      <c r="AC9" s="157"/>
      <c r="AD9" s="157"/>
      <c r="AE9" s="157"/>
      <c r="AF9" s="156"/>
    </row>
    <row r="10" spans="2:32" ht="27" customHeight="1" x14ac:dyDescent="0.15">
      <c r="B10" s="786"/>
      <c r="C10" s="787"/>
      <c r="D10" s="787"/>
      <c r="E10" s="787"/>
      <c r="F10" s="788"/>
      <c r="G10" s="173"/>
      <c r="H10" s="178" t="s">
        <v>0</v>
      </c>
      <c r="I10" s="162" t="s">
        <v>1312</v>
      </c>
      <c r="J10" s="172"/>
      <c r="K10" s="172"/>
      <c r="L10" s="172"/>
      <c r="M10" s="172"/>
      <c r="N10" s="172"/>
      <c r="O10" s="172"/>
      <c r="P10" s="172"/>
      <c r="Q10" s="172"/>
      <c r="R10" s="172"/>
      <c r="S10" s="172"/>
      <c r="T10" s="172"/>
      <c r="U10" s="172"/>
      <c r="V10" s="172"/>
      <c r="W10" s="172"/>
      <c r="X10" s="172"/>
      <c r="Y10" s="172"/>
      <c r="Z10" s="172"/>
      <c r="AA10" s="172"/>
      <c r="AB10" s="172"/>
      <c r="AC10" s="172"/>
      <c r="AD10" s="172"/>
      <c r="AE10" s="172"/>
      <c r="AF10" s="171"/>
    </row>
    <row r="11" spans="2:32" ht="40.5" customHeight="1" x14ac:dyDescent="0.15">
      <c r="B11" s="780" t="s">
        <v>1311</v>
      </c>
      <c r="C11" s="781"/>
      <c r="D11" s="781"/>
      <c r="E11" s="781"/>
      <c r="F11" s="782"/>
      <c r="G11" s="543"/>
      <c r="H11" s="179" t="s">
        <v>0</v>
      </c>
      <c r="I11" s="168" t="s">
        <v>1310</v>
      </c>
      <c r="J11" s="542"/>
      <c r="K11" s="542"/>
      <c r="L11" s="542"/>
      <c r="M11" s="542"/>
      <c r="N11" s="542"/>
      <c r="O11" s="542"/>
      <c r="P11" s="542"/>
      <c r="Q11" s="542"/>
      <c r="R11" s="179" t="s">
        <v>0</v>
      </c>
      <c r="S11" s="168" t="s">
        <v>1309</v>
      </c>
      <c r="T11" s="542"/>
      <c r="U11" s="542"/>
      <c r="V11" s="542"/>
      <c r="W11" s="542"/>
      <c r="X11" s="542"/>
      <c r="Y11" s="542"/>
      <c r="Z11" s="542"/>
      <c r="AA11" s="542"/>
      <c r="AB11" s="542"/>
      <c r="AC11" s="542"/>
      <c r="AD11" s="542"/>
      <c r="AE11" s="542"/>
      <c r="AF11" s="556"/>
    </row>
    <row r="12" spans="2:32" ht="27" customHeight="1" x14ac:dyDescent="0.15">
      <c r="B12" s="158" t="s">
        <v>1341</v>
      </c>
      <c r="C12" s="194"/>
      <c r="D12" s="194"/>
      <c r="E12" s="194"/>
      <c r="F12" s="194"/>
      <c r="G12" s="555"/>
      <c r="H12" s="554"/>
      <c r="I12" s="554"/>
      <c r="J12" s="554"/>
      <c r="K12" s="554"/>
      <c r="L12" s="554"/>
      <c r="M12" s="554"/>
      <c r="N12" s="554"/>
      <c r="O12" s="554"/>
      <c r="P12" s="554"/>
      <c r="Q12" s="554"/>
      <c r="R12" s="554"/>
      <c r="S12" s="554"/>
      <c r="T12" s="554"/>
      <c r="U12" s="554"/>
      <c r="V12" s="554"/>
      <c r="W12" s="554"/>
      <c r="X12" s="554"/>
      <c r="Y12" s="554"/>
      <c r="Z12" s="554"/>
      <c r="AA12" s="554"/>
      <c r="AB12" s="554"/>
      <c r="AC12" s="554"/>
      <c r="AD12" s="554"/>
      <c r="AE12" s="554"/>
      <c r="AF12" s="553"/>
    </row>
    <row r="13" spans="2:32" s="8" customFormat="1" ht="10.5" customHeight="1" x14ac:dyDescent="0.15">
      <c r="B13" s="189"/>
      <c r="C13" s="937" t="s">
        <v>1302</v>
      </c>
      <c r="D13" s="938"/>
      <c r="E13" s="938"/>
      <c r="F13" s="939"/>
      <c r="G13" s="158"/>
      <c r="H13" s="157"/>
      <c r="I13" s="157"/>
      <c r="J13" s="157"/>
      <c r="K13" s="157"/>
      <c r="L13" s="157"/>
      <c r="M13" s="157"/>
      <c r="N13" s="157"/>
      <c r="O13" s="157"/>
      <c r="P13" s="157"/>
      <c r="Q13" s="157"/>
      <c r="R13" s="157"/>
      <c r="S13" s="157"/>
      <c r="T13" s="157"/>
      <c r="U13" s="157"/>
      <c r="V13" s="157"/>
      <c r="W13" s="157"/>
      <c r="X13" s="157"/>
      <c r="Y13" s="157"/>
      <c r="Z13" s="157"/>
      <c r="AA13" s="157"/>
      <c r="AB13" s="157"/>
      <c r="AC13" s="156"/>
      <c r="AD13" s="157"/>
      <c r="AE13" s="157"/>
      <c r="AF13" s="156"/>
    </row>
    <row r="14" spans="2:32" s="8" customFormat="1" ht="15.75" customHeight="1" x14ac:dyDescent="0.15">
      <c r="B14" s="9"/>
      <c r="C14" s="822"/>
      <c r="D14" s="789"/>
      <c r="E14" s="789"/>
      <c r="F14" s="805"/>
      <c r="G14" s="9"/>
      <c r="H14" s="1168" t="s">
        <v>1301</v>
      </c>
      <c r="I14" s="1168"/>
      <c r="J14" s="1168"/>
      <c r="K14" s="1168"/>
      <c r="L14" s="1168"/>
      <c r="M14" s="1168"/>
      <c r="N14" s="1168"/>
      <c r="O14" s="1168"/>
      <c r="P14" s="1168"/>
      <c r="Q14" s="1168"/>
      <c r="R14" s="1168"/>
      <c r="S14" s="1168"/>
      <c r="T14" s="1168"/>
      <c r="U14" s="1168"/>
      <c r="V14" s="1168"/>
      <c r="W14" s="1168"/>
      <c r="X14" s="1168"/>
      <c r="Y14" s="511"/>
      <c r="Z14" s="511"/>
      <c r="AA14" s="511"/>
      <c r="AB14" s="511"/>
      <c r="AC14" s="149"/>
      <c r="AF14" s="149"/>
    </row>
    <row r="15" spans="2:32" s="8" customFormat="1" ht="40.5" customHeight="1" x14ac:dyDescent="0.15">
      <c r="B15" s="153"/>
      <c r="C15" s="822"/>
      <c r="D15" s="789"/>
      <c r="E15" s="789"/>
      <c r="F15" s="805"/>
      <c r="G15" s="9"/>
      <c r="H15" s="198" t="s">
        <v>279</v>
      </c>
      <c r="I15" s="1014" t="s">
        <v>1337</v>
      </c>
      <c r="J15" s="1015"/>
      <c r="K15" s="1015"/>
      <c r="L15" s="1015"/>
      <c r="M15" s="1015"/>
      <c r="N15" s="1015"/>
      <c r="O15" s="1015"/>
      <c r="P15" s="1015"/>
      <c r="Q15" s="1015"/>
      <c r="R15" s="1015"/>
      <c r="S15" s="1015"/>
      <c r="T15" s="1015"/>
      <c r="U15" s="1016"/>
      <c r="V15" s="780"/>
      <c r="W15" s="781"/>
      <c r="X15" s="176" t="s">
        <v>175</v>
      </c>
      <c r="Z15" s="333"/>
      <c r="AA15" s="333"/>
      <c r="AB15" s="333"/>
      <c r="AC15" s="149"/>
      <c r="AD15" s="340" t="s">
        <v>227</v>
      </c>
      <c r="AE15" s="152" t="s">
        <v>217</v>
      </c>
      <c r="AF15" s="339" t="s">
        <v>226</v>
      </c>
    </row>
    <row r="16" spans="2:32" s="8" customFormat="1" ht="18" customHeight="1" x14ac:dyDescent="0.15">
      <c r="B16" s="153"/>
      <c r="C16" s="822"/>
      <c r="D16" s="789"/>
      <c r="E16" s="789"/>
      <c r="F16" s="805"/>
      <c r="G16" s="9"/>
      <c r="H16" s="491"/>
      <c r="I16" s="552"/>
      <c r="J16" s="552"/>
      <c r="K16" s="552"/>
      <c r="L16" s="552"/>
      <c r="M16" s="552"/>
      <c r="N16" s="552"/>
      <c r="O16" s="552"/>
      <c r="P16" s="552"/>
      <c r="Q16" s="552"/>
      <c r="R16" s="552"/>
      <c r="S16" s="552"/>
      <c r="T16" s="552"/>
      <c r="U16" s="552"/>
      <c r="V16" s="177"/>
      <c r="W16" s="177"/>
      <c r="X16" s="177"/>
      <c r="Z16" s="333"/>
      <c r="AA16" s="333"/>
      <c r="AB16" s="333"/>
      <c r="AC16" s="149"/>
      <c r="AD16" s="340"/>
      <c r="AE16" s="152"/>
      <c r="AF16" s="339"/>
    </row>
    <row r="17" spans="2:32" s="8" customFormat="1" ht="40.5" customHeight="1" x14ac:dyDescent="0.15">
      <c r="B17" s="153"/>
      <c r="C17" s="822"/>
      <c r="D17" s="789"/>
      <c r="E17" s="789"/>
      <c r="F17" s="805"/>
      <c r="G17" s="9"/>
      <c r="H17" s="198" t="s">
        <v>277</v>
      </c>
      <c r="I17" s="1014" t="s">
        <v>1336</v>
      </c>
      <c r="J17" s="1015"/>
      <c r="K17" s="1015"/>
      <c r="L17" s="1015"/>
      <c r="M17" s="1015"/>
      <c r="N17" s="1015"/>
      <c r="O17" s="1015"/>
      <c r="P17" s="1015"/>
      <c r="Q17" s="1015"/>
      <c r="R17" s="1015"/>
      <c r="S17" s="1015"/>
      <c r="T17" s="1015"/>
      <c r="U17" s="1016"/>
      <c r="V17" s="780"/>
      <c r="W17" s="781"/>
      <c r="X17" s="176" t="s">
        <v>175</v>
      </c>
      <c r="Y17" s="8" t="s">
        <v>275</v>
      </c>
      <c r="Z17" s="993" t="s">
        <v>1340</v>
      </c>
      <c r="AA17" s="993"/>
      <c r="AB17" s="993"/>
      <c r="AC17" s="149"/>
      <c r="AD17" s="291" t="s">
        <v>0</v>
      </c>
      <c r="AE17" s="178" t="s">
        <v>217</v>
      </c>
      <c r="AF17" s="338" t="s">
        <v>0</v>
      </c>
    </row>
    <row r="18" spans="2:32" s="8" customFormat="1" ht="20.25" customHeight="1" x14ac:dyDescent="0.15">
      <c r="B18" s="153"/>
      <c r="C18" s="822"/>
      <c r="D18" s="789"/>
      <c r="E18" s="789"/>
      <c r="F18" s="805"/>
      <c r="H18" s="18" t="s">
        <v>550</v>
      </c>
      <c r="I18" s="334"/>
      <c r="J18" s="334"/>
      <c r="K18" s="334"/>
      <c r="L18" s="334"/>
      <c r="M18" s="334"/>
      <c r="N18" s="334"/>
      <c r="O18" s="334"/>
      <c r="P18" s="334"/>
      <c r="Q18" s="334"/>
      <c r="R18" s="334"/>
      <c r="S18" s="18"/>
      <c r="T18" s="18"/>
      <c r="U18" s="18"/>
      <c r="W18" s="333"/>
      <c r="X18" s="333"/>
      <c r="Y18" s="333"/>
      <c r="AD18" s="291"/>
      <c r="AE18" s="178"/>
      <c r="AF18" s="338"/>
    </row>
    <row r="19" spans="2:32" s="8" customFormat="1" ht="74.25" customHeight="1" x14ac:dyDescent="0.15">
      <c r="B19" s="153"/>
      <c r="C19" s="822"/>
      <c r="D19" s="789"/>
      <c r="E19" s="789"/>
      <c r="F19" s="805"/>
      <c r="H19" s="198" t="s">
        <v>293</v>
      </c>
      <c r="I19" s="1170" t="s">
        <v>1297</v>
      </c>
      <c r="J19" s="1171"/>
      <c r="K19" s="1171"/>
      <c r="L19" s="1171"/>
      <c r="M19" s="1171"/>
      <c r="N19" s="1171"/>
      <c r="O19" s="1171"/>
      <c r="P19" s="1171"/>
      <c r="Q19" s="1171"/>
      <c r="R19" s="1171"/>
      <c r="S19" s="1171"/>
      <c r="T19" s="1171"/>
      <c r="U19" s="1172"/>
      <c r="V19" s="780"/>
      <c r="W19" s="781"/>
      <c r="X19" s="176" t="s">
        <v>175</v>
      </c>
      <c r="Y19" s="8" t="s">
        <v>275</v>
      </c>
      <c r="Z19" s="993" t="s">
        <v>1339</v>
      </c>
      <c r="AA19" s="993"/>
      <c r="AB19" s="993"/>
      <c r="AD19" s="291" t="s">
        <v>0</v>
      </c>
      <c r="AE19" s="178" t="s">
        <v>217</v>
      </c>
      <c r="AF19" s="338" t="s">
        <v>0</v>
      </c>
    </row>
    <row r="20" spans="2:32" s="8" customFormat="1" ht="15" customHeight="1" x14ac:dyDescent="0.15">
      <c r="B20" s="153"/>
      <c r="C20" s="822"/>
      <c r="D20" s="789"/>
      <c r="E20" s="789"/>
      <c r="F20" s="805"/>
      <c r="H20" s="249"/>
      <c r="I20" s="334"/>
      <c r="J20" s="334"/>
      <c r="K20" s="334"/>
      <c r="L20" s="334"/>
      <c r="M20" s="334"/>
      <c r="N20" s="334"/>
      <c r="O20" s="334"/>
      <c r="P20" s="334"/>
      <c r="Q20" s="334"/>
      <c r="R20" s="334"/>
      <c r="S20" s="18"/>
      <c r="T20" s="18"/>
      <c r="U20" s="18"/>
      <c r="W20" s="333"/>
      <c r="X20" s="333"/>
      <c r="Y20" s="333"/>
      <c r="AD20" s="291"/>
      <c r="AE20" s="178"/>
      <c r="AF20" s="338"/>
    </row>
    <row r="21" spans="2:32" s="8" customFormat="1" x14ac:dyDescent="0.15">
      <c r="B21" s="153"/>
      <c r="C21" s="822"/>
      <c r="D21" s="789"/>
      <c r="E21" s="789"/>
      <c r="F21" s="805"/>
      <c r="H21" s="323" t="s">
        <v>896</v>
      </c>
      <c r="I21" s="334"/>
      <c r="J21" s="334"/>
      <c r="K21" s="334"/>
      <c r="L21" s="334"/>
      <c r="M21" s="334"/>
      <c r="N21" s="334"/>
      <c r="O21" s="334"/>
      <c r="P21" s="334"/>
      <c r="Q21" s="334"/>
      <c r="R21" s="334"/>
      <c r="U21" s="18"/>
      <c r="W21" s="333"/>
      <c r="X21" s="333"/>
      <c r="Y21" s="333"/>
      <c r="AD21" s="340" t="s">
        <v>227</v>
      </c>
      <c r="AE21" s="152" t="s">
        <v>217</v>
      </c>
      <c r="AF21" s="339" t="s">
        <v>226</v>
      </c>
    </row>
    <row r="22" spans="2:32" s="8" customFormat="1" ht="20.25" customHeight="1" x14ac:dyDescent="0.15">
      <c r="B22" s="153"/>
      <c r="C22" s="822"/>
      <c r="D22" s="789"/>
      <c r="E22" s="789"/>
      <c r="F22" s="805"/>
      <c r="G22" s="9"/>
      <c r="H22" s="198" t="s">
        <v>513</v>
      </c>
      <c r="I22" s="1200" t="s">
        <v>1295</v>
      </c>
      <c r="J22" s="1201"/>
      <c r="K22" s="1201"/>
      <c r="L22" s="1201"/>
      <c r="M22" s="1201"/>
      <c r="N22" s="1201"/>
      <c r="O22" s="1201"/>
      <c r="P22" s="1201"/>
      <c r="Q22" s="1201"/>
      <c r="R22" s="1201"/>
      <c r="S22" s="1201"/>
      <c r="T22" s="1201"/>
      <c r="U22" s="1201"/>
      <c r="V22" s="1201"/>
      <c r="W22" s="1201"/>
      <c r="X22" s="1202"/>
      <c r="Y22" s="333"/>
      <c r="AD22" s="291" t="s">
        <v>0</v>
      </c>
      <c r="AE22" s="178" t="s">
        <v>217</v>
      </c>
      <c r="AF22" s="338" t="s">
        <v>0</v>
      </c>
    </row>
    <row r="23" spans="2:32" s="8" customFormat="1" x14ac:dyDescent="0.15">
      <c r="B23" s="153"/>
      <c r="C23" s="822"/>
      <c r="D23" s="789"/>
      <c r="E23" s="789"/>
      <c r="F23" s="805"/>
      <c r="H23" s="323" t="s">
        <v>1294</v>
      </c>
      <c r="I23" s="334"/>
      <c r="J23" s="334"/>
      <c r="K23" s="334"/>
      <c r="L23" s="334"/>
      <c r="M23" s="334"/>
      <c r="N23" s="334"/>
      <c r="O23" s="334"/>
      <c r="P23" s="334"/>
      <c r="Q23" s="334"/>
      <c r="R23" s="334"/>
      <c r="U23" s="18"/>
      <c r="W23" s="333"/>
      <c r="X23" s="333"/>
      <c r="Y23" s="333"/>
      <c r="AD23" s="155"/>
      <c r="AE23" s="249"/>
      <c r="AF23" s="486"/>
    </row>
    <row r="24" spans="2:32" s="8" customFormat="1" x14ac:dyDescent="0.15">
      <c r="B24" s="153"/>
      <c r="C24" s="822"/>
      <c r="D24" s="789"/>
      <c r="E24" s="789"/>
      <c r="F24" s="805"/>
      <c r="G24" s="9"/>
      <c r="H24" s="249"/>
      <c r="I24" s="334"/>
      <c r="J24" s="334"/>
      <c r="K24" s="334"/>
      <c r="L24" s="334"/>
      <c r="M24" s="334"/>
      <c r="N24" s="334"/>
      <c r="O24" s="334"/>
      <c r="P24" s="334"/>
      <c r="Q24" s="334"/>
      <c r="R24" s="334"/>
      <c r="S24" s="334"/>
      <c r="T24" s="334"/>
      <c r="U24" s="334"/>
      <c r="X24" s="18"/>
      <c r="Z24" s="333"/>
      <c r="AA24" s="333"/>
      <c r="AB24" s="333"/>
      <c r="AC24" s="149"/>
      <c r="AD24" s="249"/>
      <c r="AE24" s="249"/>
      <c r="AF24" s="486"/>
    </row>
    <row r="25" spans="2:32" s="8" customFormat="1" x14ac:dyDescent="0.15">
      <c r="B25" s="153"/>
      <c r="C25" s="822"/>
      <c r="D25" s="789"/>
      <c r="E25" s="789"/>
      <c r="F25" s="805"/>
      <c r="G25" s="9"/>
      <c r="H25" s="323" t="s">
        <v>1293</v>
      </c>
      <c r="I25" s="334"/>
      <c r="J25" s="334"/>
      <c r="K25" s="334"/>
      <c r="L25" s="334"/>
      <c r="M25" s="334"/>
      <c r="N25" s="334"/>
      <c r="O25" s="334"/>
      <c r="P25" s="334"/>
      <c r="Q25" s="334"/>
      <c r="R25" s="334"/>
      <c r="S25" s="334"/>
      <c r="T25" s="334"/>
      <c r="U25" s="334"/>
      <c r="X25" s="18"/>
      <c r="Z25" s="333"/>
      <c r="AA25" s="333"/>
      <c r="AB25" s="333"/>
      <c r="AC25" s="149"/>
      <c r="AD25" s="340" t="s">
        <v>227</v>
      </c>
      <c r="AE25" s="152" t="s">
        <v>217</v>
      </c>
      <c r="AF25" s="339" t="s">
        <v>226</v>
      </c>
    </row>
    <row r="26" spans="2:32" s="8" customFormat="1" ht="40.5" customHeight="1" x14ac:dyDescent="0.15">
      <c r="B26" s="153"/>
      <c r="C26" s="822"/>
      <c r="D26" s="789"/>
      <c r="E26" s="789"/>
      <c r="F26" s="805"/>
      <c r="G26" s="9"/>
      <c r="H26" s="198" t="s">
        <v>511</v>
      </c>
      <c r="I26" s="533" t="s">
        <v>1292</v>
      </c>
      <c r="J26" s="533"/>
      <c r="K26" s="533"/>
      <c r="L26" s="534"/>
      <c r="M26" s="533" t="s">
        <v>1291</v>
      </c>
      <c r="N26" s="532"/>
      <c r="O26" s="532"/>
      <c r="P26" s="1211"/>
      <c r="Q26" s="1211"/>
      <c r="R26" s="1211"/>
      <c r="S26" s="1211"/>
      <c r="T26" s="1211"/>
      <c r="U26" s="1211"/>
      <c r="V26" s="1211"/>
      <c r="W26" s="1211"/>
      <c r="X26" s="176" t="s">
        <v>175</v>
      </c>
      <c r="Y26" s="8" t="s">
        <v>275</v>
      </c>
      <c r="Z26" s="1230" t="s">
        <v>1334</v>
      </c>
      <c r="AA26" s="1230"/>
      <c r="AB26" s="1230"/>
      <c r="AC26" s="149"/>
      <c r="AD26" s="291" t="s">
        <v>0</v>
      </c>
      <c r="AE26" s="178" t="s">
        <v>217</v>
      </c>
      <c r="AF26" s="338" t="s">
        <v>0</v>
      </c>
    </row>
    <row r="27" spans="2:32" s="8" customFormat="1" ht="15.75" customHeight="1" x14ac:dyDescent="0.15">
      <c r="B27" s="153"/>
      <c r="C27" s="822"/>
      <c r="D27" s="789"/>
      <c r="E27" s="789"/>
      <c r="F27" s="805"/>
      <c r="H27" s="249"/>
      <c r="I27" s="255"/>
      <c r="J27" s="255"/>
      <c r="K27" s="255"/>
      <c r="L27" s="255"/>
      <c r="M27" s="255"/>
      <c r="N27" s="460"/>
      <c r="O27" s="460"/>
      <c r="P27" s="466"/>
      <c r="Q27" s="466"/>
      <c r="R27" s="466"/>
      <c r="S27" s="466"/>
      <c r="T27" s="466"/>
      <c r="U27" s="466"/>
      <c r="V27" s="466"/>
      <c r="W27" s="466"/>
      <c r="X27" s="18"/>
      <c r="Z27" s="551"/>
      <c r="AA27" s="551"/>
      <c r="AB27" s="551"/>
      <c r="AD27" s="291"/>
      <c r="AE27" s="178"/>
      <c r="AF27" s="338"/>
    </row>
    <row r="28" spans="2:32" s="8" customFormat="1" ht="14.25" customHeight="1" x14ac:dyDescent="0.15">
      <c r="B28" s="153"/>
      <c r="C28" s="822"/>
      <c r="D28" s="789"/>
      <c r="E28" s="789"/>
      <c r="F28" s="805"/>
      <c r="H28" s="515" t="s">
        <v>1289</v>
      </c>
      <c r="I28" s="535"/>
      <c r="J28" s="535"/>
      <c r="K28" s="535"/>
      <c r="L28" s="535"/>
      <c r="M28" s="535"/>
      <c r="N28" s="535"/>
      <c r="O28" s="535"/>
      <c r="P28" s="535"/>
      <c r="Q28" s="535"/>
      <c r="R28" s="535"/>
      <c r="S28" s="172"/>
      <c r="T28" s="172"/>
      <c r="U28" s="143"/>
      <c r="V28" s="172"/>
      <c r="W28" s="464"/>
      <c r="X28" s="464"/>
      <c r="Y28" s="333"/>
      <c r="AD28" s="340" t="s">
        <v>227</v>
      </c>
      <c r="AE28" s="152" t="s">
        <v>217</v>
      </c>
      <c r="AF28" s="339" t="s">
        <v>226</v>
      </c>
    </row>
    <row r="29" spans="2:32" s="8" customFormat="1" ht="15" customHeight="1" x14ac:dyDescent="0.15">
      <c r="B29" s="153"/>
      <c r="C29" s="822"/>
      <c r="D29" s="789"/>
      <c r="E29" s="789"/>
      <c r="F29" s="805"/>
      <c r="H29" s="169" t="s">
        <v>509</v>
      </c>
      <c r="I29" s="1233" t="s">
        <v>1288</v>
      </c>
      <c r="J29" s="1234"/>
      <c r="K29" s="1234"/>
      <c r="L29" s="1234"/>
      <c r="M29" s="1234"/>
      <c r="N29" s="1234"/>
      <c r="O29" s="1234"/>
      <c r="P29" s="1234"/>
      <c r="Q29" s="1234"/>
      <c r="R29" s="1234"/>
      <c r="S29" s="1234"/>
      <c r="T29" s="1234"/>
      <c r="U29" s="1234"/>
      <c r="V29" s="1234"/>
      <c r="W29" s="1234"/>
      <c r="X29" s="1235"/>
      <c r="Y29" s="9"/>
      <c r="Z29" s="333"/>
      <c r="AA29" s="333"/>
      <c r="AB29" s="333"/>
      <c r="AD29" s="291" t="s">
        <v>0</v>
      </c>
      <c r="AE29" s="178" t="s">
        <v>217</v>
      </c>
      <c r="AF29" s="338" t="s">
        <v>0</v>
      </c>
    </row>
    <row r="30" spans="2:32" s="8" customFormat="1" ht="21" customHeight="1" x14ac:dyDescent="0.15">
      <c r="B30" s="483"/>
      <c r="C30" s="940"/>
      <c r="D30" s="779"/>
      <c r="E30" s="779"/>
      <c r="F30" s="941"/>
      <c r="G30" s="173"/>
      <c r="H30" s="491"/>
      <c r="I30" s="491"/>
      <c r="J30" s="491"/>
      <c r="K30" s="491"/>
      <c r="L30" s="491"/>
      <c r="M30" s="533"/>
      <c r="N30" s="532"/>
      <c r="O30" s="532"/>
      <c r="P30" s="532"/>
      <c r="Q30" s="532"/>
      <c r="R30" s="532"/>
      <c r="S30" s="532"/>
      <c r="T30" s="532"/>
      <c r="U30" s="532"/>
      <c r="V30" s="181"/>
      <c r="W30" s="181"/>
      <c r="X30" s="177"/>
      <c r="Y30" s="172"/>
      <c r="Z30" s="464"/>
      <c r="AA30" s="464"/>
      <c r="AB30" s="464"/>
      <c r="AC30" s="171"/>
      <c r="AD30" s="465"/>
      <c r="AE30" s="465"/>
      <c r="AF30" s="512"/>
    </row>
    <row r="31" spans="2:32" ht="21.75" customHeight="1" x14ac:dyDescent="0.15">
      <c r="B31" s="158" t="s">
        <v>1338</v>
      </c>
      <c r="C31" s="194"/>
      <c r="D31" s="194"/>
      <c r="E31" s="194"/>
      <c r="F31" s="194"/>
      <c r="G31" s="555"/>
      <c r="H31" s="554"/>
      <c r="I31" s="554"/>
      <c r="J31" s="554"/>
      <c r="K31" s="554"/>
      <c r="L31" s="554"/>
      <c r="M31" s="554"/>
      <c r="N31" s="554"/>
      <c r="O31" s="554"/>
      <c r="P31" s="554"/>
      <c r="Q31" s="554"/>
      <c r="R31" s="554"/>
      <c r="S31" s="554"/>
      <c r="T31" s="554"/>
      <c r="U31" s="554"/>
      <c r="V31" s="554"/>
      <c r="W31" s="554"/>
      <c r="X31" s="554"/>
      <c r="Y31" s="554"/>
      <c r="Z31" s="554"/>
      <c r="AA31" s="554"/>
      <c r="AB31" s="554"/>
      <c r="AC31" s="554"/>
      <c r="AD31" s="554"/>
      <c r="AE31" s="554"/>
      <c r="AF31" s="553"/>
    </row>
    <row r="32" spans="2:32" s="8" customFormat="1" ht="10.5" customHeight="1" x14ac:dyDescent="0.15">
      <c r="B32" s="189"/>
      <c r="C32" s="937" t="s">
        <v>1302</v>
      </c>
      <c r="D32" s="937"/>
      <c r="E32" s="937"/>
      <c r="F32" s="1231"/>
      <c r="G32" s="157"/>
      <c r="H32" s="157"/>
      <c r="I32" s="157"/>
      <c r="J32" s="157"/>
      <c r="K32" s="157"/>
      <c r="L32" s="157"/>
      <c r="M32" s="157"/>
      <c r="N32" s="157"/>
      <c r="O32" s="157"/>
      <c r="P32" s="157"/>
      <c r="Q32" s="157"/>
      <c r="R32" s="157"/>
      <c r="S32" s="157"/>
      <c r="T32" s="157"/>
      <c r="U32" s="157"/>
      <c r="V32" s="157"/>
      <c r="W32" s="157"/>
      <c r="X32" s="157"/>
      <c r="Y32" s="157"/>
      <c r="Z32" s="157"/>
      <c r="AA32" s="157"/>
      <c r="AB32" s="157"/>
      <c r="AC32" s="156"/>
      <c r="AD32" s="157"/>
      <c r="AE32" s="157"/>
      <c r="AF32" s="156"/>
    </row>
    <row r="33" spans="2:32" s="8" customFormat="1" ht="15.75" customHeight="1" x14ac:dyDescent="0.15">
      <c r="B33" s="9"/>
      <c r="C33" s="937"/>
      <c r="D33" s="937"/>
      <c r="E33" s="937"/>
      <c r="F33" s="1231"/>
      <c r="H33" s="1168" t="s">
        <v>1301</v>
      </c>
      <c r="I33" s="1168"/>
      <c r="J33" s="1168"/>
      <c r="K33" s="1168"/>
      <c r="L33" s="1168"/>
      <c r="M33" s="1168"/>
      <c r="N33" s="1168"/>
      <c r="O33" s="1168"/>
      <c r="P33" s="1168"/>
      <c r="Q33" s="1168"/>
      <c r="R33" s="1168"/>
      <c r="S33" s="1168"/>
      <c r="T33" s="1168"/>
      <c r="U33" s="1168"/>
      <c r="V33" s="1168"/>
      <c r="W33" s="1168"/>
      <c r="X33" s="1168"/>
      <c r="Y33" s="511"/>
      <c r="Z33" s="511"/>
      <c r="AA33" s="511"/>
      <c r="AB33" s="511"/>
      <c r="AC33" s="149"/>
      <c r="AF33" s="149"/>
    </row>
    <row r="34" spans="2:32" s="8" customFormat="1" ht="40.5" customHeight="1" x14ac:dyDescent="0.15">
      <c r="B34" s="153"/>
      <c r="C34" s="937"/>
      <c r="D34" s="937"/>
      <c r="E34" s="937"/>
      <c r="F34" s="1231"/>
      <c r="H34" s="198" t="s">
        <v>279</v>
      </c>
      <c r="I34" s="1014" t="s">
        <v>1337</v>
      </c>
      <c r="J34" s="1015"/>
      <c r="K34" s="1015"/>
      <c r="L34" s="1015"/>
      <c r="M34" s="1015"/>
      <c r="N34" s="1015"/>
      <c r="O34" s="1015"/>
      <c r="P34" s="1015"/>
      <c r="Q34" s="1015"/>
      <c r="R34" s="1015"/>
      <c r="S34" s="1015"/>
      <c r="T34" s="1015"/>
      <c r="U34" s="1016"/>
      <c r="V34" s="780"/>
      <c r="W34" s="781"/>
      <c r="X34" s="176" t="s">
        <v>175</v>
      </c>
      <c r="Z34" s="333"/>
      <c r="AA34" s="333"/>
      <c r="AB34" s="333"/>
      <c r="AC34" s="149"/>
      <c r="AD34" s="340" t="s">
        <v>227</v>
      </c>
      <c r="AE34" s="152" t="s">
        <v>217</v>
      </c>
      <c r="AF34" s="339" t="s">
        <v>226</v>
      </c>
    </row>
    <row r="35" spans="2:32" s="8" customFormat="1" ht="17.25" customHeight="1" x14ac:dyDescent="0.15">
      <c r="B35" s="153"/>
      <c r="C35" s="937"/>
      <c r="D35" s="937"/>
      <c r="E35" s="937"/>
      <c r="F35" s="1231"/>
      <c r="H35" s="491"/>
      <c r="I35" s="552"/>
      <c r="J35" s="552"/>
      <c r="K35" s="552"/>
      <c r="L35" s="552"/>
      <c r="M35" s="552"/>
      <c r="N35" s="552"/>
      <c r="O35" s="552"/>
      <c r="P35" s="552"/>
      <c r="Q35" s="552"/>
      <c r="R35" s="552"/>
      <c r="S35" s="552"/>
      <c r="T35" s="552"/>
      <c r="U35" s="552"/>
      <c r="V35" s="177"/>
      <c r="W35" s="177"/>
      <c r="X35" s="177"/>
      <c r="Z35" s="333"/>
      <c r="AA35" s="333"/>
      <c r="AB35" s="333"/>
      <c r="AC35" s="149"/>
      <c r="AD35" s="340"/>
      <c r="AE35" s="152"/>
      <c r="AF35" s="339"/>
    </row>
    <row r="36" spans="2:32" s="8" customFormat="1" ht="40.5" customHeight="1" x14ac:dyDescent="0.15">
      <c r="B36" s="153"/>
      <c r="C36" s="937"/>
      <c r="D36" s="937"/>
      <c r="E36" s="937"/>
      <c r="F36" s="1231"/>
      <c r="H36" s="198" t="s">
        <v>277</v>
      </c>
      <c r="I36" s="1014" t="s">
        <v>1336</v>
      </c>
      <c r="J36" s="1015"/>
      <c r="K36" s="1015"/>
      <c r="L36" s="1015"/>
      <c r="M36" s="1015"/>
      <c r="N36" s="1015"/>
      <c r="O36" s="1015"/>
      <c r="P36" s="1015"/>
      <c r="Q36" s="1015"/>
      <c r="R36" s="1015"/>
      <c r="S36" s="1015"/>
      <c r="T36" s="1015"/>
      <c r="U36" s="1016"/>
      <c r="V36" s="780"/>
      <c r="W36" s="781"/>
      <c r="X36" s="176" t="s">
        <v>175</v>
      </c>
      <c r="Y36" s="8" t="s">
        <v>275</v>
      </c>
      <c r="Z36" s="1230" t="s">
        <v>1335</v>
      </c>
      <c r="AA36" s="1230"/>
      <c r="AB36" s="1230"/>
      <c r="AC36" s="149"/>
      <c r="AD36" s="291" t="s">
        <v>0</v>
      </c>
      <c r="AE36" s="178" t="s">
        <v>217</v>
      </c>
      <c r="AF36" s="338" t="s">
        <v>0</v>
      </c>
    </row>
    <row r="37" spans="2:32" s="8" customFormat="1" ht="20.25" customHeight="1" x14ac:dyDescent="0.15">
      <c r="B37" s="153"/>
      <c r="C37" s="937"/>
      <c r="D37" s="937"/>
      <c r="E37" s="937"/>
      <c r="F37" s="1231"/>
      <c r="H37" s="18" t="s">
        <v>550</v>
      </c>
      <c r="I37" s="334"/>
      <c r="J37" s="334"/>
      <c r="K37" s="334"/>
      <c r="L37" s="334"/>
      <c r="M37" s="334"/>
      <c r="N37" s="334"/>
      <c r="O37" s="334"/>
      <c r="P37" s="334"/>
      <c r="Q37" s="334"/>
      <c r="R37" s="334"/>
      <c r="S37" s="18"/>
      <c r="T37" s="18"/>
      <c r="U37" s="18"/>
      <c r="W37" s="333"/>
      <c r="X37" s="333"/>
      <c r="Y37" s="333"/>
      <c r="AD37" s="291"/>
      <c r="AE37" s="178"/>
      <c r="AF37" s="338"/>
    </row>
    <row r="38" spans="2:32" s="8" customFormat="1" ht="74.25" customHeight="1" x14ac:dyDescent="0.15">
      <c r="B38" s="536"/>
      <c r="C38" s="829"/>
      <c r="D38" s="828"/>
      <c r="E38" s="828"/>
      <c r="F38" s="806"/>
      <c r="G38" s="189"/>
      <c r="H38" s="198" t="s">
        <v>293</v>
      </c>
      <c r="I38" s="1170" t="s">
        <v>1297</v>
      </c>
      <c r="J38" s="1171"/>
      <c r="K38" s="1171"/>
      <c r="L38" s="1171"/>
      <c r="M38" s="1171"/>
      <c r="N38" s="1171"/>
      <c r="O38" s="1171"/>
      <c r="P38" s="1171"/>
      <c r="Q38" s="1171"/>
      <c r="R38" s="1171"/>
      <c r="S38" s="1171"/>
      <c r="T38" s="1171"/>
      <c r="U38" s="1172"/>
      <c r="V38" s="780"/>
      <c r="W38" s="781"/>
      <c r="X38" s="177" t="s">
        <v>175</v>
      </c>
      <c r="Y38" s="9" t="s">
        <v>275</v>
      </c>
      <c r="Z38" s="993" t="s">
        <v>1296</v>
      </c>
      <c r="AA38" s="993"/>
      <c r="AB38" s="993"/>
      <c r="AC38" s="149"/>
      <c r="AD38" s="191" t="s">
        <v>0</v>
      </c>
      <c r="AE38" s="191" t="s">
        <v>217</v>
      </c>
      <c r="AF38" s="363" t="s">
        <v>0</v>
      </c>
    </row>
    <row r="39" spans="2:32" s="8" customFormat="1" ht="15" customHeight="1" x14ac:dyDescent="0.15">
      <c r="B39" s="153"/>
      <c r="C39" s="937"/>
      <c r="D39" s="822"/>
      <c r="E39" s="822"/>
      <c r="F39" s="1232"/>
      <c r="H39" s="249"/>
      <c r="I39" s="334"/>
      <c r="J39" s="334"/>
      <c r="K39" s="334"/>
      <c r="L39" s="334"/>
      <c r="M39" s="334"/>
      <c r="N39" s="334"/>
      <c r="O39" s="334"/>
      <c r="P39" s="334"/>
      <c r="Q39" s="334"/>
      <c r="R39" s="334"/>
      <c r="S39" s="18"/>
      <c r="T39" s="18"/>
      <c r="U39" s="18"/>
      <c r="W39" s="333"/>
      <c r="X39" s="333"/>
      <c r="Y39" s="333"/>
      <c r="AD39" s="291"/>
      <c r="AE39" s="178"/>
      <c r="AF39" s="338"/>
    </row>
    <row r="40" spans="2:32" s="8" customFormat="1" x14ac:dyDescent="0.15">
      <c r="B40" s="153"/>
      <c r="C40" s="937"/>
      <c r="D40" s="937"/>
      <c r="E40" s="937"/>
      <c r="F40" s="1231"/>
      <c r="H40" s="323" t="s">
        <v>896</v>
      </c>
      <c r="I40" s="334"/>
      <c r="J40" s="334"/>
      <c r="K40" s="334"/>
      <c r="L40" s="334"/>
      <c r="M40" s="334"/>
      <c r="N40" s="334"/>
      <c r="O40" s="334"/>
      <c r="P40" s="334"/>
      <c r="Q40" s="334"/>
      <c r="R40" s="334"/>
      <c r="U40" s="18"/>
      <c r="W40" s="333"/>
      <c r="X40" s="333"/>
      <c r="Y40" s="333"/>
      <c r="AD40" s="340" t="s">
        <v>227</v>
      </c>
      <c r="AE40" s="152" t="s">
        <v>217</v>
      </c>
      <c r="AF40" s="339" t="s">
        <v>226</v>
      </c>
    </row>
    <row r="41" spans="2:32" s="8" customFormat="1" ht="20.25" customHeight="1" x14ac:dyDescent="0.15">
      <c r="B41" s="153"/>
      <c r="C41" s="937"/>
      <c r="D41" s="937"/>
      <c r="E41" s="937"/>
      <c r="F41" s="1231"/>
      <c r="H41" s="198" t="s">
        <v>513</v>
      </c>
      <c r="I41" s="1200" t="s">
        <v>1295</v>
      </c>
      <c r="J41" s="1201"/>
      <c r="K41" s="1201"/>
      <c r="L41" s="1201"/>
      <c r="M41" s="1201"/>
      <c r="N41" s="1201"/>
      <c r="O41" s="1201"/>
      <c r="P41" s="1201"/>
      <c r="Q41" s="1201"/>
      <c r="R41" s="1201"/>
      <c r="S41" s="1201"/>
      <c r="T41" s="1201"/>
      <c r="U41" s="1201"/>
      <c r="V41" s="1201"/>
      <c r="W41" s="1201"/>
      <c r="X41" s="1202"/>
      <c r="Y41" s="333"/>
      <c r="AD41" s="291" t="s">
        <v>0</v>
      </c>
      <c r="AE41" s="178" t="s">
        <v>217</v>
      </c>
      <c r="AF41" s="338" t="s">
        <v>0</v>
      </c>
    </row>
    <row r="42" spans="2:32" s="8" customFormat="1" x14ac:dyDescent="0.15">
      <c r="B42" s="153"/>
      <c r="C42" s="937"/>
      <c r="D42" s="937"/>
      <c r="E42" s="937"/>
      <c r="F42" s="1231"/>
      <c r="H42" s="323" t="s">
        <v>1294</v>
      </c>
      <c r="I42" s="334"/>
      <c r="J42" s="334"/>
      <c r="K42" s="334"/>
      <c r="L42" s="334"/>
      <c r="M42" s="334"/>
      <c r="N42" s="334"/>
      <c r="O42" s="334"/>
      <c r="P42" s="334"/>
      <c r="Q42" s="334"/>
      <c r="R42" s="334"/>
      <c r="U42" s="18"/>
      <c r="W42" s="333"/>
      <c r="X42" s="333"/>
      <c r="Y42" s="333"/>
      <c r="AD42" s="155"/>
      <c r="AE42" s="249"/>
      <c r="AF42" s="486"/>
    </row>
    <row r="43" spans="2:32" s="8" customFormat="1" x14ac:dyDescent="0.15">
      <c r="B43" s="153"/>
      <c r="C43" s="937"/>
      <c r="D43" s="937"/>
      <c r="E43" s="937"/>
      <c r="F43" s="1231"/>
      <c r="H43" s="249"/>
      <c r="I43" s="334"/>
      <c r="J43" s="334"/>
      <c r="K43" s="334"/>
      <c r="L43" s="334"/>
      <c r="M43" s="334"/>
      <c r="N43" s="334"/>
      <c r="O43" s="334"/>
      <c r="P43" s="334"/>
      <c r="Q43" s="334"/>
      <c r="R43" s="334"/>
      <c r="S43" s="334"/>
      <c r="T43" s="334"/>
      <c r="U43" s="334"/>
      <c r="X43" s="18"/>
      <c r="Z43" s="333"/>
      <c r="AA43" s="333"/>
      <c r="AB43" s="333"/>
      <c r="AC43" s="149"/>
      <c r="AD43" s="249"/>
      <c r="AE43" s="249"/>
      <c r="AF43" s="486"/>
    </row>
    <row r="44" spans="2:32" s="8" customFormat="1" x14ac:dyDescent="0.15">
      <c r="B44" s="153"/>
      <c r="C44" s="937"/>
      <c r="D44" s="937"/>
      <c r="E44" s="937"/>
      <c r="F44" s="1231"/>
      <c r="H44" s="323" t="s">
        <v>1293</v>
      </c>
      <c r="I44" s="334"/>
      <c r="J44" s="334"/>
      <c r="K44" s="334"/>
      <c r="L44" s="334"/>
      <c r="M44" s="334"/>
      <c r="N44" s="334"/>
      <c r="O44" s="334"/>
      <c r="P44" s="334"/>
      <c r="Q44" s="334"/>
      <c r="R44" s="334"/>
      <c r="S44" s="334"/>
      <c r="T44" s="334"/>
      <c r="U44" s="334"/>
      <c r="X44" s="18"/>
      <c r="Z44" s="333"/>
      <c r="AA44" s="333"/>
      <c r="AB44" s="333"/>
      <c r="AC44" s="149"/>
      <c r="AD44" s="340" t="s">
        <v>227</v>
      </c>
      <c r="AE44" s="152" t="s">
        <v>217</v>
      </c>
      <c r="AF44" s="339" t="s">
        <v>226</v>
      </c>
    </row>
    <row r="45" spans="2:32" s="8" customFormat="1" ht="40.5" customHeight="1" x14ac:dyDescent="0.15">
      <c r="B45" s="153"/>
      <c r="C45" s="937"/>
      <c r="D45" s="937"/>
      <c r="E45" s="937"/>
      <c r="F45" s="1231"/>
      <c r="H45" s="198" t="s">
        <v>511</v>
      </c>
      <c r="I45" s="533" t="s">
        <v>1292</v>
      </c>
      <c r="J45" s="533"/>
      <c r="K45" s="533"/>
      <c r="L45" s="534"/>
      <c r="M45" s="533" t="s">
        <v>1291</v>
      </c>
      <c r="N45" s="532"/>
      <c r="O45" s="532"/>
      <c r="P45" s="1211"/>
      <c r="Q45" s="1211"/>
      <c r="R45" s="1211"/>
      <c r="S45" s="1211"/>
      <c r="T45" s="1211"/>
      <c r="U45" s="1211"/>
      <c r="V45" s="1211"/>
      <c r="W45" s="1211"/>
      <c r="X45" s="176" t="s">
        <v>175</v>
      </c>
      <c r="Y45" s="8" t="s">
        <v>275</v>
      </c>
      <c r="Z45" s="1230" t="s">
        <v>1334</v>
      </c>
      <c r="AA45" s="1230"/>
      <c r="AB45" s="1230"/>
      <c r="AC45" s="149"/>
      <c r="AD45" s="291" t="s">
        <v>0</v>
      </c>
      <c r="AE45" s="178" t="s">
        <v>217</v>
      </c>
      <c r="AF45" s="338" t="s">
        <v>0</v>
      </c>
    </row>
    <row r="46" spans="2:32" s="8" customFormat="1" ht="15.75" customHeight="1" x14ac:dyDescent="0.15">
      <c r="B46" s="153"/>
      <c r="C46" s="937"/>
      <c r="D46" s="937"/>
      <c r="E46" s="937"/>
      <c r="F46" s="1231"/>
      <c r="H46" s="249"/>
      <c r="I46" s="255"/>
      <c r="J46" s="255"/>
      <c r="K46" s="255"/>
      <c r="L46" s="255"/>
      <c r="M46" s="255"/>
      <c r="N46" s="460"/>
      <c r="O46" s="460"/>
      <c r="P46" s="466"/>
      <c r="Q46" s="466"/>
      <c r="R46" s="466"/>
      <c r="S46" s="466"/>
      <c r="T46" s="466"/>
      <c r="U46" s="466"/>
      <c r="V46" s="466"/>
      <c r="W46" s="466"/>
      <c r="X46" s="18"/>
      <c r="Z46" s="551"/>
      <c r="AA46" s="551"/>
      <c r="AB46" s="551"/>
      <c r="AD46" s="291"/>
      <c r="AE46" s="178"/>
      <c r="AF46" s="338"/>
    </row>
    <row r="47" spans="2:32" s="8" customFormat="1" ht="14.25" customHeight="1" x14ac:dyDescent="0.15">
      <c r="B47" s="153"/>
      <c r="C47" s="937"/>
      <c r="D47" s="937"/>
      <c r="E47" s="937"/>
      <c r="F47" s="1231"/>
      <c r="H47" s="515" t="s">
        <v>1289</v>
      </c>
      <c r="I47" s="334"/>
      <c r="J47" s="334"/>
      <c r="K47" s="334"/>
      <c r="L47" s="334"/>
      <c r="M47" s="334"/>
      <c r="N47" s="334"/>
      <c r="O47" s="334"/>
      <c r="P47" s="334"/>
      <c r="Q47" s="334"/>
      <c r="R47" s="334"/>
      <c r="U47" s="18"/>
      <c r="W47" s="333"/>
      <c r="X47" s="333"/>
      <c r="Y47" s="333"/>
      <c r="AD47" s="340" t="s">
        <v>227</v>
      </c>
      <c r="AE47" s="152" t="s">
        <v>217</v>
      </c>
      <c r="AF47" s="339" t="s">
        <v>226</v>
      </c>
    </row>
    <row r="48" spans="2:32" s="8" customFormat="1" ht="15" customHeight="1" x14ac:dyDescent="0.15">
      <c r="B48" s="153"/>
      <c r="C48" s="937"/>
      <c r="D48" s="937"/>
      <c r="E48" s="937"/>
      <c r="F48" s="1231"/>
      <c r="H48" s="163" t="s">
        <v>509</v>
      </c>
      <c r="I48" s="1226" t="s">
        <v>1288</v>
      </c>
      <c r="J48" s="1227"/>
      <c r="K48" s="1227"/>
      <c r="L48" s="1227"/>
      <c r="M48" s="1227"/>
      <c r="N48" s="1227"/>
      <c r="O48" s="1227"/>
      <c r="P48" s="1227"/>
      <c r="Q48" s="1227"/>
      <c r="R48" s="1227"/>
      <c r="S48" s="1227"/>
      <c r="T48" s="1227"/>
      <c r="U48" s="1227"/>
      <c r="V48" s="1227"/>
      <c r="W48" s="1227"/>
      <c r="X48" s="1228"/>
      <c r="Z48" s="333"/>
      <c r="AA48" s="333"/>
      <c r="AB48" s="333"/>
      <c r="AD48" s="291" t="s">
        <v>0</v>
      </c>
      <c r="AE48" s="178" t="s">
        <v>217</v>
      </c>
      <c r="AF48" s="338" t="s">
        <v>0</v>
      </c>
    </row>
    <row r="49" spans="2:32" s="8" customFormat="1" ht="21" customHeight="1" x14ac:dyDescent="0.15">
      <c r="B49" s="483"/>
      <c r="C49" s="828"/>
      <c r="D49" s="828"/>
      <c r="E49" s="828"/>
      <c r="F49" s="806"/>
      <c r="G49" s="172"/>
      <c r="H49" s="491"/>
      <c r="I49" s="491"/>
      <c r="J49" s="491"/>
      <c r="K49" s="491"/>
      <c r="L49" s="491"/>
      <c r="M49" s="533"/>
      <c r="N49" s="532"/>
      <c r="O49" s="532"/>
      <c r="P49" s="532"/>
      <c r="Q49" s="532"/>
      <c r="R49" s="532"/>
      <c r="S49" s="532"/>
      <c r="T49" s="532"/>
      <c r="U49" s="532"/>
      <c r="V49" s="181"/>
      <c r="W49" s="181"/>
      <c r="X49" s="177"/>
      <c r="Y49" s="172"/>
      <c r="Z49" s="464"/>
      <c r="AA49" s="464"/>
      <c r="AB49" s="464"/>
      <c r="AC49" s="171"/>
      <c r="AD49" s="465"/>
      <c r="AE49" s="465"/>
      <c r="AF49" s="512"/>
    </row>
    <row r="50" spans="2:32" s="8" customFormat="1" ht="10.5" customHeight="1" x14ac:dyDescent="0.15">
      <c r="B50" s="550"/>
      <c r="C50" s="259"/>
      <c r="D50" s="259"/>
      <c r="E50" s="259"/>
      <c r="F50" s="258"/>
      <c r="G50" s="157"/>
      <c r="H50" s="480"/>
      <c r="I50" s="480"/>
      <c r="J50" s="480"/>
      <c r="K50" s="480"/>
      <c r="L50" s="480"/>
      <c r="M50" s="549"/>
      <c r="N50" s="548"/>
      <c r="O50" s="548"/>
      <c r="P50" s="548"/>
      <c r="Q50" s="548"/>
      <c r="R50" s="548"/>
      <c r="S50" s="548"/>
      <c r="T50" s="548"/>
      <c r="U50" s="548"/>
      <c r="V50" s="548"/>
      <c r="W50" s="548"/>
      <c r="X50" s="157"/>
      <c r="Y50" s="157"/>
      <c r="Z50" s="194"/>
      <c r="AA50" s="157"/>
      <c r="AB50" s="479"/>
      <c r="AC50" s="479"/>
      <c r="AD50" s="547"/>
      <c r="AE50" s="480"/>
      <c r="AF50" s="546"/>
    </row>
    <row r="51" spans="2:32" s="8" customFormat="1" ht="18.75" customHeight="1" x14ac:dyDescent="0.15">
      <c r="B51" s="461"/>
      <c r="C51" s="154"/>
      <c r="D51" s="154"/>
      <c r="E51" s="154"/>
      <c r="F51" s="196"/>
      <c r="H51" s="323" t="s">
        <v>1333</v>
      </c>
      <c r="I51" s="249"/>
      <c r="J51" s="249"/>
      <c r="K51" s="249"/>
      <c r="L51" s="249"/>
      <c r="M51" s="255"/>
      <c r="N51" s="460"/>
      <c r="O51" s="460"/>
      <c r="P51" s="460"/>
      <c r="Q51" s="460"/>
      <c r="R51" s="460"/>
      <c r="S51" s="460"/>
      <c r="T51" s="460"/>
      <c r="U51" s="460"/>
      <c r="V51" s="460"/>
      <c r="W51" s="460"/>
      <c r="Z51" s="18"/>
      <c r="AB51" s="333"/>
      <c r="AC51" s="333"/>
      <c r="AD51" s="340" t="s">
        <v>227</v>
      </c>
      <c r="AE51" s="152" t="s">
        <v>217</v>
      </c>
      <c r="AF51" s="339" t="s">
        <v>226</v>
      </c>
    </row>
    <row r="52" spans="2:32" s="8" customFormat="1" ht="18.75" customHeight="1" x14ac:dyDescent="0.15">
      <c r="B52" s="822" t="s">
        <v>1332</v>
      </c>
      <c r="C52" s="789"/>
      <c r="D52" s="789"/>
      <c r="E52" s="789"/>
      <c r="F52" s="805"/>
      <c r="H52" s="323" t="s">
        <v>1331</v>
      </c>
      <c r="I52" s="249"/>
      <c r="J52" s="249"/>
      <c r="K52" s="249"/>
      <c r="L52" s="249"/>
      <c r="M52" s="255"/>
      <c r="N52" s="460"/>
      <c r="O52" s="460"/>
      <c r="P52" s="460"/>
      <c r="Q52" s="460"/>
      <c r="R52" s="460"/>
      <c r="S52" s="460"/>
      <c r="T52" s="460"/>
      <c r="U52" s="460"/>
      <c r="V52" s="460"/>
      <c r="W52" s="460"/>
      <c r="Z52" s="18"/>
      <c r="AB52" s="333"/>
      <c r="AC52" s="333"/>
      <c r="AD52" s="155"/>
      <c r="AE52" s="249"/>
      <c r="AF52" s="486"/>
    </row>
    <row r="53" spans="2:32" s="8" customFormat="1" ht="18.75" customHeight="1" x14ac:dyDescent="0.15">
      <c r="B53" s="822"/>
      <c r="C53" s="789"/>
      <c r="D53" s="789"/>
      <c r="E53" s="789"/>
      <c r="F53" s="805"/>
      <c r="H53" s="323" t="s">
        <v>1330</v>
      </c>
      <c r="I53" s="249"/>
      <c r="J53" s="249"/>
      <c r="K53" s="249"/>
      <c r="L53" s="249"/>
      <c r="M53" s="255"/>
      <c r="N53" s="460"/>
      <c r="O53" s="460"/>
      <c r="P53" s="460"/>
      <c r="Q53" s="460"/>
      <c r="R53" s="460"/>
      <c r="S53" s="460"/>
      <c r="T53" s="460"/>
      <c r="U53" s="460"/>
      <c r="V53" s="460"/>
      <c r="W53" s="460"/>
      <c r="Z53" s="18"/>
      <c r="AB53" s="333"/>
      <c r="AC53" s="333"/>
      <c r="AD53" s="291" t="s">
        <v>0</v>
      </c>
      <c r="AE53" s="178" t="s">
        <v>217</v>
      </c>
      <c r="AF53" s="338" t="s">
        <v>0</v>
      </c>
    </row>
    <row r="54" spans="2:32" s="8" customFormat="1" ht="18.75" customHeight="1" x14ac:dyDescent="0.15">
      <c r="B54" s="822"/>
      <c r="C54" s="789"/>
      <c r="D54" s="789"/>
      <c r="E54" s="789"/>
      <c r="F54" s="805"/>
      <c r="H54" s="323" t="s">
        <v>1329</v>
      </c>
      <c r="I54" s="249"/>
      <c r="J54" s="249"/>
      <c r="K54" s="249"/>
      <c r="L54" s="249"/>
      <c r="M54" s="255"/>
      <c r="N54" s="460"/>
      <c r="O54" s="460"/>
      <c r="P54" s="460"/>
      <c r="Q54" s="460"/>
      <c r="R54" s="460"/>
      <c r="S54" s="460"/>
      <c r="T54" s="460"/>
      <c r="U54" s="460"/>
      <c r="V54" s="460"/>
      <c r="W54" s="460"/>
      <c r="Z54" s="18"/>
      <c r="AB54" s="333"/>
      <c r="AC54" s="333"/>
      <c r="AD54" s="291" t="s">
        <v>0</v>
      </c>
      <c r="AE54" s="178" t="s">
        <v>217</v>
      </c>
      <c r="AF54" s="338" t="s">
        <v>0</v>
      </c>
    </row>
    <row r="55" spans="2:32" s="8" customFormat="1" ht="18.75" customHeight="1" x14ac:dyDescent="0.15">
      <c r="B55" s="822"/>
      <c r="C55" s="789"/>
      <c r="D55" s="789"/>
      <c r="E55" s="789"/>
      <c r="F55" s="805"/>
      <c r="H55" s="323" t="s">
        <v>1328</v>
      </c>
      <c r="I55" s="249"/>
      <c r="J55" s="249"/>
      <c r="K55" s="249"/>
      <c r="L55" s="249"/>
      <c r="M55" s="255"/>
      <c r="N55" s="460"/>
      <c r="O55" s="460"/>
      <c r="P55" s="460"/>
      <c r="Q55" s="460"/>
      <c r="R55" s="460"/>
      <c r="S55" s="460"/>
      <c r="T55" s="460"/>
      <c r="U55" s="460"/>
      <c r="V55" s="460"/>
      <c r="W55" s="460"/>
      <c r="Z55" s="18"/>
      <c r="AB55" s="333"/>
      <c r="AC55" s="333"/>
      <c r="AD55" s="291" t="s">
        <v>0</v>
      </c>
      <c r="AE55" s="178" t="s">
        <v>217</v>
      </c>
      <c r="AF55" s="338" t="s">
        <v>0</v>
      </c>
    </row>
    <row r="56" spans="2:32" s="8" customFormat="1" ht="18.75" customHeight="1" x14ac:dyDescent="0.15">
      <c r="B56" s="822"/>
      <c r="C56" s="789"/>
      <c r="D56" s="789"/>
      <c r="E56" s="789"/>
      <c r="F56" s="805"/>
      <c r="H56" s="323" t="s">
        <v>1327</v>
      </c>
      <c r="I56" s="249"/>
      <c r="J56" s="249"/>
      <c r="K56" s="249"/>
      <c r="L56" s="249"/>
      <c r="M56" s="255"/>
      <c r="N56" s="460"/>
      <c r="O56" s="460"/>
      <c r="P56" s="460"/>
      <c r="Q56" s="460"/>
      <c r="R56" s="460"/>
      <c r="S56" s="460"/>
      <c r="T56" s="460"/>
      <c r="U56" s="460"/>
      <c r="V56" s="460"/>
      <c r="W56" s="460"/>
      <c r="Z56" s="18"/>
      <c r="AB56" s="333"/>
      <c r="AC56" s="333"/>
      <c r="AD56" s="291" t="s">
        <v>0</v>
      </c>
      <c r="AE56" s="178" t="s">
        <v>217</v>
      </c>
      <c r="AF56" s="338" t="s">
        <v>0</v>
      </c>
    </row>
    <row r="57" spans="2:32" s="8" customFormat="1" ht="18.75" customHeight="1" x14ac:dyDescent="0.15">
      <c r="B57" s="822"/>
      <c r="C57" s="789"/>
      <c r="D57" s="789"/>
      <c r="E57" s="789"/>
      <c r="F57" s="805"/>
      <c r="H57" s="323" t="s">
        <v>1326</v>
      </c>
      <c r="I57" s="249"/>
      <c r="J57" s="249"/>
      <c r="K57" s="249"/>
      <c r="L57" s="249"/>
      <c r="M57" s="255"/>
      <c r="N57" s="460"/>
      <c r="O57" s="460"/>
      <c r="P57" s="460"/>
      <c r="Q57" s="460"/>
      <c r="R57" s="460"/>
      <c r="S57" s="460"/>
      <c r="T57" s="460"/>
      <c r="U57" s="460"/>
      <c r="V57" s="460"/>
      <c r="W57" s="460"/>
      <c r="Z57" s="18"/>
      <c r="AB57" s="333"/>
      <c r="AC57" s="333"/>
      <c r="AD57" s="155"/>
      <c r="AE57" s="249"/>
      <c r="AF57" s="486"/>
    </row>
    <row r="58" spans="2:32" s="8" customFormat="1" ht="18.75" customHeight="1" x14ac:dyDescent="0.15">
      <c r="B58" s="822"/>
      <c r="C58" s="789"/>
      <c r="D58" s="789"/>
      <c r="E58" s="789"/>
      <c r="F58" s="805"/>
      <c r="H58" s="323"/>
      <c r="I58" s="1032" t="s">
        <v>232</v>
      </c>
      <c r="J58" s="1032"/>
      <c r="K58" s="1032"/>
      <c r="L58" s="1032"/>
      <c r="M58" s="1032"/>
      <c r="N58" s="1170"/>
      <c r="O58" s="1171"/>
      <c r="P58" s="1171"/>
      <c r="Q58" s="1171"/>
      <c r="R58" s="1171"/>
      <c r="S58" s="1171"/>
      <c r="T58" s="1171"/>
      <c r="U58" s="1171"/>
      <c r="V58" s="1171"/>
      <c r="W58" s="1171"/>
      <c r="X58" s="1171"/>
      <c r="Y58" s="1171"/>
      <c r="Z58" s="1171"/>
      <c r="AA58" s="1171"/>
      <c r="AB58" s="1172"/>
      <c r="AC58" s="333"/>
      <c r="AD58" s="155"/>
      <c r="AE58" s="249"/>
      <c r="AF58" s="486"/>
    </row>
    <row r="59" spans="2:32" s="8" customFormat="1" ht="18.75" customHeight="1" x14ac:dyDescent="0.15">
      <c r="B59" s="822"/>
      <c r="C59" s="789"/>
      <c r="D59" s="789"/>
      <c r="E59" s="789"/>
      <c r="F59" s="805"/>
      <c r="H59" s="323"/>
      <c r="I59" s="1032" t="s">
        <v>231</v>
      </c>
      <c r="J59" s="1032"/>
      <c r="K59" s="1032"/>
      <c r="L59" s="1032"/>
      <c r="M59" s="1032"/>
      <c r="N59" s="1170"/>
      <c r="O59" s="1171"/>
      <c r="P59" s="1171"/>
      <c r="Q59" s="1171"/>
      <c r="R59" s="1171"/>
      <c r="S59" s="1171"/>
      <c r="T59" s="1171"/>
      <c r="U59" s="1171"/>
      <c r="V59" s="1171"/>
      <c r="W59" s="1171"/>
      <c r="X59" s="1171"/>
      <c r="Y59" s="1171"/>
      <c r="Z59" s="1171"/>
      <c r="AA59" s="1171"/>
      <c r="AB59" s="1172"/>
      <c r="AC59" s="333"/>
      <c r="AD59" s="155"/>
      <c r="AE59" s="249"/>
      <c r="AF59" s="486"/>
    </row>
    <row r="60" spans="2:32" s="8" customFormat="1" ht="18.75" customHeight="1" x14ac:dyDescent="0.15">
      <c r="B60" s="822"/>
      <c r="C60" s="789"/>
      <c r="D60" s="789"/>
      <c r="E60" s="789"/>
      <c r="F60" s="805"/>
      <c r="H60" s="323"/>
      <c r="I60" s="1032" t="s">
        <v>229</v>
      </c>
      <c r="J60" s="1032"/>
      <c r="K60" s="1032"/>
      <c r="L60" s="1032"/>
      <c r="M60" s="1032"/>
      <c r="N60" s="1170"/>
      <c r="O60" s="1171"/>
      <c r="P60" s="1171"/>
      <c r="Q60" s="1171"/>
      <c r="R60" s="1171"/>
      <c r="S60" s="1171"/>
      <c r="T60" s="1171"/>
      <c r="U60" s="1171"/>
      <c r="V60" s="1171"/>
      <c r="W60" s="1171"/>
      <c r="X60" s="1171"/>
      <c r="Y60" s="1171"/>
      <c r="Z60" s="1171"/>
      <c r="AA60" s="1171"/>
      <c r="AB60" s="1172"/>
      <c r="AC60" s="333"/>
      <c r="AD60" s="155"/>
      <c r="AE60" s="249"/>
      <c r="AF60" s="486"/>
    </row>
    <row r="61" spans="2:32" s="8" customFormat="1" ht="33.75" customHeight="1" x14ac:dyDescent="0.15">
      <c r="B61" s="822"/>
      <c r="C61" s="789"/>
      <c r="D61" s="789"/>
      <c r="E61" s="789"/>
      <c r="F61" s="805"/>
      <c r="H61" s="905" t="s">
        <v>1325</v>
      </c>
      <c r="I61" s="905"/>
      <c r="J61" s="905"/>
      <c r="K61" s="905"/>
      <c r="L61" s="905"/>
      <c r="M61" s="905"/>
      <c r="N61" s="905"/>
      <c r="O61" s="905"/>
      <c r="P61" s="905"/>
      <c r="Q61" s="905"/>
      <c r="R61" s="905"/>
      <c r="S61" s="905"/>
      <c r="T61" s="905"/>
      <c r="U61" s="905"/>
      <c r="V61" s="905"/>
      <c r="W61" s="905"/>
      <c r="X61" s="905"/>
      <c r="Y61" s="905"/>
      <c r="Z61" s="905"/>
      <c r="AA61" s="905"/>
      <c r="AB61" s="905"/>
      <c r="AC61" s="545"/>
      <c r="AD61" s="155"/>
      <c r="AE61" s="249"/>
      <c r="AF61" s="486"/>
    </row>
    <row r="62" spans="2:32" s="8" customFormat="1" ht="18.75" customHeight="1" x14ac:dyDescent="0.15">
      <c r="B62" s="822"/>
      <c r="C62" s="789"/>
      <c r="D62" s="789"/>
      <c r="E62" s="789"/>
      <c r="F62" s="805"/>
      <c r="H62" s="1229" t="s">
        <v>1324</v>
      </c>
      <c r="I62" s="1229"/>
      <c r="J62" s="1229"/>
      <c r="K62" s="1229"/>
      <c r="L62" s="1229"/>
      <c r="M62" s="1229"/>
      <c r="N62" s="1229"/>
      <c r="O62" s="1229"/>
      <c r="P62" s="1229"/>
      <c r="Q62" s="1229"/>
      <c r="R62" s="1229"/>
      <c r="S62" s="1229"/>
      <c r="T62" s="1229"/>
      <c r="U62" s="1229"/>
      <c r="V62" s="1229"/>
      <c r="W62" s="1229"/>
      <c r="X62" s="1229"/>
      <c r="Y62" s="333"/>
      <c r="Z62" s="333"/>
      <c r="AA62" s="333"/>
      <c r="AB62" s="333"/>
      <c r="AC62" s="333"/>
      <c r="AD62" s="291" t="s">
        <v>0</v>
      </c>
      <c r="AE62" s="178" t="s">
        <v>217</v>
      </c>
      <c r="AF62" s="338" t="s">
        <v>0</v>
      </c>
    </row>
    <row r="63" spans="2:32" s="8" customFormat="1" ht="18.75" customHeight="1" x14ac:dyDescent="0.15">
      <c r="B63" s="822"/>
      <c r="C63" s="789"/>
      <c r="D63" s="789"/>
      <c r="E63" s="789"/>
      <c r="F63" s="805"/>
      <c r="H63" s="1229" t="s">
        <v>1323</v>
      </c>
      <c r="I63" s="1229"/>
      <c r="J63" s="1229"/>
      <c r="K63" s="1229"/>
      <c r="L63" s="1229"/>
      <c r="M63" s="1229"/>
      <c r="N63" s="1229"/>
      <c r="O63" s="1229"/>
      <c r="P63" s="1229"/>
      <c r="Q63" s="1229"/>
      <c r="R63" s="1229"/>
      <c r="S63" s="1229"/>
      <c r="T63" s="1229"/>
      <c r="U63" s="1229"/>
      <c r="V63" s="1229"/>
      <c r="W63" s="333"/>
      <c r="X63" s="333"/>
      <c r="Y63" s="333"/>
      <c r="Z63" s="333"/>
      <c r="AA63" s="333"/>
      <c r="AB63" s="333"/>
      <c r="AC63" s="333"/>
      <c r="AD63" s="291" t="s">
        <v>0</v>
      </c>
      <c r="AE63" s="178" t="s">
        <v>217</v>
      </c>
      <c r="AF63" s="338" t="s">
        <v>0</v>
      </c>
    </row>
    <row r="64" spans="2:32" s="8" customFormat="1" ht="18.75" customHeight="1" x14ac:dyDescent="0.15">
      <c r="B64" s="822"/>
      <c r="C64" s="789"/>
      <c r="D64" s="789"/>
      <c r="E64" s="789"/>
      <c r="F64" s="805"/>
      <c r="H64" s="1229" t="s">
        <v>1322</v>
      </c>
      <c r="I64" s="1229"/>
      <c r="J64" s="1229"/>
      <c r="K64" s="1229"/>
      <c r="L64" s="1229"/>
      <c r="M64" s="1229"/>
      <c r="N64" s="1229"/>
      <c r="O64" s="1229"/>
      <c r="P64" s="1229"/>
      <c r="Q64" s="1229"/>
      <c r="R64" s="1229"/>
      <c r="S64" s="1229"/>
      <c r="T64" s="1229"/>
      <c r="U64" s="1229"/>
      <c r="V64" s="1229"/>
      <c r="W64" s="1229"/>
      <c r="X64" s="1229"/>
      <c r="Z64" s="18"/>
      <c r="AB64" s="333"/>
      <c r="AC64" s="333"/>
      <c r="AD64" s="291" t="s">
        <v>0</v>
      </c>
      <c r="AE64" s="178" t="s">
        <v>217</v>
      </c>
      <c r="AF64" s="338" t="s">
        <v>0</v>
      </c>
    </row>
    <row r="65" spans="2:33" s="8" customFormat="1" ht="18.75" customHeight="1" x14ac:dyDescent="0.15">
      <c r="B65" s="822"/>
      <c r="C65" s="789"/>
      <c r="D65" s="789"/>
      <c r="E65" s="789"/>
      <c r="F65" s="805"/>
      <c r="H65" s="1229" t="s">
        <v>1321</v>
      </c>
      <c r="I65" s="1229"/>
      <c r="J65" s="1229"/>
      <c r="K65" s="1229"/>
      <c r="L65" s="1229"/>
      <c r="M65" s="1229"/>
      <c r="N65" s="1229"/>
      <c r="O65" s="1229"/>
      <c r="P65" s="1229"/>
      <c r="Q65" s="1229"/>
      <c r="R65" s="1229"/>
      <c r="S65" s="1229"/>
      <c r="T65" s="460"/>
      <c r="U65" s="460"/>
      <c r="V65" s="460"/>
      <c r="W65" s="460"/>
      <c r="Z65" s="18"/>
      <c r="AB65" s="333"/>
      <c r="AC65" s="333"/>
      <c r="AD65" s="291" t="s">
        <v>0</v>
      </c>
      <c r="AE65" s="178" t="s">
        <v>217</v>
      </c>
      <c r="AF65" s="338" t="s">
        <v>0</v>
      </c>
    </row>
    <row r="66" spans="2:33" s="8" customFormat="1" ht="36.75" customHeight="1" x14ac:dyDescent="0.15">
      <c r="B66" s="461"/>
      <c r="C66" s="154"/>
      <c r="D66" s="154"/>
      <c r="E66" s="154"/>
      <c r="F66" s="196"/>
      <c r="H66" s="993" t="s">
        <v>1320</v>
      </c>
      <c r="I66" s="993"/>
      <c r="J66" s="993"/>
      <c r="K66" s="993"/>
      <c r="L66" s="993"/>
      <c r="M66" s="993"/>
      <c r="N66" s="993"/>
      <c r="O66" s="993"/>
      <c r="P66" s="993"/>
      <c r="Q66" s="993"/>
      <c r="R66" s="993"/>
      <c r="S66" s="993"/>
      <c r="T66" s="993"/>
      <c r="U66" s="993"/>
      <c r="V66" s="993"/>
      <c r="W66" s="993"/>
      <c r="X66" s="993"/>
      <c r="Y66" s="993"/>
      <c r="Z66" s="993"/>
      <c r="AA66" s="993"/>
      <c r="AB66" s="993"/>
      <c r="AC66" s="333"/>
      <c r="AD66" s="291" t="s">
        <v>0</v>
      </c>
      <c r="AE66" s="178" t="s">
        <v>217</v>
      </c>
      <c r="AF66" s="338" t="s">
        <v>0</v>
      </c>
    </row>
    <row r="67" spans="2:33" s="8" customFormat="1" ht="18.75" customHeight="1" x14ac:dyDescent="0.15">
      <c r="B67" s="461"/>
      <c r="C67" s="154"/>
      <c r="D67" s="154"/>
      <c r="E67" s="154"/>
      <c r="F67" s="196"/>
      <c r="H67" s="323" t="s">
        <v>1319</v>
      </c>
      <c r="I67" s="249"/>
      <c r="J67" s="249"/>
      <c r="K67" s="249"/>
      <c r="L67" s="249"/>
      <c r="M67" s="255"/>
      <c r="N67" s="460"/>
      <c r="O67" s="460"/>
      <c r="P67" s="460"/>
      <c r="Q67" s="460"/>
      <c r="R67" s="460"/>
      <c r="S67" s="460"/>
      <c r="T67" s="460"/>
      <c r="U67" s="460"/>
      <c r="V67" s="460"/>
      <c r="W67" s="460"/>
      <c r="Z67" s="18"/>
      <c r="AB67" s="333"/>
      <c r="AC67" s="333"/>
      <c r="AD67" s="291" t="s">
        <v>0</v>
      </c>
      <c r="AE67" s="178" t="s">
        <v>217</v>
      </c>
      <c r="AF67" s="338" t="s">
        <v>0</v>
      </c>
    </row>
    <row r="68" spans="2:33" s="8" customFormat="1" ht="15" customHeight="1" x14ac:dyDescent="0.15">
      <c r="B68" s="483"/>
      <c r="C68" s="145"/>
      <c r="D68" s="145"/>
      <c r="E68" s="145"/>
      <c r="F68" s="257"/>
      <c r="G68" s="172"/>
      <c r="H68" s="515"/>
      <c r="I68" s="465"/>
      <c r="J68" s="465"/>
      <c r="K68" s="465"/>
      <c r="L68" s="465"/>
      <c r="M68" s="544"/>
      <c r="N68" s="514"/>
      <c r="O68" s="514"/>
      <c r="P68" s="514"/>
      <c r="Q68" s="514"/>
      <c r="R68" s="514"/>
      <c r="S68" s="514"/>
      <c r="T68" s="514"/>
      <c r="U68" s="514"/>
      <c r="V68" s="514"/>
      <c r="W68" s="514"/>
      <c r="X68" s="172"/>
      <c r="Y68" s="172"/>
      <c r="Z68" s="143"/>
      <c r="AA68" s="172"/>
      <c r="AB68" s="464"/>
      <c r="AC68" s="464"/>
      <c r="AD68" s="513"/>
      <c r="AE68" s="465"/>
      <c r="AF68" s="512"/>
    </row>
    <row r="69" spans="2:33" s="8" customFormat="1" ht="33" customHeight="1" x14ac:dyDescent="0.15">
      <c r="B69" s="938" t="s">
        <v>1318</v>
      </c>
      <c r="C69" s="938"/>
      <c r="D69" s="938"/>
      <c r="E69" s="938"/>
      <c r="F69" s="938"/>
      <c r="G69" s="938"/>
      <c r="H69" s="938"/>
      <c r="I69" s="938"/>
      <c r="J69" s="938"/>
      <c r="K69" s="938"/>
      <c r="L69" s="938"/>
      <c r="M69" s="938"/>
      <c r="N69" s="938"/>
      <c r="O69" s="938"/>
      <c r="P69" s="938"/>
      <c r="Q69" s="938"/>
      <c r="R69" s="938"/>
      <c r="S69" s="938"/>
      <c r="T69" s="938"/>
      <c r="U69" s="938"/>
      <c r="V69" s="938"/>
      <c r="W69" s="938"/>
      <c r="X69" s="938"/>
      <c r="Y69" s="938"/>
      <c r="Z69" s="938"/>
      <c r="AA69" s="938"/>
      <c r="AB69" s="938"/>
      <c r="AC69" s="938"/>
      <c r="AD69" s="938"/>
      <c r="AE69" s="938"/>
      <c r="AF69" s="938"/>
    </row>
    <row r="70" spans="2:33" s="8" customFormat="1" ht="27" customHeight="1" x14ac:dyDescent="0.15">
      <c r="B70" s="827" t="s">
        <v>1317</v>
      </c>
      <c r="C70" s="827"/>
      <c r="D70" s="827"/>
      <c r="E70" s="827"/>
      <c r="F70" s="827"/>
      <c r="G70" s="827"/>
      <c r="H70" s="827"/>
      <c r="I70" s="827"/>
      <c r="J70" s="827"/>
      <c r="K70" s="827"/>
      <c r="L70" s="827"/>
      <c r="M70" s="827"/>
      <c r="N70" s="827"/>
      <c r="O70" s="827"/>
      <c r="P70" s="827"/>
      <c r="Q70" s="827"/>
      <c r="R70" s="827"/>
      <c r="S70" s="827"/>
      <c r="T70" s="827"/>
      <c r="U70" s="827"/>
      <c r="V70" s="827"/>
      <c r="W70" s="827"/>
      <c r="X70" s="827"/>
      <c r="Y70" s="827"/>
      <c r="Z70" s="827"/>
      <c r="AA70" s="827"/>
      <c r="AB70" s="827"/>
      <c r="AC70" s="827"/>
      <c r="AD70" s="827"/>
      <c r="AE70" s="827"/>
      <c r="AF70" s="827"/>
      <c r="AG70" s="827"/>
    </row>
    <row r="71" spans="2:33" s="6" customFormat="1" ht="6" customHeight="1" x14ac:dyDescent="0.15"/>
    <row r="72" spans="2:33" s="6" customFormat="1" ht="13.5" customHeight="1" x14ac:dyDescent="0.15">
      <c r="B72" s="827"/>
      <c r="C72" s="827"/>
      <c r="D72" s="827"/>
      <c r="E72" s="827"/>
      <c r="F72" s="827"/>
      <c r="G72" s="827"/>
      <c r="H72" s="827"/>
      <c r="I72" s="827"/>
      <c r="J72" s="827"/>
      <c r="K72" s="827"/>
      <c r="L72" s="827"/>
      <c r="M72" s="827"/>
      <c r="N72" s="827"/>
      <c r="O72" s="827"/>
      <c r="P72" s="827"/>
      <c r="Q72" s="827"/>
      <c r="R72" s="827"/>
      <c r="S72" s="827"/>
      <c r="T72" s="827"/>
      <c r="U72" s="827"/>
      <c r="V72" s="827"/>
      <c r="W72" s="827"/>
      <c r="X72" s="827"/>
      <c r="Y72" s="827"/>
      <c r="Z72" s="827"/>
      <c r="AA72" s="827"/>
      <c r="AB72" s="827"/>
      <c r="AC72" s="827"/>
      <c r="AD72" s="827"/>
      <c r="AE72" s="827"/>
      <c r="AF72" s="827"/>
      <c r="AG72" s="827"/>
    </row>
    <row r="122" spans="3:7" x14ac:dyDescent="0.15">
      <c r="C122" s="5"/>
      <c r="D122" s="5"/>
      <c r="E122" s="5"/>
      <c r="F122" s="5"/>
      <c r="G122" s="5"/>
    </row>
    <row r="123" spans="3:7" x14ac:dyDescent="0.15">
      <c r="C123" s="4"/>
    </row>
  </sheetData>
  <mergeCells count="50">
    <mergeCell ref="B5:AF5"/>
    <mergeCell ref="B7:F7"/>
    <mergeCell ref="G7:AF7"/>
    <mergeCell ref="B8:F8"/>
    <mergeCell ref="B9:F10"/>
    <mergeCell ref="P26:W26"/>
    <mergeCell ref="Z26:AB26"/>
    <mergeCell ref="B11:F11"/>
    <mergeCell ref="C13:F30"/>
    <mergeCell ref="H14:X14"/>
    <mergeCell ref="I15:U15"/>
    <mergeCell ref="V15:W15"/>
    <mergeCell ref="I17:U17"/>
    <mergeCell ref="V17:W17"/>
    <mergeCell ref="I29:X29"/>
    <mergeCell ref="Z17:AB17"/>
    <mergeCell ref="I19:U19"/>
    <mergeCell ref="V19:W19"/>
    <mergeCell ref="Z19:AB19"/>
    <mergeCell ref="I22:X22"/>
    <mergeCell ref="P45:W45"/>
    <mergeCell ref="Z45:AB45"/>
    <mergeCell ref="C32:F49"/>
    <mergeCell ref="H33:X33"/>
    <mergeCell ref="I34:U34"/>
    <mergeCell ref="V34:W34"/>
    <mergeCell ref="I36:U36"/>
    <mergeCell ref="V36:W36"/>
    <mergeCell ref="I48:X48"/>
    <mergeCell ref="Z36:AB36"/>
    <mergeCell ref="I38:U38"/>
    <mergeCell ref="V38:W38"/>
    <mergeCell ref="Z38:AB38"/>
    <mergeCell ref="I41:X41"/>
    <mergeCell ref="B70:AG70"/>
    <mergeCell ref="B72:AG72"/>
    <mergeCell ref="B52:F65"/>
    <mergeCell ref="I58:M58"/>
    <mergeCell ref="N58:AB58"/>
    <mergeCell ref="I59:M59"/>
    <mergeCell ref="N59:AB59"/>
    <mergeCell ref="I60:M60"/>
    <mergeCell ref="N60:AB60"/>
    <mergeCell ref="H61:AB61"/>
    <mergeCell ref="H62:X62"/>
    <mergeCell ref="H63:V63"/>
    <mergeCell ref="H64:X64"/>
    <mergeCell ref="H65:S65"/>
    <mergeCell ref="H66:AB66"/>
    <mergeCell ref="B69:AF69"/>
  </mergeCells>
  <phoneticPr fontId="2"/>
  <dataValidations count="1">
    <dataValidation type="list" allowBlank="1" showInputMessage="1" showErrorMessage="1" sqref="M8 R8 H8:H11 R11 AF17:AF20 AF62:AF67 AF26:AF27 AD41 AF36:AF39 AD22 AF45:AF46 AD29 AD53:AD56 AF53:AF56 AD62:AD67 AD17:AD20 AF22 AD36:AD39 AF41 AD26:AD27 AF29 AD45:AD46 AD48 AF48">
      <formula1>"□,■"</formula1>
    </dataValidation>
  </dataValidations>
  <printOptions horizontalCentered="1"/>
  <pageMargins left="0.70866141732283472" right="0.70866141732283472" top="0.74803149606299213" bottom="0.74803149606299213" header="0.31496062992125984" footer="0.31496062992125984"/>
  <pageSetup paperSize="9" scale="49" orientation="portrait" r:id="rId1"/>
  <rowBreaks count="1" manualBreakCount="1">
    <brk id="70" max="16383" man="1"/>
  </row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AK89"/>
  <sheetViews>
    <sheetView zoomScale="90" zoomScaleNormal="90" zoomScaleSheetLayoutView="70" workbookViewId="0">
      <selection activeCell="C87" sqref="C87"/>
    </sheetView>
  </sheetViews>
  <sheetFormatPr defaultRowHeight="13.5" x14ac:dyDescent="0.15"/>
  <cols>
    <col min="1" max="1" width="1.5" style="3" customWidth="1"/>
    <col min="2" max="2" width="10" style="3" customWidth="1"/>
    <col min="3" max="3" width="6.75" style="3" customWidth="1"/>
    <col min="4" max="4" width="10" style="3" customWidth="1"/>
    <col min="5" max="32" width="3.875" style="3" customWidth="1"/>
    <col min="33" max="35" width="9" style="3"/>
    <col min="36" max="36" width="2.5" style="3" customWidth="1"/>
    <col min="37" max="16384" width="9" style="3"/>
  </cols>
  <sheetData>
    <row r="2" spans="2:37" x14ac:dyDescent="0.15">
      <c r="B2" s="72" t="s">
        <v>143</v>
      </c>
    </row>
    <row r="3" spans="2:37" x14ac:dyDescent="0.15">
      <c r="B3" s="97"/>
    </row>
    <row r="4" spans="2:37" ht="13.5" customHeight="1" x14ac:dyDescent="0.15">
      <c r="B4" s="72" t="s">
        <v>142</v>
      </c>
      <c r="X4" s="98" t="s">
        <v>141</v>
      </c>
    </row>
    <row r="5" spans="2:37" ht="6.75" customHeight="1" x14ac:dyDescent="0.15">
      <c r="B5" s="72"/>
      <c r="W5" s="98"/>
      <c r="AJ5" s="92"/>
      <c r="AK5" s="92"/>
    </row>
    <row r="6" spans="2:37" ht="13.5" customHeight="1" x14ac:dyDescent="0.15">
      <c r="X6" s="72" t="s">
        <v>140</v>
      </c>
      <c r="AJ6" s="92"/>
      <c r="AK6" s="92"/>
    </row>
    <row r="7" spans="2:37" ht="6.75" customHeight="1" x14ac:dyDescent="0.15">
      <c r="W7" s="72"/>
      <c r="AJ7" s="92"/>
      <c r="AK7" s="92"/>
    </row>
    <row r="8" spans="2:37" ht="14.25" customHeight="1" x14ac:dyDescent="0.15">
      <c r="B8" s="72" t="s">
        <v>139</v>
      </c>
      <c r="AB8" s="72" t="s">
        <v>138</v>
      </c>
      <c r="AJ8" s="92"/>
      <c r="AK8" s="92"/>
    </row>
    <row r="9" spans="2:37" ht="14.25" customHeight="1" x14ac:dyDescent="0.15">
      <c r="B9" s="97"/>
      <c r="AJ9" s="92"/>
      <c r="AK9" s="92"/>
    </row>
    <row r="10" spans="2:37" ht="18" customHeight="1" x14ac:dyDescent="0.15">
      <c r="B10" s="725" t="s">
        <v>137</v>
      </c>
      <c r="C10" s="725" t="s">
        <v>136</v>
      </c>
      <c r="D10" s="725" t="s">
        <v>135</v>
      </c>
      <c r="E10" s="719" t="s">
        <v>134</v>
      </c>
      <c r="F10" s="720"/>
      <c r="G10" s="720"/>
      <c r="H10" s="720"/>
      <c r="I10" s="720"/>
      <c r="J10" s="720"/>
      <c r="K10" s="730"/>
      <c r="L10" s="719" t="s">
        <v>133</v>
      </c>
      <c r="M10" s="720"/>
      <c r="N10" s="720"/>
      <c r="O10" s="720"/>
      <c r="P10" s="720"/>
      <c r="Q10" s="720"/>
      <c r="R10" s="730"/>
      <c r="S10" s="719" t="s">
        <v>132</v>
      </c>
      <c r="T10" s="720"/>
      <c r="U10" s="720"/>
      <c r="V10" s="720"/>
      <c r="W10" s="720"/>
      <c r="X10" s="720"/>
      <c r="Y10" s="730"/>
      <c r="Z10" s="719" t="s">
        <v>131</v>
      </c>
      <c r="AA10" s="720"/>
      <c r="AB10" s="720"/>
      <c r="AC10" s="720"/>
      <c r="AD10" s="720"/>
      <c r="AE10" s="720"/>
      <c r="AF10" s="721"/>
      <c r="AG10" s="722" t="s">
        <v>130</v>
      </c>
      <c r="AH10" s="725" t="s">
        <v>129</v>
      </c>
      <c r="AI10" s="725" t="s">
        <v>128</v>
      </c>
      <c r="AJ10" s="92"/>
      <c r="AK10" s="92"/>
    </row>
    <row r="11" spans="2:37" ht="18" customHeight="1" x14ac:dyDescent="0.15">
      <c r="B11" s="728"/>
      <c r="C11" s="728"/>
      <c r="D11" s="728"/>
      <c r="E11" s="95">
        <v>1</v>
      </c>
      <c r="F11" s="95">
        <v>2</v>
      </c>
      <c r="G11" s="95">
        <v>3</v>
      </c>
      <c r="H11" s="95">
        <v>4</v>
      </c>
      <c r="I11" s="95">
        <v>5</v>
      </c>
      <c r="J11" s="95">
        <v>6</v>
      </c>
      <c r="K11" s="95">
        <v>7</v>
      </c>
      <c r="L11" s="95">
        <v>8</v>
      </c>
      <c r="M11" s="95">
        <v>9</v>
      </c>
      <c r="N11" s="95">
        <v>10</v>
      </c>
      <c r="O11" s="95">
        <v>11</v>
      </c>
      <c r="P11" s="95">
        <v>12</v>
      </c>
      <c r="Q11" s="95">
        <v>13</v>
      </c>
      <c r="R11" s="95">
        <v>14</v>
      </c>
      <c r="S11" s="95">
        <v>15</v>
      </c>
      <c r="T11" s="95">
        <v>16</v>
      </c>
      <c r="U11" s="95">
        <v>17</v>
      </c>
      <c r="V11" s="95">
        <v>18</v>
      </c>
      <c r="W11" s="95">
        <v>19</v>
      </c>
      <c r="X11" s="95">
        <v>20</v>
      </c>
      <c r="Y11" s="95">
        <v>21</v>
      </c>
      <c r="Z11" s="95">
        <v>22</v>
      </c>
      <c r="AA11" s="95">
        <v>23</v>
      </c>
      <c r="AB11" s="95">
        <v>24</v>
      </c>
      <c r="AC11" s="95">
        <v>25</v>
      </c>
      <c r="AD11" s="95">
        <v>26</v>
      </c>
      <c r="AE11" s="95">
        <v>27</v>
      </c>
      <c r="AF11" s="96">
        <v>28</v>
      </c>
      <c r="AG11" s="723"/>
      <c r="AH11" s="726"/>
      <c r="AI11" s="726"/>
      <c r="AJ11" s="92"/>
      <c r="AK11" s="92"/>
    </row>
    <row r="12" spans="2:37" ht="18" customHeight="1" x14ac:dyDescent="0.15">
      <c r="B12" s="729"/>
      <c r="C12" s="729"/>
      <c r="D12" s="729"/>
      <c r="E12" s="95" t="s">
        <v>127</v>
      </c>
      <c r="F12" s="94"/>
      <c r="G12" s="94"/>
      <c r="H12" s="94"/>
      <c r="I12" s="94"/>
      <c r="J12" s="94"/>
      <c r="K12" s="94"/>
      <c r="L12" s="94"/>
      <c r="M12" s="94"/>
      <c r="N12" s="94"/>
      <c r="O12" s="94"/>
      <c r="P12" s="94"/>
      <c r="Q12" s="94"/>
      <c r="R12" s="94"/>
      <c r="S12" s="94"/>
      <c r="T12" s="94"/>
      <c r="U12" s="94"/>
      <c r="V12" s="94"/>
      <c r="W12" s="94"/>
      <c r="X12" s="94"/>
      <c r="Y12" s="94"/>
      <c r="Z12" s="94"/>
      <c r="AA12" s="94"/>
      <c r="AB12" s="94"/>
      <c r="AC12" s="94"/>
      <c r="AD12" s="94"/>
      <c r="AE12" s="94"/>
      <c r="AF12" s="93"/>
      <c r="AG12" s="724"/>
      <c r="AH12" s="727"/>
      <c r="AI12" s="727"/>
      <c r="AJ12" s="92"/>
      <c r="AK12" s="92"/>
    </row>
    <row r="13" spans="2:37" ht="18" customHeight="1" x14ac:dyDescent="0.15">
      <c r="B13" s="717" t="s">
        <v>126</v>
      </c>
      <c r="C13" s="717"/>
      <c r="D13" s="717"/>
      <c r="E13" s="88" t="s">
        <v>123</v>
      </c>
      <c r="F13" s="88" t="s">
        <v>123</v>
      </c>
      <c r="G13" s="88" t="s">
        <v>125</v>
      </c>
      <c r="H13" s="88" t="s">
        <v>124</v>
      </c>
      <c r="I13" s="88" t="s">
        <v>122</v>
      </c>
      <c r="J13" s="88" t="s">
        <v>123</v>
      </c>
      <c r="K13" s="88" t="s">
        <v>122</v>
      </c>
      <c r="L13" s="91"/>
      <c r="M13" s="91"/>
      <c r="N13" s="91"/>
      <c r="O13" s="91"/>
      <c r="P13" s="91"/>
      <c r="Q13" s="91"/>
      <c r="R13" s="91"/>
      <c r="S13" s="91"/>
      <c r="T13" s="91"/>
      <c r="U13" s="91"/>
      <c r="V13" s="91"/>
      <c r="W13" s="91"/>
      <c r="X13" s="91"/>
      <c r="Y13" s="91"/>
      <c r="Z13" s="91"/>
      <c r="AA13" s="91"/>
      <c r="AB13" s="91"/>
      <c r="AC13" s="91"/>
      <c r="AD13" s="91"/>
      <c r="AE13" s="91"/>
      <c r="AF13" s="90"/>
      <c r="AG13" s="85"/>
      <c r="AH13" s="84"/>
      <c r="AI13" s="84"/>
    </row>
    <row r="14" spans="2:37" ht="18" customHeight="1" x14ac:dyDescent="0.15">
      <c r="B14" s="717" t="s">
        <v>121</v>
      </c>
      <c r="C14" s="717"/>
      <c r="D14" s="717"/>
      <c r="E14" s="88" t="s">
        <v>120</v>
      </c>
      <c r="F14" s="88" t="s">
        <v>120</v>
      </c>
      <c r="G14" s="88" t="s">
        <v>120</v>
      </c>
      <c r="H14" s="88" t="s">
        <v>119</v>
      </c>
      <c r="I14" s="88" t="s">
        <v>119</v>
      </c>
      <c r="J14" s="88" t="s">
        <v>118</v>
      </c>
      <c r="K14" s="88" t="s">
        <v>118</v>
      </c>
      <c r="L14" s="91"/>
      <c r="M14" s="91"/>
      <c r="N14" s="91"/>
      <c r="O14" s="91"/>
      <c r="P14" s="91"/>
      <c r="Q14" s="91"/>
      <c r="R14" s="91"/>
      <c r="S14" s="91"/>
      <c r="T14" s="91"/>
      <c r="U14" s="91"/>
      <c r="V14" s="91"/>
      <c r="W14" s="91"/>
      <c r="X14" s="91"/>
      <c r="Y14" s="91"/>
      <c r="Z14" s="91"/>
      <c r="AA14" s="91"/>
      <c r="AB14" s="91"/>
      <c r="AC14" s="91"/>
      <c r="AD14" s="91"/>
      <c r="AE14" s="91"/>
      <c r="AF14" s="90"/>
      <c r="AG14" s="85"/>
      <c r="AH14" s="84"/>
      <c r="AI14" s="84"/>
    </row>
    <row r="15" spans="2:37" ht="18" customHeight="1" x14ac:dyDescent="0.15">
      <c r="B15" s="84"/>
      <c r="C15" s="84"/>
      <c r="D15" s="84"/>
      <c r="E15" s="88"/>
      <c r="F15" s="88"/>
      <c r="G15" s="88"/>
      <c r="H15" s="88"/>
      <c r="I15" s="88"/>
      <c r="J15" s="88"/>
      <c r="K15" s="88"/>
      <c r="L15" s="88"/>
      <c r="M15" s="88"/>
      <c r="N15" s="88"/>
      <c r="O15" s="88"/>
      <c r="P15" s="88"/>
      <c r="Q15" s="88"/>
      <c r="R15" s="88"/>
      <c r="S15" s="88"/>
      <c r="T15" s="88"/>
      <c r="U15" s="88"/>
      <c r="V15" s="88"/>
      <c r="W15" s="88"/>
      <c r="X15" s="88"/>
      <c r="Y15" s="88"/>
      <c r="Z15" s="88"/>
      <c r="AA15" s="88"/>
      <c r="AB15" s="88"/>
      <c r="AC15" s="88"/>
      <c r="AD15" s="88"/>
      <c r="AE15" s="88"/>
      <c r="AF15" s="89"/>
      <c r="AG15" s="85"/>
      <c r="AH15" s="84"/>
      <c r="AI15" s="84"/>
    </row>
    <row r="16" spans="2:37" ht="18" customHeight="1" x14ac:dyDescent="0.15">
      <c r="B16" s="84"/>
      <c r="C16" s="84"/>
      <c r="D16" s="84"/>
      <c r="E16" s="88"/>
      <c r="F16" s="88"/>
      <c r="G16" s="88"/>
      <c r="H16" s="88"/>
      <c r="I16" s="88"/>
      <c r="J16" s="88"/>
      <c r="K16" s="88"/>
      <c r="L16" s="88"/>
      <c r="M16" s="88"/>
      <c r="N16" s="88"/>
      <c r="O16" s="88"/>
      <c r="P16" s="88"/>
      <c r="Q16" s="88"/>
      <c r="R16" s="88"/>
      <c r="S16" s="88"/>
      <c r="T16" s="88"/>
      <c r="U16" s="88"/>
      <c r="V16" s="88"/>
      <c r="W16" s="88"/>
      <c r="X16" s="88"/>
      <c r="Y16" s="88"/>
      <c r="Z16" s="88"/>
      <c r="AA16" s="88"/>
      <c r="AB16" s="88"/>
      <c r="AC16" s="88"/>
      <c r="AD16" s="88"/>
      <c r="AE16" s="88"/>
      <c r="AF16" s="89"/>
      <c r="AG16" s="85"/>
      <c r="AH16" s="84"/>
      <c r="AI16" s="84"/>
    </row>
    <row r="17" spans="2:37" ht="18" customHeight="1" x14ac:dyDescent="0.15">
      <c r="B17" s="84"/>
      <c r="C17" s="84"/>
      <c r="D17" s="84"/>
      <c r="E17" s="88"/>
      <c r="F17" s="88"/>
      <c r="G17" s="88"/>
      <c r="H17" s="88"/>
      <c r="I17" s="88"/>
      <c r="J17" s="88"/>
      <c r="K17" s="88"/>
      <c r="L17" s="88"/>
      <c r="M17" s="88"/>
      <c r="N17" s="88"/>
      <c r="O17" s="88"/>
      <c r="P17" s="88"/>
      <c r="Q17" s="88"/>
      <c r="R17" s="88"/>
      <c r="S17" s="88"/>
      <c r="T17" s="88"/>
      <c r="U17" s="88"/>
      <c r="V17" s="88"/>
      <c r="W17" s="88"/>
      <c r="X17" s="88"/>
      <c r="Y17" s="88"/>
      <c r="Z17" s="88"/>
      <c r="AA17" s="88"/>
      <c r="AB17" s="88"/>
      <c r="AC17" s="88"/>
      <c r="AD17" s="88"/>
      <c r="AE17" s="88"/>
      <c r="AF17" s="89"/>
      <c r="AG17" s="85"/>
      <c r="AH17" s="84"/>
      <c r="AI17" s="84"/>
    </row>
    <row r="18" spans="2:37" ht="18" customHeight="1" x14ac:dyDescent="0.15">
      <c r="B18" s="84"/>
      <c r="C18" s="84"/>
      <c r="D18" s="84"/>
      <c r="E18" s="88"/>
      <c r="F18" s="88"/>
      <c r="G18" s="88"/>
      <c r="H18" s="88"/>
      <c r="I18" s="88"/>
      <c r="J18" s="88"/>
      <c r="K18" s="88"/>
      <c r="L18" s="88"/>
      <c r="M18" s="88"/>
      <c r="N18" s="88"/>
      <c r="O18" s="88"/>
      <c r="P18" s="88"/>
      <c r="Q18" s="88"/>
      <c r="R18" s="88"/>
      <c r="S18" s="88"/>
      <c r="T18" s="88"/>
      <c r="U18" s="88"/>
      <c r="V18" s="88"/>
      <c r="W18" s="88"/>
      <c r="X18" s="88"/>
      <c r="Y18" s="88"/>
      <c r="Z18" s="88"/>
      <c r="AA18" s="88"/>
      <c r="AB18" s="88"/>
      <c r="AC18" s="88"/>
      <c r="AD18" s="88"/>
      <c r="AE18" s="88"/>
      <c r="AF18" s="89"/>
      <c r="AG18" s="85"/>
      <c r="AH18" s="84"/>
      <c r="AI18" s="84"/>
    </row>
    <row r="19" spans="2:37" ht="18" customHeight="1" x14ac:dyDescent="0.15">
      <c r="B19" s="84"/>
      <c r="C19" s="84"/>
      <c r="D19" s="84"/>
      <c r="E19" s="88"/>
      <c r="F19" s="88"/>
      <c r="G19" s="88"/>
      <c r="H19" s="88"/>
      <c r="I19" s="88"/>
      <c r="J19" s="88"/>
      <c r="K19" s="88"/>
      <c r="L19" s="88"/>
      <c r="M19" s="88"/>
      <c r="N19" s="88"/>
      <c r="O19" s="88"/>
      <c r="P19" s="88"/>
      <c r="Q19" s="88"/>
      <c r="R19" s="88"/>
      <c r="S19" s="88"/>
      <c r="T19" s="88"/>
      <c r="U19" s="88"/>
      <c r="V19" s="88"/>
      <c r="W19" s="88"/>
      <c r="X19" s="88"/>
      <c r="Y19" s="88"/>
      <c r="Z19" s="88"/>
      <c r="AA19" s="88"/>
      <c r="AB19" s="88"/>
      <c r="AC19" s="88"/>
      <c r="AD19" s="88"/>
      <c r="AE19" s="88"/>
      <c r="AF19" s="89"/>
      <c r="AG19" s="85"/>
      <c r="AH19" s="84"/>
      <c r="AI19" s="84"/>
    </row>
    <row r="20" spans="2:37" ht="18" customHeight="1" x14ac:dyDescent="0.15">
      <c r="B20" s="84"/>
      <c r="C20" s="84"/>
      <c r="D20" s="84"/>
      <c r="E20" s="88"/>
      <c r="F20" s="88"/>
      <c r="G20" s="88"/>
      <c r="H20" s="88"/>
      <c r="I20" s="88"/>
      <c r="J20" s="88"/>
      <c r="K20" s="88"/>
      <c r="L20" s="88"/>
      <c r="M20" s="88"/>
      <c r="N20" s="88"/>
      <c r="O20" s="88"/>
      <c r="P20" s="88"/>
      <c r="Q20" s="88"/>
      <c r="R20" s="88"/>
      <c r="S20" s="88"/>
      <c r="T20" s="88"/>
      <c r="U20" s="88"/>
      <c r="V20" s="88"/>
      <c r="W20" s="88"/>
      <c r="X20" s="88"/>
      <c r="Y20" s="88"/>
      <c r="Z20" s="88"/>
      <c r="AA20" s="88"/>
      <c r="AB20" s="88"/>
      <c r="AC20" s="88"/>
      <c r="AD20" s="88"/>
      <c r="AE20" s="88"/>
      <c r="AF20" s="89"/>
      <c r="AG20" s="85"/>
      <c r="AH20" s="84"/>
      <c r="AI20" s="84"/>
    </row>
    <row r="21" spans="2:37" ht="18" customHeight="1" x14ac:dyDescent="0.15">
      <c r="B21" s="84"/>
      <c r="C21" s="84"/>
      <c r="D21" s="84"/>
      <c r="E21" s="88"/>
      <c r="F21" s="88"/>
      <c r="G21" s="88"/>
      <c r="H21" s="88"/>
      <c r="I21" s="88"/>
      <c r="J21" s="88"/>
      <c r="K21" s="88"/>
      <c r="L21" s="88"/>
      <c r="M21" s="88"/>
      <c r="N21" s="88"/>
      <c r="O21" s="88"/>
      <c r="P21" s="88"/>
      <c r="Q21" s="88"/>
      <c r="R21" s="88"/>
      <c r="S21" s="88"/>
      <c r="T21" s="88"/>
      <c r="U21" s="88"/>
      <c r="V21" s="88"/>
      <c r="W21" s="88"/>
      <c r="X21" s="88"/>
      <c r="Y21" s="88"/>
      <c r="Z21" s="88"/>
      <c r="AA21" s="88"/>
      <c r="AB21" s="88"/>
      <c r="AC21" s="88"/>
      <c r="AD21" s="88"/>
      <c r="AE21" s="88"/>
      <c r="AF21" s="89"/>
      <c r="AG21" s="85"/>
      <c r="AH21" s="84"/>
      <c r="AI21" s="84"/>
    </row>
    <row r="22" spans="2:37" ht="18" customHeight="1" x14ac:dyDescent="0.15">
      <c r="B22" s="84"/>
      <c r="C22" s="84"/>
      <c r="D22" s="84"/>
      <c r="E22" s="88"/>
      <c r="F22" s="88"/>
      <c r="G22" s="88"/>
      <c r="H22" s="88"/>
      <c r="I22" s="88"/>
      <c r="J22" s="88"/>
      <c r="K22" s="88"/>
      <c r="L22" s="88"/>
      <c r="M22" s="88"/>
      <c r="N22" s="88"/>
      <c r="O22" s="88"/>
      <c r="P22" s="88"/>
      <c r="Q22" s="88"/>
      <c r="R22" s="88"/>
      <c r="S22" s="88"/>
      <c r="T22" s="88"/>
      <c r="U22" s="88"/>
      <c r="V22" s="88"/>
      <c r="W22" s="88"/>
      <c r="X22" s="88"/>
      <c r="Y22" s="88"/>
      <c r="Z22" s="88"/>
      <c r="AA22" s="88"/>
      <c r="AB22" s="88"/>
      <c r="AC22" s="88"/>
      <c r="AD22" s="88"/>
      <c r="AE22" s="88"/>
      <c r="AF22" s="88"/>
      <c r="AG22" s="85"/>
      <c r="AH22" s="84"/>
      <c r="AI22" s="84"/>
    </row>
    <row r="23" spans="2:37" ht="18" customHeight="1" x14ac:dyDescent="0.15">
      <c r="B23" s="84"/>
      <c r="C23" s="84"/>
      <c r="D23" s="84"/>
      <c r="E23" s="88"/>
      <c r="F23" s="88"/>
      <c r="G23" s="88"/>
      <c r="H23" s="88"/>
      <c r="I23" s="88"/>
      <c r="J23" s="88"/>
      <c r="K23" s="88"/>
      <c r="L23" s="88"/>
      <c r="M23" s="88"/>
      <c r="N23" s="88"/>
      <c r="O23" s="88"/>
      <c r="P23" s="88"/>
      <c r="Q23" s="88"/>
      <c r="R23" s="88"/>
      <c r="S23" s="88"/>
      <c r="T23" s="88"/>
      <c r="U23" s="88"/>
      <c r="V23" s="88"/>
      <c r="W23" s="88"/>
      <c r="X23" s="88"/>
      <c r="Y23" s="88"/>
      <c r="Z23" s="88"/>
      <c r="AA23" s="88"/>
      <c r="AB23" s="88"/>
      <c r="AC23" s="88"/>
      <c r="AD23" s="88"/>
      <c r="AE23" s="88"/>
      <c r="AF23" s="88"/>
      <c r="AG23" s="85"/>
      <c r="AH23" s="84"/>
      <c r="AI23" s="84"/>
    </row>
    <row r="24" spans="2:37" ht="18" customHeight="1" thickBot="1" x14ac:dyDescent="0.2">
      <c r="B24" s="87"/>
      <c r="D24" s="87"/>
      <c r="E24" s="86"/>
      <c r="F24" s="86"/>
      <c r="G24" s="86"/>
      <c r="H24" s="86"/>
      <c r="I24" s="86"/>
      <c r="J24" s="86"/>
      <c r="K24" s="86"/>
      <c r="L24" s="86"/>
      <c r="M24" s="86"/>
      <c r="N24" s="86"/>
      <c r="O24" s="86"/>
      <c r="P24" s="86"/>
      <c r="Q24" s="86"/>
      <c r="R24" s="86"/>
      <c r="S24" s="86"/>
      <c r="T24" s="86"/>
      <c r="U24" s="86"/>
      <c r="V24" s="86"/>
      <c r="W24" s="86"/>
      <c r="X24" s="86"/>
      <c r="Y24" s="86"/>
      <c r="Z24" s="86"/>
      <c r="AA24" s="86"/>
      <c r="AB24" s="86"/>
      <c r="AC24" s="86"/>
      <c r="AD24" s="86"/>
      <c r="AE24" s="86"/>
      <c r="AF24" s="86"/>
      <c r="AG24" s="85"/>
      <c r="AH24" s="84"/>
      <c r="AI24" s="84"/>
    </row>
    <row r="25" spans="2:37" ht="18" customHeight="1" thickTop="1" x14ac:dyDescent="0.15">
      <c r="B25" s="716" t="s">
        <v>117</v>
      </c>
      <c r="C25" s="718" t="s">
        <v>116</v>
      </c>
      <c r="D25" s="718"/>
      <c r="E25" s="83"/>
      <c r="F25" s="83"/>
      <c r="G25" s="83"/>
      <c r="H25" s="83"/>
      <c r="I25" s="83"/>
      <c r="J25" s="83"/>
      <c r="K25" s="83"/>
      <c r="L25" s="83"/>
      <c r="M25" s="83"/>
      <c r="N25" s="83"/>
      <c r="O25" s="83"/>
      <c r="P25" s="83"/>
      <c r="Q25" s="83"/>
      <c r="R25" s="83"/>
      <c r="S25" s="83"/>
      <c r="T25" s="83"/>
      <c r="U25" s="83"/>
      <c r="V25" s="83"/>
      <c r="W25" s="83"/>
      <c r="X25" s="83"/>
      <c r="Y25" s="83"/>
      <c r="Z25" s="83"/>
      <c r="AA25" s="83"/>
      <c r="AB25" s="83"/>
      <c r="AC25" s="83"/>
      <c r="AD25" s="83"/>
      <c r="AE25" s="83"/>
      <c r="AF25" s="83"/>
      <c r="AI25" s="82"/>
    </row>
    <row r="26" spans="2:37" ht="30" customHeight="1" x14ac:dyDescent="0.15">
      <c r="B26" s="717"/>
      <c r="C26" s="717" t="s">
        <v>115</v>
      </c>
      <c r="D26" s="717"/>
      <c r="E26" s="81"/>
      <c r="F26" s="81"/>
      <c r="G26" s="81"/>
      <c r="H26" s="81"/>
      <c r="I26" s="81"/>
      <c r="J26" s="81"/>
      <c r="K26" s="81"/>
      <c r="L26" s="81"/>
      <c r="M26" s="81"/>
      <c r="N26" s="81"/>
      <c r="O26" s="81"/>
      <c r="P26" s="81"/>
      <c r="Q26" s="81"/>
      <c r="R26" s="81"/>
      <c r="S26" s="81"/>
      <c r="T26" s="81"/>
      <c r="U26" s="81"/>
      <c r="V26" s="81"/>
      <c r="W26" s="81"/>
      <c r="X26" s="81"/>
      <c r="Y26" s="81"/>
      <c r="Z26" s="81"/>
      <c r="AA26" s="81"/>
      <c r="AB26" s="81"/>
      <c r="AC26" s="81"/>
      <c r="AD26" s="81"/>
      <c r="AE26" s="81"/>
      <c r="AF26" s="81"/>
      <c r="AI26" s="10"/>
    </row>
    <row r="27" spans="2:37" ht="8.25" customHeight="1" x14ac:dyDescent="0.15">
      <c r="B27" s="80"/>
      <c r="C27" s="79"/>
      <c r="D27" s="79"/>
      <c r="E27" s="79"/>
      <c r="F27" s="79"/>
      <c r="G27" s="79"/>
      <c r="H27" s="79"/>
      <c r="I27" s="79"/>
      <c r="J27" s="79"/>
      <c r="K27" s="79"/>
      <c r="L27" s="79"/>
      <c r="M27" s="79"/>
      <c r="N27" s="79"/>
      <c r="O27" s="79"/>
      <c r="P27" s="79"/>
      <c r="Q27" s="79"/>
      <c r="R27" s="79"/>
      <c r="S27" s="79"/>
      <c r="T27" s="79"/>
      <c r="U27" s="79"/>
      <c r="V27" s="79"/>
      <c r="W27" s="79"/>
      <c r="X27" s="79"/>
      <c r="Y27" s="79"/>
      <c r="Z27" s="79"/>
      <c r="AA27" s="79"/>
      <c r="AB27" s="79"/>
      <c r="AC27" s="79"/>
      <c r="AD27" s="79"/>
      <c r="AE27" s="79"/>
      <c r="AF27" s="79"/>
      <c r="AI27" s="10"/>
    </row>
    <row r="28" spans="2:37" x14ac:dyDescent="0.15">
      <c r="B28" s="75" t="s">
        <v>114</v>
      </c>
      <c r="E28" s="78"/>
      <c r="AI28" s="77"/>
      <c r="AJ28" s="76"/>
      <c r="AK28" s="76"/>
    </row>
    <row r="29" spans="2:37" ht="6" customHeight="1" x14ac:dyDescent="0.15">
      <c r="B29" s="75"/>
      <c r="AI29" s="10"/>
    </row>
    <row r="30" spans="2:37" x14ac:dyDescent="0.15">
      <c r="B30" s="75" t="s">
        <v>113</v>
      </c>
      <c r="AI30" s="10"/>
    </row>
    <row r="31" spans="2:37" x14ac:dyDescent="0.15">
      <c r="B31" s="75" t="s">
        <v>110</v>
      </c>
      <c r="AI31" s="10"/>
    </row>
    <row r="32" spans="2:37" ht="6.75" customHeight="1" x14ac:dyDescent="0.15">
      <c r="B32" s="75"/>
      <c r="AI32" s="10"/>
    </row>
    <row r="33" spans="2:35" x14ac:dyDescent="0.15">
      <c r="B33" s="75" t="s">
        <v>112</v>
      </c>
      <c r="AI33" s="10"/>
    </row>
    <row r="34" spans="2:35" x14ac:dyDescent="0.15">
      <c r="B34" s="75" t="s">
        <v>110</v>
      </c>
      <c r="AI34" s="10"/>
    </row>
    <row r="35" spans="2:35" ht="6.75" customHeight="1" x14ac:dyDescent="0.15">
      <c r="B35" s="75"/>
      <c r="AI35" s="10"/>
    </row>
    <row r="36" spans="2:35" x14ac:dyDescent="0.15">
      <c r="B36" s="75" t="s">
        <v>111</v>
      </c>
      <c r="AI36" s="10"/>
    </row>
    <row r="37" spans="2:35" x14ac:dyDescent="0.15">
      <c r="B37" s="75" t="s">
        <v>110</v>
      </c>
      <c r="AI37" s="10"/>
    </row>
    <row r="38" spans="2:35" ht="6" customHeight="1" x14ac:dyDescent="0.15">
      <c r="B38" s="74"/>
      <c r="C38" s="5"/>
      <c r="D38" s="5"/>
      <c r="E38" s="5"/>
      <c r="F38" s="5"/>
      <c r="G38" s="5"/>
      <c r="H38" s="5"/>
      <c r="I38" s="5"/>
      <c r="J38" s="5"/>
      <c r="K38" s="5"/>
      <c r="L38" s="5"/>
      <c r="M38" s="5"/>
      <c r="N38" s="5"/>
      <c r="O38" s="5"/>
      <c r="P38" s="5"/>
      <c r="Q38" s="5"/>
      <c r="R38" s="5"/>
      <c r="S38" s="5"/>
      <c r="T38" s="5"/>
      <c r="U38" s="5"/>
      <c r="V38" s="5"/>
      <c r="W38" s="5"/>
      <c r="X38" s="5"/>
      <c r="Y38" s="5"/>
      <c r="Z38" s="5"/>
      <c r="AA38" s="5"/>
      <c r="AB38" s="5"/>
      <c r="AC38" s="5"/>
      <c r="AD38" s="5"/>
      <c r="AE38" s="5"/>
      <c r="AF38" s="5"/>
      <c r="AG38" s="5"/>
      <c r="AH38" s="5"/>
      <c r="AI38" s="73"/>
    </row>
    <row r="39" spans="2:35" ht="6" customHeight="1" x14ac:dyDescent="0.15">
      <c r="B39" s="72"/>
      <c r="C39" s="4"/>
    </row>
    <row r="40" spans="2:35" ht="6.75" customHeight="1" x14ac:dyDescent="0.15">
      <c r="B40" s="72"/>
    </row>
    <row r="41" spans="2:35" x14ac:dyDescent="0.15">
      <c r="B41" s="8" t="s">
        <v>109</v>
      </c>
    </row>
    <row r="42" spans="2:35" x14ac:dyDescent="0.15">
      <c r="B42" s="8" t="s">
        <v>108</v>
      </c>
    </row>
    <row r="43" spans="2:35" x14ac:dyDescent="0.15">
      <c r="B43" s="8" t="s">
        <v>107</v>
      </c>
    </row>
    <row r="44" spans="2:35" x14ac:dyDescent="0.15">
      <c r="B44" s="8" t="s">
        <v>106</v>
      </c>
    </row>
    <row r="45" spans="2:35" x14ac:dyDescent="0.15">
      <c r="B45" s="8" t="s">
        <v>105</v>
      </c>
    </row>
    <row r="46" spans="2:35" x14ac:dyDescent="0.15">
      <c r="B46" s="8" t="s">
        <v>104</v>
      </c>
    </row>
    <row r="47" spans="2:35" x14ac:dyDescent="0.15">
      <c r="B47" s="8" t="s">
        <v>103</v>
      </c>
    </row>
    <row r="48" spans="2:35" x14ac:dyDescent="0.15">
      <c r="B48" s="8" t="s">
        <v>102</v>
      </c>
    </row>
    <row r="49" spans="2:2" x14ac:dyDescent="0.15">
      <c r="B49" s="8" t="s">
        <v>101</v>
      </c>
    </row>
    <row r="50" spans="2:2" x14ac:dyDescent="0.15">
      <c r="B50" s="8" t="s">
        <v>100</v>
      </c>
    </row>
    <row r="51" spans="2:2" ht="14.25" x14ac:dyDescent="0.15">
      <c r="B51" s="71" t="s">
        <v>99</v>
      </c>
    </row>
    <row r="52" spans="2:2" x14ac:dyDescent="0.15">
      <c r="B52" s="8" t="s">
        <v>98</v>
      </c>
    </row>
    <row r="53" spans="2:2" x14ac:dyDescent="0.15">
      <c r="B53" s="8" t="s">
        <v>97</v>
      </c>
    </row>
    <row r="54" spans="2:2" x14ac:dyDescent="0.15">
      <c r="B54" s="8" t="s">
        <v>96</v>
      </c>
    </row>
    <row r="55" spans="2:2" x14ac:dyDescent="0.15">
      <c r="B55" s="8" t="s">
        <v>95</v>
      </c>
    </row>
    <row r="56" spans="2:2" x14ac:dyDescent="0.15">
      <c r="B56" s="8" t="s">
        <v>94</v>
      </c>
    </row>
    <row r="57" spans="2:2" x14ac:dyDescent="0.15">
      <c r="B57" s="8" t="s">
        <v>93</v>
      </c>
    </row>
    <row r="58" spans="2:2" x14ac:dyDescent="0.15">
      <c r="B58" s="8" t="s">
        <v>92</v>
      </c>
    </row>
    <row r="59" spans="2:2" x14ac:dyDescent="0.15">
      <c r="B59" s="8" t="s">
        <v>91</v>
      </c>
    </row>
    <row r="60" spans="2:2" x14ac:dyDescent="0.15">
      <c r="B60" s="8" t="s">
        <v>90</v>
      </c>
    </row>
    <row r="61" spans="2:2" x14ac:dyDescent="0.15">
      <c r="B61" s="8" t="s">
        <v>89</v>
      </c>
    </row>
    <row r="62" spans="2:2" x14ac:dyDescent="0.15">
      <c r="B62" s="8"/>
    </row>
    <row r="63" spans="2:2" x14ac:dyDescent="0.15">
      <c r="B63" s="8"/>
    </row>
    <row r="64" spans="2:2" x14ac:dyDescent="0.15">
      <c r="B64" s="8"/>
    </row>
    <row r="65" spans="2:2" x14ac:dyDescent="0.15">
      <c r="B65" s="8"/>
    </row>
    <row r="66" spans="2:2" x14ac:dyDescent="0.15">
      <c r="B66" s="8"/>
    </row>
    <row r="67" spans="2:2" x14ac:dyDescent="0.15">
      <c r="B67" s="8"/>
    </row>
    <row r="68" spans="2:2" x14ac:dyDescent="0.15">
      <c r="B68" s="8"/>
    </row>
    <row r="69" spans="2:2" x14ac:dyDescent="0.15">
      <c r="B69" s="8"/>
    </row>
    <row r="70" spans="2:2" x14ac:dyDescent="0.15">
      <c r="B70" s="8"/>
    </row>
    <row r="71" spans="2:2" x14ac:dyDescent="0.15">
      <c r="B71" s="8"/>
    </row>
    <row r="72" spans="2:2" x14ac:dyDescent="0.15">
      <c r="B72" s="8"/>
    </row>
    <row r="73" spans="2:2" x14ac:dyDescent="0.15">
      <c r="B73" s="8"/>
    </row>
    <row r="74" spans="2:2" x14ac:dyDescent="0.15">
      <c r="B74" s="8"/>
    </row>
    <row r="75" spans="2:2" x14ac:dyDescent="0.15">
      <c r="B75" s="8"/>
    </row>
    <row r="76" spans="2:2" x14ac:dyDescent="0.15">
      <c r="B76" s="8"/>
    </row>
    <row r="77" spans="2:2" x14ac:dyDescent="0.15">
      <c r="B77" s="8"/>
    </row>
    <row r="78" spans="2:2" x14ac:dyDescent="0.15">
      <c r="B78" s="8"/>
    </row>
    <row r="79" spans="2:2" x14ac:dyDescent="0.15">
      <c r="B79" s="8"/>
    </row>
    <row r="80" spans="2:2" x14ac:dyDescent="0.15">
      <c r="B80" s="8"/>
    </row>
    <row r="81" spans="2:12" x14ac:dyDescent="0.15">
      <c r="B81" s="8"/>
    </row>
    <row r="82" spans="2:12" x14ac:dyDescent="0.15">
      <c r="B82" s="8"/>
      <c r="L82" s="70"/>
    </row>
    <row r="83" spans="2:12" x14ac:dyDescent="0.15">
      <c r="B83" s="8"/>
    </row>
    <row r="84" spans="2:12" x14ac:dyDescent="0.15">
      <c r="B84" s="8"/>
    </row>
    <row r="85" spans="2:12" x14ac:dyDescent="0.15">
      <c r="B85" s="8"/>
    </row>
    <row r="86" spans="2:12" x14ac:dyDescent="0.15">
      <c r="B86" s="8"/>
    </row>
    <row r="87" spans="2:12" x14ac:dyDescent="0.15">
      <c r="B87" s="8"/>
    </row>
    <row r="88" spans="2:12" x14ac:dyDescent="0.15">
      <c r="B88" s="8"/>
    </row>
    <row r="89" spans="2:12" x14ac:dyDescent="0.15">
      <c r="B89" s="8"/>
    </row>
  </sheetData>
  <mergeCells count="15">
    <mergeCell ref="AI10:AI12"/>
    <mergeCell ref="B13:D13"/>
    <mergeCell ref="B14:D14"/>
    <mergeCell ref="B10:B12"/>
    <mergeCell ref="C10:C12"/>
    <mergeCell ref="D10:D12"/>
    <mergeCell ref="E10:K10"/>
    <mergeCell ref="L10:R10"/>
    <mergeCell ref="S10:Y10"/>
    <mergeCell ref="AH10:AH12"/>
    <mergeCell ref="B25:B26"/>
    <mergeCell ref="C25:D25"/>
    <mergeCell ref="C26:D26"/>
    <mergeCell ref="Z10:AF10"/>
    <mergeCell ref="AG10:AG12"/>
  </mergeCells>
  <phoneticPr fontId="2"/>
  <pageMargins left="0.7" right="0.7" top="0.75" bottom="0.75" header="0.3" footer="0.3"/>
  <pageSetup paperSize="9" scale="55" orientation="portrait" r:id="rId1"/>
</worksheet>
</file>

<file path=xl/worksheets/sheet5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A123"/>
  <sheetViews>
    <sheetView view="pageBreakPreview" zoomScale="130" zoomScaleNormal="100" zoomScaleSheetLayoutView="130" workbookViewId="0">
      <selection activeCell="C87" sqref="C87"/>
    </sheetView>
  </sheetViews>
  <sheetFormatPr defaultColWidth="3.5" defaultRowHeight="13.5" x14ac:dyDescent="0.15"/>
  <cols>
    <col min="1" max="1" width="3.5" style="3"/>
    <col min="2" max="2" width="3" style="140" customWidth="1"/>
    <col min="3" max="7" width="3.5" style="3"/>
    <col min="8" max="8" width="2.5" style="3" customWidth="1"/>
    <col min="9" max="16384" width="3.5" style="3"/>
  </cols>
  <sheetData>
    <row r="1" spans="2:26" s="8" customFormat="1" x14ac:dyDescent="0.15"/>
    <row r="2" spans="2:26" s="8" customFormat="1" x14ac:dyDescent="0.15">
      <c r="B2" s="8" t="s">
        <v>1359</v>
      </c>
    </row>
    <row r="3" spans="2:26" s="8" customFormat="1" x14ac:dyDescent="0.15"/>
    <row r="4" spans="2:26" s="8" customFormat="1" x14ac:dyDescent="0.15">
      <c r="B4" s="778" t="s">
        <v>1358</v>
      </c>
      <c r="C4" s="778"/>
      <c r="D4" s="778"/>
      <c r="E4" s="778"/>
      <c r="F4" s="778"/>
      <c r="G4" s="778"/>
      <c r="H4" s="778"/>
      <c r="I4" s="778"/>
      <c r="J4" s="778"/>
      <c r="K4" s="778"/>
      <c r="L4" s="778"/>
      <c r="M4" s="778"/>
      <c r="N4" s="778"/>
      <c r="O4" s="778"/>
      <c r="P4" s="778"/>
      <c r="Q4" s="778"/>
      <c r="R4" s="778"/>
      <c r="S4" s="778"/>
      <c r="T4" s="778"/>
      <c r="U4" s="778"/>
      <c r="V4" s="778"/>
      <c r="W4" s="778"/>
      <c r="X4" s="778"/>
      <c r="Y4" s="778"/>
      <c r="Z4" s="778"/>
    </row>
    <row r="5" spans="2:26" s="8" customFormat="1" x14ac:dyDescent="0.15"/>
    <row r="6" spans="2:26" s="8" customFormat="1" ht="39.75" customHeight="1" x14ac:dyDescent="0.15">
      <c r="B6" s="790" t="s">
        <v>1357</v>
      </c>
      <c r="C6" s="790"/>
      <c r="D6" s="790"/>
      <c r="E6" s="790"/>
      <c r="F6" s="790"/>
      <c r="G6" s="791"/>
      <c r="H6" s="792"/>
      <c r="I6" s="792"/>
      <c r="J6" s="792"/>
      <c r="K6" s="792"/>
      <c r="L6" s="792"/>
      <c r="M6" s="792"/>
      <c r="N6" s="792"/>
      <c r="O6" s="792"/>
      <c r="P6" s="792"/>
      <c r="Q6" s="792"/>
      <c r="R6" s="792"/>
      <c r="S6" s="792"/>
      <c r="T6" s="792"/>
      <c r="U6" s="792"/>
      <c r="V6" s="792"/>
      <c r="W6" s="792"/>
      <c r="X6" s="792"/>
      <c r="Y6" s="792"/>
      <c r="Z6" s="793"/>
    </row>
    <row r="7" spans="2:26" ht="39.75" customHeight="1" x14ac:dyDescent="0.15">
      <c r="B7" s="780" t="s">
        <v>1356</v>
      </c>
      <c r="C7" s="781"/>
      <c r="D7" s="781"/>
      <c r="E7" s="781"/>
      <c r="F7" s="782"/>
      <c r="G7" s="180" t="s">
        <v>0</v>
      </c>
      <c r="H7" s="168" t="s">
        <v>242</v>
      </c>
      <c r="I7" s="168"/>
      <c r="J7" s="168"/>
      <c r="K7" s="168"/>
      <c r="L7" s="179" t="s">
        <v>0</v>
      </c>
      <c r="M7" s="168" t="s">
        <v>241</v>
      </c>
      <c r="N7" s="168"/>
      <c r="O7" s="168"/>
      <c r="P7" s="168"/>
      <c r="Q7" s="179" t="s">
        <v>0</v>
      </c>
      <c r="R7" s="168" t="s">
        <v>240</v>
      </c>
      <c r="S7" s="168"/>
      <c r="T7" s="168"/>
      <c r="U7" s="168"/>
      <c r="V7" s="168"/>
      <c r="W7" s="168"/>
      <c r="X7" s="168"/>
      <c r="Y7" s="168"/>
      <c r="Z7" s="167"/>
    </row>
    <row r="8" spans="2:26" ht="20.100000000000001" customHeight="1" x14ac:dyDescent="0.15">
      <c r="B8" s="783" t="s">
        <v>1355</v>
      </c>
      <c r="C8" s="784"/>
      <c r="D8" s="784"/>
      <c r="E8" s="784"/>
      <c r="F8" s="785"/>
      <c r="G8" s="178" t="s">
        <v>0</v>
      </c>
      <c r="H8" s="8" t="s">
        <v>1354</v>
      </c>
      <c r="I8" s="16"/>
      <c r="J8" s="16"/>
      <c r="K8" s="16"/>
      <c r="L8" s="16"/>
      <c r="M8" s="16"/>
      <c r="N8" s="16"/>
      <c r="O8" s="16"/>
      <c r="P8" s="16"/>
      <c r="Q8" s="16"/>
      <c r="R8" s="16"/>
      <c r="S8" s="16"/>
      <c r="T8" s="166"/>
      <c r="U8" s="166"/>
      <c r="V8" s="166"/>
      <c r="W8" s="166"/>
      <c r="X8" s="166"/>
      <c r="Y8" s="166"/>
      <c r="Z8" s="251"/>
    </row>
    <row r="9" spans="2:26" ht="20.100000000000001" customHeight="1" x14ac:dyDescent="0.15">
      <c r="B9" s="786"/>
      <c r="C9" s="787"/>
      <c r="D9" s="787"/>
      <c r="E9" s="787"/>
      <c r="F9" s="788"/>
      <c r="G9" s="192" t="s">
        <v>0</v>
      </c>
      <c r="H9" s="172" t="s">
        <v>1353</v>
      </c>
      <c r="I9" s="162"/>
      <c r="J9" s="162"/>
      <c r="K9" s="162"/>
      <c r="L9" s="162"/>
      <c r="M9" s="162"/>
      <c r="N9" s="162"/>
      <c r="O9" s="162"/>
      <c r="P9" s="162"/>
      <c r="Q9" s="162"/>
      <c r="R9" s="162"/>
      <c r="S9" s="162"/>
      <c r="T9" s="162"/>
      <c r="U9" s="162"/>
      <c r="V9" s="162"/>
      <c r="W9" s="162"/>
      <c r="X9" s="162"/>
      <c r="Y9" s="162"/>
      <c r="Z9" s="266"/>
    </row>
    <row r="10" spans="2:26" ht="20.100000000000001" customHeight="1" x14ac:dyDescent="0.15">
      <c r="B10" s="783" t="s">
        <v>1352</v>
      </c>
      <c r="C10" s="784"/>
      <c r="D10" s="784"/>
      <c r="E10" s="784"/>
      <c r="F10" s="785"/>
      <c r="G10" s="284" t="s">
        <v>0</v>
      </c>
      <c r="H10" s="157" t="s">
        <v>1351</v>
      </c>
      <c r="I10" s="166"/>
      <c r="J10" s="166"/>
      <c r="K10" s="166"/>
      <c r="L10" s="166"/>
      <c r="M10" s="166"/>
      <c r="N10" s="166"/>
      <c r="O10" s="166"/>
      <c r="P10" s="166"/>
      <c r="Q10" s="166"/>
      <c r="R10" s="166"/>
      <c r="S10" s="166"/>
      <c r="T10" s="166"/>
      <c r="U10" s="166"/>
      <c r="V10" s="166"/>
      <c r="W10" s="166"/>
      <c r="X10" s="166"/>
      <c r="Y10" s="166"/>
      <c r="Z10" s="251"/>
    </row>
    <row r="11" spans="2:26" ht="20.100000000000001" customHeight="1" x14ac:dyDescent="0.15">
      <c r="B11" s="786"/>
      <c r="C11" s="787"/>
      <c r="D11" s="787"/>
      <c r="E11" s="787"/>
      <c r="F11" s="788"/>
      <c r="G11" s="178" t="s">
        <v>0</v>
      </c>
      <c r="H11" s="8" t="s">
        <v>1350</v>
      </c>
      <c r="I11" s="16"/>
      <c r="J11" s="16"/>
      <c r="K11" s="16"/>
      <c r="L11" s="16"/>
      <c r="M11" s="16"/>
      <c r="N11" s="16"/>
      <c r="O11" s="16"/>
      <c r="P11" s="16"/>
      <c r="Q11" s="16"/>
      <c r="R11" s="16"/>
      <c r="S11" s="16"/>
      <c r="T11" s="16"/>
      <c r="U11" s="16"/>
      <c r="V11" s="16"/>
      <c r="W11" s="16"/>
      <c r="X11" s="16"/>
      <c r="Y11" s="16"/>
      <c r="Z11" s="266"/>
    </row>
    <row r="12" spans="2:26" s="8" customFormat="1" ht="27" customHeight="1" x14ac:dyDescent="0.15">
      <c r="B12" s="158" t="s">
        <v>1349</v>
      </c>
      <c r="C12" s="157"/>
      <c r="D12" s="157"/>
      <c r="E12" s="157"/>
      <c r="F12" s="157"/>
      <c r="G12" s="157"/>
      <c r="H12" s="157"/>
      <c r="I12" s="157"/>
      <c r="J12" s="157"/>
      <c r="K12" s="157"/>
      <c r="L12" s="157"/>
      <c r="M12" s="157"/>
      <c r="N12" s="157"/>
      <c r="O12" s="157"/>
      <c r="P12" s="157"/>
      <c r="Q12" s="157"/>
      <c r="R12" s="157"/>
      <c r="S12" s="157"/>
      <c r="T12" s="157"/>
      <c r="U12" s="157"/>
      <c r="V12" s="157"/>
      <c r="W12" s="157"/>
      <c r="X12" s="157"/>
      <c r="Y12" s="157"/>
      <c r="Z12" s="149"/>
    </row>
    <row r="13" spans="2:26" s="8" customFormat="1" x14ac:dyDescent="0.15">
      <c r="B13" s="9"/>
      <c r="Z13" s="149"/>
    </row>
    <row r="14" spans="2:26" s="8" customFormat="1" x14ac:dyDescent="0.15">
      <c r="B14" s="9"/>
      <c r="C14" s="323" t="s">
        <v>896</v>
      </c>
      <c r="Z14" s="149"/>
    </row>
    <row r="15" spans="2:26" s="8" customFormat="1" ht="26.25" customHeight="1" x14ac:dyDescent="0.15">
      <c r="B15" s="9"/>
      <c r="C15" s="252" t="s">
        <v>1346</v>
      </c>
      <c r="D15" s="181"/>
      <c r="E15" s="181"/>
      <c r="F15" s="181"/>
      <c r="G15" s="197"/>
      <c r="H15" s="252" t="s">
        <v>910</v>
      </c>
      <c r="I15" s="181"/>
      <c r="J15" s="181"/>
      <c r="K15" s="781"/>
      <c r="L15" s="781"/>
      <c r="M15" s="176" t="s">
        <v>708</v>
      </c>
      <c r="Z15" s="149"/>
    </row>
    <row r="16" spans="2:26" s="8" customFormat="1" ht="26.25" customHeight="1" x14ac:dyDescent="0.15">
      <c r="B16" s="9"/>
      <c r="C16" s="252" t="s">
        <v>895</v>
      </c>
      <c r="D16" s="181"/>
      <c r="E16" s="181"/>
      <c r="F16" s="181"/>
      <c r="G16" s="197"/>
      <c r="H16" s="252" t="s">
        <v>910</v>
      </c>
      <c r="I16" s="181"/>
      <c r="J16" s="181"/>
      <c r="K16" s="781"/>
      <c r="L16" s="781"/>
      <c r="M16" s="176" t="s">
        <v>708</v>
      </c>
      <c r="Z16" s="149"/>
    </row>
    <row r="17" spans="2:26" s="8" customFormat="1" ht="26.25" customHeight="1" x14ac:dyDescent="0.15">
      <c r="B17" s="9"/>
      <c r="C17" s="252" t="s">
        <v>911</v>
      </c>
      <c r="D17" s="181"/>
      <c r="E17" s="181"/>
      <c r="F17" s="181"/>
      <c r="G17" s="197"/>
      <c r="H17" s="252" t="s">
        <v>910</v>
      </c>
      <c r="I17" s="181"/>
      <c r="J17" s="181"/>
      <c r="K17" s="781"/>
      <c r="L17" s="781"/>
      <c r="M17" s="176" t="s">
        <v>708</v>
      </c>
      <c r="Z17" s="149"/>
    </row>
    <row r="18" spans="2:26" s="8" customFormat="1" ht="7.5" customHeight="1" x14ac:dyDescent="0.15">
      <c r="B18" s="9"/>
      <c r="K18" s="18"/>
      <c r="L18" s="18"/>
      <c r="M18" s="18"/>
      <c r="Z18" s="149"/>
    </row>
    <row r="19" spans="2:26" s="8" customFormat="1" ht="5.25" customHeight="1" x14ac:dyDescent="0.15">
      <c r="B19" s="9"/>
      <c r="L19" s="18"/>
      <c r="Q19" s="18"/>
      <c r="U19" s="158"/>
      <c r="V19" s="194"/>
      <c r="W19" s="157"/>
      <c r="X19" s="157"/>
      <c r="Y19" s="156"/>
      <c r="Z19" s="149"/>
    </row>
    <row r="20" spans="2:26" s="8" customFormat="1" x14ac:dyDescent="0.15">
      <c r="B20" s="9"/>
      <c r="L20" s="18"/>
      <c r="Q20" s="18"/>
      <c r="U20" s="9"/>
      <c r="V20" s="152" t="s">
        <v>227</v>
      </c>
      <c r="W20" s="152" t="s">
        <v>217</v>
      </c>
      <c r="X20" s="152" t="s">
        <v>226</v>
      </c>
      <c r="Y20" s="149"/>
      <c r="Z20" s="149"/>
    </row>
    <row r="21" spans="2:26" s="8" customFormat="1" ht="6" customHeight="1" x14ac:dyDescent="0.15">
      <c r="B21" s="9"/>
      <c r="L21" s="18"/>
      <c r="Q21" s="18"/>
      <c r="U21" s="9"/>
      <c r="V21" s="152"/>
      <c r="W21" s="152"/>
      <c r="X21" s="152"/>
      <c r="Y21" s="149"/>
      <c r="Z21" s="149"/>
    </row>
    <row r="22" spans="2:26" s="8" customFormat="1" ht="31.5" customHeight="1" x14ac:dyDescent="0.15">
      <c r="B22" s="9"/>
      <c r="C22" s="937" t="s">
        <v>1348</v>
      </c>
      <c r="D22" s="938"/>
      <c r="E22" s="938"/>
      <c r="F22" s="938"/>
      <c r="G22" s="938"/>
      <c r="H22" s="938"/>
      <c r="I22" s="938"/>
      <c r="J22" s="938"/>
      <c r="K22" s="938"/>
      <c r="L22" s="938"/>
      <c r="M22" s="938"/>
      <c r="N22" s="938"/>
      <c r="O22" s="938"/>
      <c r="P22" s="938"/>
      <c r="Q22" s="938"/>
      <c r="R22" s="938"/>
      <c r="S22" s="938"/>
      <c r="T22" s="938"/>
      <c r="U22" s="288"/>
      <c r="V22" s="191" t="s">
        <v>0</v>
      </c>
      <c r="W22" s="143" t="s">
        <v>217</v>
      </c>
      <c r="X22" s="191" t="s">
        <v>0</v>
      </c>
      <c r="Y22" s="266"/>
      <c r="Z22" s="149"/>
    </row>
    <row r="23" spans="2:26" s="8" customFormat="1" ht="31.5" customHeight="1" x14ac:dyDescent="0.15">
      <c r="B23" s="9"/>
      <c r="C23" s="791" t="s">
        <v>1345</v>
      </c>
      <c r="D23" s="792"/>
      <c r="E23" s="792"/>
      <c r="F23" s="792"/>
      <c r="G23" s="792"/>
      <c r="H23" s="792"/>
      <c r="I23" s="792"/>
      <c r="J23" s="792"/>
      <c r="K23" s="792"/>
      <c r="L23" s="792"/>
      <c r="M23" s="792"/>
      <c r="N23" s="792"/>
      <c r="O23" s="792"/>
      <c r="P23" s="792"/>
      <c r="Q23" s="792"/>
      <c r="R23" s="792"/>
      <c r="S23" s="792"/>
      <c r="T23" s="793"/>
      <c r="U23" s="247"/>
      <c r="V23" s="179" t="s">
        <v>0</v>
      </c>
      <c r="W23" s="177" t="s">
        <v>217</v>
      </c>
      <c r="X23" s="179" t="s">
        <v>0</v>
      </c>
      <c r="Y23" s="167"/>
      <c r="Z23" s="149"/>
    </row>
    <row r="24" spans="2:26" s="8" customFormat="1" ht="41.25" customHeight="1" x14ac:dyDescent="0.15">
      <c r="B24" s="9"/>
      <c r="C24" s="940" t="s">
        <v>1344</v>
      </c>
      <c r="D24" s="779"/>
      <c r="E24" s="779"/>
      <c r="F24" s="779"/>
      <c r="G24" s="779"/>
      <c r="H24" s="779"/>
      <c r="I24" s="779"/>
      <c r="J24" s="779"/>
      <c r="K24" s="779"/>
      <c r="L24" s="779"/>
      <c r="M24" s="779"/>
      <c r="N24" s="779"/>
      <c r="O24" s="779"/>
      <c r="P24" s="779"/>
      <c r="Q24" s="779"/>
      <c r="R24" s="779"/>
      <c r="S24" s="779"/>
      <c r="T24" s="779"/>
      <c r="U24" s="288"/>
      <c r="V24" s="191" t="s">
        <v>0</v>
      </c>
      <c r="W24" s="143" t="s">
        <v>217</v>
      </c>
      <c r="X24" s="191" t="s">
        <v>0</v>
      </c>
      <c r="Y24" s="266"/>
      <c r="Z24" s="149"/>
    </row>
    <row r="25" spans="2:26" s="8" customFormat="1" ht="17.25" customHeight="1" x14ac:dyDescent="0.15">
      <c r="B25" s="173"/>
      <c r="C25" s="143"/>
      <c r="D25" s="143"/>
      <c r="E25" s="143"/>
      <c r="F25" s="143"/>
      <c r="G25" s="143"/>
      <c r="H25" s="143"/>
      <c r="I25" s="143"/>
      <c r="J25" s="143"/>
      <c r="K25" s="143"/>
      <c r="L25" s="143"/>
      <c r="M25" s="143"/>
      <c r="N25" s="143"/>
      <c r="O25" s="143"/>
      <c r="P25" s="143"/>
      <c r="Q25" s="143"/>
      <c r="R25" s="172"/>
      <c r="S25" s="172"/>
      <c r="T25" s="162"/>
      <c r="U25" s="162"/>
      <c r="V25" s="191"/>
      <c r="W25" s="143"/>
      <c r="X25" s="191"/>
      <c r="Y25" s="162"/>
      <c r="Z25" s="171"/>
    </row>
    <row r="26" spans="2:26" s="8" customFormat="1" ht="27" customHeight="1" x14ac:dyDescent="0.15">
      <c r="B26" s="9" t="s">
        <v>1347</v>
      </c>
      <c r="Z26" s="149"/>
    </row>
    <row r="27" spans="2:26" s="8" customFormat="1" x14ac:dyDescent="0.15">
      <c r="B27" s="9"/>
      <c r="C27" s="323" t="s">
        <v>896</v>
      </c>
      <c r="Z27" s="149"/>
    </row>
    <row r="28" spans="2:26" s="8" customFormat="1" ht="26.25" customHeight="1" x14ac:dyDescent="0.15">
      <c r="B28" s="9"/>
      <c r="C28" s="252" t="s">
        <v>1346</v>
      </c>
      <c r="D28" s="181"/>
      <c r="E28" s="181"/>
      <c r="F28" s="181"/>
      <c r="G28" s="197"/>
      <c r="H28" s="252" t="s">
        <v>910</v>
      </c>
      <c r="I28" s="181"/>
      <c r="J28" s="181"/>
      <c r="K28" s="781"/>
      <c r="L28" s="781"/>
      <c r="M28" s="176" t="s">
        <v>708</v>
      </c>
      <c r="Z28" s="149"/>
    </row>
    <row r="29" spans="2:26" s="8" customFormat="1" ht="26.25" customHeight="1" x14ac:dyDescent="0.15">
      <c r="B29" s="9"/>
      <c r="C29" s="252" t="s">
        <v>895</v>
      </c>
      <c r="D29" s="181"/>
      <c r="E29" s="181"/>
      <c r="F29" s="181"/>
      <c r="G29" s="197"/>
      <c r="H29" s="252" t="s">
        <v>910</v>
      </c>
      <c r="I29" s="181"/>
      <c r="J29" s="181"/>
      <c r="K29" s="781"/>
      <c r="L29" s="781"/>
      <c r="M29" s="176" t="s">
        <v>708</v>
      </c>
      <c r="Z29" s="149"/>
    </row>
    <row r="30" spans="2:26" s="8" customFormat="1" ht="26.25" customHeight="1" x14ac:dyDescent="0.15">
      <c r="B30" s="9"/>
      <c r="C30" s="252" t="s">
        <v>911</v>
      </c>
      <c r="D30" s="181"/>
      <c r="E30" s="181"/>
      <c r="F30" s="181"/>
      <c r="G30" s="197"/>
      <c r="H30" s="252" t="s">
        <v>910</v>
      </c>
      <c r="I30" s="181"/>
      <c r="J30" s="181"/>
      <c r="K30" s="781"/>
      <c r="L30" s="781"/>
      <c r="M30" s="176" t="s">
        <v>708</v>
      </c>
      <c r="Z30" s="149"/>
    </row>
    <row r="31" spans="2:26" s="8" customFormat="1" ht="5.25" customHeight="1" x14ac:dyDescent="0.15">
      <c r="B31" s="9"/>
      <c r="L31" s="18"/>
      <c r="Q31" s="18"/>
      <c r="V31" s="18"/>
      <c r="Z31" s="149"/>
    </row>
    <row r="32" spans="2:26" s="8" customFormat="1" ht="5.25" customHeight="1" x14ac:dyDescent="0.15">
      <c r="B32" s="9"/>
      <c r="L32" s="18"/>
      <c r="Q32" s="18"/>
      <c r="U32" s="158"/>
      <c r="V32" s="194"/>
      <c r="W32" s="157"/>
      <c r="X32" s="157"/>
      <c r="Y32" s="156"/>
      <c r="Z32" s="149"/>
    </row>
    <row r="33" spans="1:27" s="8" customFormat="1" x14ac:dyDescent="0.15">
      <c r="B33" s="9"/>
      <c r="L33" s="18"/>
      <c r="Q33" s="18"/>
      <c r="U33" s="9"/>
      <c r="V33" s="152" t="s">
        <v>227</v>
      </c>
      <c r="W33" s="152" t="s">
        <v>217</v>
      </c>
      <c r="X33" s="152" t="s">
        <v>226</v>
      </c>
      <c r="Y33" s="149"/>
      <c r="Z33" s="149"/>
    </row>
    <row r="34" spans="1:27" s="8" customFormat="1" ht="6" customHeight="1" x14ac:dyDescent="0.15">
      <c r="B34" s="9"/>
      <c r="L34" s="18"/>
      <c r="Q34" s="18"/>
      <c r="U34" s="173"/>
      <c r="V34" s="358"/>
      <c r="W34" s="358"/>
      <c r="X34" s="358"/>
      <c r="Y34" s="171"/>
      <c r="Z34" s="149"/>
    </row>
    <row r="35" spans="1:27" s="8" customFormat="1" ht="30.75" customHeight="1" x14ac:dyDescent="0.15">
      <c r="B35" s="9"/>
      <c r="C35" s="791" t="s">
        <v>889</v>
      </c>
      <c r="D35" s="792"/>
      <c r="E35" s="792"/>
      <c r="F35" s="792"/>
      <c r="G35" s="792"/>
      <c r="H35" s="792"/>
      <c r="I35" s="792"/>
      <c r="J35" s="792"/>
      <c r="K35" s="792"/>
      <c r="L35" s="792"/>
      <c r="M35" s="792"/>
      <c r="N35" s="792"/>
      <c r="O35" s="792"/>
      <c r="P35" s="792"/>
      <c r="Q35" s="792"/>
      <c r="R35" s="792"/>
      <c r="S35" s="792"/>
      <c r="T35" s="793"/>
      <c r="U35" s="288"/>
      <c r="V35" s="191" t="s">
        <v>0</v>
      </c>
      <c r="W35" s="143" t="s">
        <v>217</v>
      </c>
      <c r="X35" s="191" t="s">
        <v>0</v>
      </c>
      <c r="Y35" s="266"/>
      <c r="Z35" s="149"/>
    </row>
    <row r="36" spans="1:27" s="8" customFormat="1" ht="30.75" customHeight="1" x14ac:dyDescent="0.15">
      <c r="B36" s="9"/>
      <c r="C36" s="906" t="s">
        <v>1345</v>
      </c>
      <c r="D36" s="907"/>
      <c r="E36" s="907"/>
      <c r="F36" s="907"/>
      <c r="G36" s="907"/>
      <c r="H36" s="907"/>
      <c r="I36" s="907"/>
      <c r="J36" s="907"/>
      <c r="K36" s="907"/>
      <c r="L36" s="907"/>
      <c r="M36" s="907"/>
      <c r="N36" s="907"/>
      <c r="O36" s="907"/>
      <c r="P36" s="907"/>
      <c r="Q36" s="907"/>
      <c r="R36" s="907"/>
      <c r="S36" s="907"/>
      <c r="T36" s="908"/>
      <c r="U36" s="16"/>
      <c r="V36" s="284" t="s">
        <v>0</v>
      </c>
      <c r="W36" s="194" t="s">
        <v>217</v>
      </c>
      <c r="X36" s="284" t="s">
        <v>0</v>
      </c>
      <c r="Y36" s="150"/>
      <c r="Z36" s="149"/>
    </row>
    <row r="37" spans="1:27" s="8" customFormat="1" ht="42" customHeight="1" x14ac:dyDescent="0.15">
      <c r="B37" s="9"/>
      <c r="C37" s="828" t="s">
        <v>1344</v>
      </c>
      <c r="D37" s="829"/>
      <c r="E37" s="829"/>
      <c r="F37" s="829"/>
      <c r="G37" s="829"/>
      <c r="H37" s="829"/>
      <c r="I37" s="829"/>
      <c r="J37" s="829"/>
      <c r="K37" s="829"/>
      <c r="L37" s="829"/>
      <c r="M37" s="829"/>
      <c r="N37" s="829"/>
      <c r="O37" s="829"/>
      <c r="P37" s="829"/>
      <c r="Q37" s="829"/>
      <c r="R37" s="829"/>
      <c r="S37" s="829"/>
      <c r="T37" s="830"/>
      <c r="U37" s="247"/>
      <c r="V37" s="179" t="s">
        <v>0</v>
      </c>
      <c r="W37" s="177" t="s">
        <v>217</v>
      </c>
      <c r="X37" s="179" t="s">
        <v>0</v>
      </c>
      <c r="Y37" s="167"/>
      <c r="Z37" s="149"/>
    </row>
    <row r="38" spans="1:27" s="8" customFormat="1" x14ac:dyDescent="0.15">
      <c r="A38" s="149"/>
      <c r="B38" s="172"/>
      <c r="C38" s="172"/>
      <c r="D38" s="172"/>
      <c r="E38" s="172"/>
      <c r="F38" s="172"/>
      <c r="G38" s="172"/>
      <c r="H38" s="172"/>
      <c r="I38" s="172"/>
      <c r="J38" s="172"/>
      <c r="K38" s="172"/>
      <c r="L38" s="172"/>
      <c r="M38" s="172"/>
      <c r="N38" s="172"/>
      <c r="O38" s="172"/>
      <c r="P38" s="172"/>
      <c r="Q38" s="172"/>
      <c r="R38" s="172"/>
      <c r="S38" s="172"/>
      <c r="T38" s="172"/>
      <c r="U38" s="172"/>
      <c r="V38" s="172"/>
      <c r="W38" s="172"/>
      <c r="X38" s="172"/>
      <c r="Y38" s="172"/>
      <c r="Z38" s="172"/>
      <c r="AA38" s="9"/>
    </row>
    <row r="39" spans="1:27" s="8" customFormat="1" x14ac:dyDescent="0.15">
      <c r="C39" s="157"/>
    </row>
    <row r="40" spans="1:27" s="6" customFormat="1" x14ac:dyDescent="0.15"/>
    <row r="122" spans="3:7" x14ac:dyDescent="0.15">
      <c r="C122" s="5"/>
      <c r="D122" s="5"/>
      <c r="E122" s="5"/>
      <c r="F122" s="5"/>
      <c r="G122" s="5"/>
    </row>
    <row r="123" spans="3:7" x14ac:dyDescent="0.15">
      <c r="C123" s="4"/>
    </row>
  </sheetData>
  <mergeCells count="18">
    <mergeCell ref="B10:F11"/>
    <mergeCell ref="B4:Z4"/>
    <mergeCell ref="B6:F6"/>
    <mergeCell ref="G6:Z6"/>
    <mergeCell ref="B7:F7"/>
    <mergeCell ref="B8:F9"/>
    <mergeCell ref="C37:T37"/>
    <mergeCell ref="K15:L15"/>
    <mergeCell ref="K16:L16"/>
    <mergeCell ref="K17:L17"/>
    <mergeCell ref="C22:T22"/>
    <mergeCell ref="C23:T23"/>
    <mergeCell ref="C24:T24"/>
    <mergeCell ref="K28:L28"/>
    <mergeCell ref="K29:L29"/>
    <mergeCell ref="K30:L30"/>
    <mergeCell ref="C35:T35"/>
    <mergeCell ref="C36:T36"/>
  </mergeCells>
  <phoneticPr fontId="2"/>
  <dataValidations count="1">
    <dataValidation type="list" allowBlank="1" showInputMessage="1" showErrorMessage="1" sqref="G7:G11 L7 Q7 X35:X37 X22:X25 V35:V37 V22:V25">
      <formula1>"□,■"</formula1>
    </dataValidation>
  </dataValidations>
  <pageMargins left="0.7" right="0.7" top="0.75" bottom="0.75" header="0.3" footer="0.3"/>
  <pageSetup paperSize="9" scale="96" orientation="portrait" r:id="rId1"/>
</worksheet>
</file>

<file path=xl/worksheets/sheet5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Z119"/>
  <sheetViews>
    <sheetView view="pageBreakPreview" zoomScale="90" zoomScaleNormal="100" zoomScaleSheetLayoutView="90" workbookViewId="0">
      <selection activeCell="C87" sqref="C87"/>
    </sheetView>
  </sheetViews>
  <sheetFormatPr defaultColWidth="3.5" defaultRowHeight="13.5" x14ac:dyDescent="0.15"/>
  <cols>
    <col min="1" max="1" width="3.5" style="3"/>
    <col min="2" max="2" width="3" style="140" customWidth="1"/>
    <col min="3" max="7" width="3.5" style="3"/>
    <col min="8" max="8" width="2.5" style="3" customWidth="1"/>
    <col min="9" max="17" width="3.5" style="3"/>
    <col min="18" max="18" width="4.25" style="3" customWidth="1"/>
    <col min="19" max="19" width="5.375" style="3" customWidth="1"/>
    <col min="20" max="16384" width="3.5" style="3"/>
  </cols>
  <sheetData>
    <row r="1" spans="2:26" s="8" customFormat="1" x14ac:dyDescent="0.15"/>
    <row r="2" spans="2:26" s="8" customFormat="1" x14ac:dyDescent="0.15">
      <c r="B2" s="8" t="s">
        <v>1369</v>
      </c>
    </row>
    <row r="3" spans="2:26" s="8" customFormat="1" x14ac:dyDescent="0.15"/>
    <row r="4" spans="2:26" s="8" customFormat="1" x14ac:dyDescent="0.15">
      <c r="B4" s="778" t="s">
        <v>1368</v>
      </c>
      <c r="C4" s="778"/>
      <c r="D4" s="778"/>
      <c r="E4" s="778"/>
      <c r="F4" s="778"/>
      <c r="G4" s="778"/>
      <c r="H4" s="778"/>
      <c r="I4" s="778"/>
      <c r="J4" s="778"/>
      <c r="K4" s="778"/>
      <c r="L4" s="778"/>
      <c r="M4" s="778"/>
      <c r="N4" s="778"/>
      <c r="O4" s="778"/>
      <c r="P4" s="778"/>
      <c r="Q4" s="778"/>
      <c r="R4" s="778"/>
      <c r="S4" s="778"/>
      <c r="T4" s="778"/>
      <c r="U4" s="778"/>
      <c r="V4" s="778"/>
      <c r="W4" s="778"/>
      <c r="X4" s="778"/>
      <c r="Y4" s="778"/>
      <c r="Z4" s="778"/>
    </row>
    <row r="5" spans="2:26" s="8" customFormat="1" x14ac:dyDescent="0.15"/>
    <row r="6" spans="2:26" s="8" customFormat="1" ht="31.5" customHeight="1" x14ac:dyDescent="0.15">
      <c r="B6" s="790" t="s">
        <v>244</v>
      </c>
      <c r="C6" s="790"/>
      <c r="D6" s="790"/>
      <c r="E6" s="790"/>
      <c r="F6" s="790"/>
      <c r="G6" s="791"/>
      <c r="H6" s="792"/>
      <c r="I6" s="792"/>
      <c r="J6" s="792"/>
      <c r="K6" s="792"/>
      <c r="L6" s="792"/>
      <c r="M6" s="792"/>
      <c r="N6" s="792"/>
      <c r="O6" s="792"/>
      <c r="P6" s="792"/>
      <c r="Q6" s="792"/>
      <c r="R6" s="792"/>
      <c r="S6" s="792"/>
      <c r="T6" s="792"/>
      <c r="U6" s="792"/>
      <c r="V6" s="792"/>
      <c r="W6" s="792"/>
      <c r="X6" s="792"/>
      <c r="Y6" s="792"/>
      <c r="Z6" s="793"/>
    </row>
    <row r="7" spans="2:26" s="8" customFormat="1" ht="31.5" customHeight="1" x14ac:dyDescent="0.15">
      <c r="B7" s="780" t="s">
        <v>243</v>
      </c>
      <c r="C7" s="781"/>
      <c r="D7" s="781"/>
      <c r="E7" s="781"/>
      <c r="F7" s="782"/>
      <c r="G7" s="180" t="s">
        <v>0</v>
      </c>
      <c r="H7" s="168" t="s">
        <v>242</v>
      </c>
      <c r="I7" s="168"/>
      <c r="J7" s="168"/>
      <c r="K7" s="168"/>
      <c r="L7" s="178" t="s">
        <v>0</v>
      </c>
      <c r="M7" s="168" t="s">
        <v>241</v>
      </c>
      <c r="N7" s="168"/>
      <c r="O7" s="168"/>
      <c r="P7" s="168"/>
      <c r="Q7" s="178" t="s">
        <v>0</v>
      </c>
      <c r="R7" s="168" t="s">
        <v>240</v>
      </c>
      <c r="S7" s="168"/>
      <c r="T7" s="168"/>
      <c r="U7" s="168"/>
      <c r="V7" s="168"/>
      <c r="W7" s="168"/>
      <c r="X7" s="168"/>
      <c r="Y7" s="168"/>
      <c r="Z7" s="167"/>
    </row>
    <row r="8" spans="2:26" ht="31.5" customHeight="1" x14ac:dyDescent="0.15">
      <c r="B8" s="780" t="s">
        <v>239</v>
      </c>
      <c r="C8" s="781"/>
      <c r="D8" s="781"/>
      <c r="E8" s="781"/>
      <c r="F8" s="782"/>
      <c r="G8" s="180" t="s">
        <v>0</v>
      </c>
      <c r="H8" s="181" t="s">
        <v>238</v>
      </c>
      <c r="I8" s="181"/>
      <c r="J8" s="181"/>
      <c r="K8" s="181"/>
      <c r="L8" s="181"/>
      <c r="M8" s="181"/>
      <c r="N8" s="181"/>
      <c r="O8" s="181"/>
      <c r="P8" s="179" t="s">
        <v>0</v>
      </c>
      <c r="Q8" s="181" t="s">
        <v>921</v>
      </c>
      <c r="R8" s="181"/>
      <c r="S8" s="190"/>
      <c r="T8" s="190"/>
      <c r="U8" s="190"/>
      <c r="V8" s="190"/>
      <c r="W8" s="190"/>
      <c r="X8" s="190"/>
      <c r="Y8" s="190"/>
      <c r="Z8" s="364"/>
    </row>
    <row r="9" spans="2:26" s="8" customFormat="1" x14ac:dyDescent="0.15"/>
    <row r="10" spans="2:26" s="8" customFormat="1" x14ac:dyDescent="0.15">
      <c r="B10" s="158"/>
      <c r="C10" s="157"/>
      <c r="D10" s="157"/>
      <c r="E10" s="157"/>
      <c r="F10" s="157"/>
      <c r="G10" s="157"/>
      <c r="H10" s="157"/>
      <c r="I10" s="157"/>
      <c r="J10" s="157"/>
      <c r="K10" s="157"/>
      <c r="L10" s="157"/>
      <c r="M10" s="157"/>
      <c r="N10" s="157"/>
      <c r="O10" s="157"/>
      <c r="P10" s="157"/>
      <c r="Q10" s="157"/>
      <c r="R10" s="157"/>
      <c r="S10" s="157"/>
      <c r="T10" s="157"/>
      <c r="U10" s="157"/>
      <c r="V10" s="157"/>
      <c r="W10" s="157"/>
      <c r="X10" s="157"/>
      <c r="Y10" s="157"/>
      <c r="Z10" s="156"/>
    </row>
    <row r="11" spans="2:26" s="8" customFormat="1" x14ac:dyDescent="0.15">
      <c r="B11" s="9" t="s">
        <v>1367</v>
      </c>
      <c r="Z11" s="149"/>
    </row>
    <row r="12" spans="2:26" s="8" customFormat="1" x14ac:dyDescent="0.15">
      <c r="B12" s="9"/>
      <c r="Z12" s="149"/>
    </row>
    <row r="13" spans="2:26" s="8" customFormat="1" x14ac:dyDescent="0.15">
      <c r="B13" s="9"/>
      <c r="C13" s="8" t="s">
        <v>896</v>
      </c>
      <c r="Z13" s="149"/>
    </row>
    <row r="14" spans="2:26" s="8" customFormat="1" ht="6.75" customHeight="1" x14ac:dyDescent="0.15">
      <c r="B14" s="9"/>
      <c r="Z14" s="149"/>
    </row>
    <row r="15" spans="2:26" s="8" customFormat="1" ht="26.25" customHeight="1" x14ac:dyDescent="0.15">
      <c r="B15" s="9"/>
      <c r="C15" s="252" t="s">
        <v>912</v>
      </c>
      <c r="D15" s="181"/>
      <c r="E15" s="181"/>
      <c r="F15" s="181"/>
      <c r="G15" s="197"/>
      <c r="H15" s="252" t="s">
        <v>910</v>
      </c>
      <c r="I15" s="181"/>
      <c r="J15" s="181"/>
      <c r="K15" s="781"/>
      <c r="L15" s="781"/>
      <c r="M15" s="781"/>
      <c r="N15" s="176" t="s">
        <v>708</v>
      </c>
      <c r="O15" s="9"/>
      <c r="U15" s="18"/>
      <c r="Z15" s="149"/>
    </row>
    <row r="16" spans="2:26" s="8" customFormat="1" x14ac:dyDescent="0.15">
      <c r="B16" s="9"/>
      <c r="L16" s="18"/>
      <c r="Q16" s="18"/>
      <c r="V16" s="18"/>
      <c r="Z16" s="149"/>
    </row>
    <row r="17" spans="2:26" s="8" customFormat="1" x14ac:dyDescent="0.15">
      <c r="B17" s="9"/>
      <c r="C17" s="8" t="s">
        <v>891</v>
      </c>
      <c r="Z17" s="149"/>
    </row>
    <row r="18" spans="2:26" s="8" customFormat="1" ht="4.5" customHeight="1" x14ac:dyDescent="0.15">
      <c r="B18" s="9"/>
      <c r="Z18" s="149"/>
    </row>
    <row r="19" spans="2:26" s="8" customFormat="1" ht="24" customHeight="1" x14ac:dyDescent="0.15">
      <c r="B19" s="9"/>
      <c r="C19" s="780" t="s">
        <v>890</v>
      </c>
      <c r="D19" s="781"/>
      <c r="E19" s="781"/>
      <c r="F19" s="781"/>
      <c r="G19" s="781"/>
      <c r="H19" s="781"/>
      <c r="I19" s="781"/>
      <c r="J19" s="781"/>
      <c r="K19" s="781"/>
      <c r="L19" s="781"/>
      <c r="M19" s="781"/>
      <c r="N19" s="781"/>
      <c r="O19" s="782"/>
      <c r="P19" s="780" t="s">
        <v>57</v>
      </c>
      <c r="Q19" s="781"/>
      <c r="R19" s="781"/>
      <c r="S19" s="781"/>
      <c r="T19" s="781"/>
      <c r="U19" s="781"/>
      <c r="V19" s="781"/>
      <c r="W19" s="781"/>
      <c r="X19" s="781"/>
      <c r="Y19" s="782"/>
      <c r="Z19" s="174"/>
    </row>
    <row r="20" spans="2:26" s="8" customFormat="1" ht="21" customHeight="1" x14ac:dyDescent="0.15">
      <c r="B20" s="9"/>
      <c r="C20" s="791"/>
      <c r="D20" s="792"/>
      <c r="E20" s="792"/>
      <c r="F20" s="792"/>
      <c r="G20" s="792"/>
      <c r="H20" s="792"/>
      <c r="I20" s="792"/>
      <c r="J20" s="792"/>
      <c r="K20" s="792"/>
      <c r="L20" s="792"/>
      <c r="M20" s="792"/>
      <c r="N20" s="792"/>
      <c r="O20" s="793"/>
      <c r="P20" s="791"/>
      <c r="Q20" s="792"/>
      <c r="R20" s="792"/>
      <c r="S20" s="792"/>
      <c r="T20" s="792"/>
      <c r="U20" s="792"/>
      <c r="V20" s="792"/>
      <c r="W20" s="792"/>
      <c r="X20" s="792"/>
      <c r="Y20" s="793"/>
      <c r="Z20" s="149"/>
    </row>
    <row r="21" spans="2:26" s="8" customFormat="1" ht="21" customHeight="1" x14ac:dyDescent="0.15">
      <c r="B21" s="9"/>
      <c r="C21" s="791"/>
      <c r="D21" s="792"/>
      <c r="E21" s="792"/>
      <c r="F21" s="792"/>
      <c r="G21" s="792"/>
      <c r="H21" s="792"/>
      <c r="I21" s="792"/>
      <c r="J21" s="792"/>
      <c r="K21" s="792"/>
      <c r="L21" s="792"/>
      <c r="M21" s="792"/>
      <c r="N21" s="792"/>
      <c r="O21" s="793"/>
      <c r="P21" s="791"/>
      <c r="Q21" s="792"/>
      <c r="R21" s="792"/>
      <c r="S21" s="792"/>
      <c r="T21" s="792"/>
      <c r="U21" s="792"/>
      <c r="V21" s="792"/>
      <c r="W21" s="792"/>
      <c r="X21" s="792"/>
      <c r="Y21" s="793"/>
      <c r="Z21" s="149"/>
    </row>
    <row r="22" spans="2:26" s="8" customFormat="1" ht="21" customHeight="1" x14ac:dyDescent="0.15">
      <c r="B22" s="9"/>
      <c r="C22" s="791"/>
      <c r="D22" s="792"/>
      <c r="E22" s="792"/>
      <c r="F22" s="792"/>
      <c r="G22" s="792"/>
      <c r="H22" s="792"/>
      <c r="I22" s="792"/>
      <c r="J22" s="792"/>
      <c r="K22" s="792"/>
      <c r="L22" s="792"/>
      <c r="M22" s="792"/>
      <c r="N22" s="792"/>
      <c r="O22" s="793"/>
      <c r="P22" s="791"/>
      <c r="Q22" s="792"/>
      <c r="R22" s="792"/>
      <c r="S22" s="792"/>
      <c r="T22" s="792"/>
      <c r="U22" s="792"/>
      <c r="V22" s="792"/>
      <c r="W22" s="792"/>
      <c r="X22" s="792"/>
      <c r="Y22" s="793"/>
      <c r="Z22" s="149"/>
    </row>
    <row r="23" spans="2:26" s="8" customFormat="1" ht="21" customHeight="1" x14ac:dyDescent="0.15">
      <c r="B23" s="9"/>
      <c r="C23" s="791"/>
      <c r="D23" s="792"/>
      <c r="E23" s="792"/>
      <c r="F23" s="792"/>
      <c r="G23" s="792"/>
      <c r="H23" s="792"/>
      <c r="I23" s="792"/>
      <c r="J23" s="792"/>
      <c r="K23" s="792"/>
      <c r="L23" s="792"/>
      <c r="M23" s="792"/>
      <c r="N23" s="792"/>
      <c r="O23" s="793"/>
      <c r="P23" s="791"/>
      <c r="Q23" s="792"/>
      <c r="R23" s="792"/>
      <c r="S23" s="792"/>
      <c r="T23" s="792"/>
      <c r="U23" s="792"/>
      <c r="V23" s="792"/>
      <c r="W23" s="792"/>
      <c r="X23" s="792"/>
      <c r="Y23" s="793"/>
      <c r="Z23" s="149"/>
    </row>
    <row r="24" spans="2:26" s="8" customFormat="1" ht="21" customHeight="1" x14ac:dyDescent="0.15">
      <c r="B24" s="9"/>
      <c r="C24" s="791"/>
      <c r="D24" s="792"/>
      <c r="E24" s="792"/>
      <c r="F24" s="792"/>
      <c r="G24" s="792"/>
      <c r="H24" s="792"/>
      <c r="I24" s="792"/>
      <c r="J24" s="792"/>
      <c r="K24" s="792"/>
      <c r="L24" s="792"/>
      <c r="M24" s="792"/>
      <c r="N24" s="792"/>
      <c r="O24" s="793"/>
      <c r="P24" s="791"/>
      <c r="Q24" s="792"/>
      <c r="R24" s="792"/>
      <c r="S24" s="792"/>
      <c r="T24" s="792"/>
      <c r="U24" s="792"/>
      <c r="V24" s="792"/>
      <c r="W24" s="792"/>
      <c r="X24" s="792"/>
      <c r="Y24" s="793"/>
      <c r="Z24" s="149"/>
    </row>
    <row r="25" spans="2:26" s="8" customFormat="1" ht="21" customHeight="1" x14ac:dyDescent="0.15">
      <c r="B25" s="9"/>
      <c r="C25" s="194"/>
      <c r="D25" s="194"/>
      <c r="E25" s="194"/>
      <c r="F25" s="194"/>
      <c r="G25" s="194"/>
      <c r="H25" s="194"/>
      <c r="I25" s="194"/>
      <c r="J25" s="194"/>
      <c r="K25" s="194"/>
      <c r="L25" s="194"/>
      <c r="M25" s="194"/>
      <c r="N25" s="194"/>
      <c r="O25" s="194"/>
      <c r="P25" s="157"/>
      <c r="Q25" s="157"/>
      <c r="R25" s="157"/>
      <c r="S25" s="157"/>
      <c r="T25" s="157"/>
      <c r="U25" s="157"/>
      <c r="V25" s="157"/>
      <c r="W25" s="157"/>
      <c r="X25" s="157"/>
      <c r="Y25" s="157"/>
      <c r="Z25" s="149"/>
    </row>
    <row r="26" spans="2:26" s="8" customFormat="1" ht="21" customHeight="1" x14ac:dyDescent="0.15">
      <c r="B26" s="9"/>
      <c r="C26" s="143"/>
      <c r="D26" s="143"/>
      <c r="E26" s="143"/>
      <c r="F26" s="143"/>
      <c r="G26" s="143"/>
      <c r="H26" s="143"/>
      <c r="I26" s="143"/>
      <c r="J26" s="143"/>
      <c r="K26" s="143"/>
      <c r="L26" s="143"/>
      <c r="M26" s="143"/>
      <c r="N26" s="143"/>
      <c r="O26" s="143"/>
      <c r="P26" s="172"/>
      <c r="Q26" s="172"/>
      <c r="R26" s="172"/>
      <c r="S26" s="172"/>
      <c r="T26" s="172"/>
      <c r="U26" s="252"/>
      <c r="V26" s="557" t="s">
        <v>227</v>
      </c>
      <c r="W26" s="557" t="s">
        <v>217</v>
      </c>
      <c r="X26" s="557" t="s">
        <v>226</v>
      </c>
      <c r="Y26" s="197"/>
      <c r="Z26" s="149"/>
    </row>
    <row r="27" spans="2:26" s="8" customFormat="1" ht="38.25" customHeight="1" x14ac:dyDescent="0.15">
      <c r="B27" s="9"/>
      <c r="C27" s="252" t="s">
        <v>1366</v>
      </c>
      <c r="D27" s="181"/>
      <c r="E27" s="181"/>
      <c r="F27" s="181"/>
      <c r="G27" s="181"/>
      <c r="H27" s="181"/>
      <c r="I27" s="181"/>
      <c r="J27" s="181"/>
      <c r="K27" s="181"/>
      <c r="L27" s="181"/>
      <c r="M27" s="181"/>
      <c r="N27" s="181"/>
      <c r="O27" s="181"/>
      <c r="P27" s="181"/>
      <c r="Q27" s="181"/>
      <c r="R27" s="181"/>
      <c r="S27" s="181"/>
      <c r="T27" s="167"/>
      <c r="U27" s="247"/>
      <c r="V27" s="177" t="s">
        <v>0</v>
      </c>
      <c r="W27" s="177" t="s">
        <v>217</v>
      </c>
      <c r="X27" s="177" t="s">
        <v>0</v>
      </c>
      <c r="Y27" s="167"/>
      <c r="Z27" s="149"/>
    </row>
    <row r="28" spans="2:26" s="8" customFormat="1" ht="38.25" customHeight="1" x14ac:dyDescent="0.15">
      <c r="B28" s="9"/>
      <c r="C28" s="828" t="s">
        <v>1365</v>
      </c>
      <c r="D28" s="829"/>
      <c r="E28" s="829"/>
      <c r="F28" s="829"/>
      <c r="G28" s="829"/>
      <c r="H28" s="829"/>
      <c r="I28" s="829"/>
      <c r="J28" s="829"/>
      <c r="K28" s="829"/>
      <c r="L28" s="829"/>
      <c r="M28" s="829"/>
      <c r="N28" s="829"/>
      <c r="O28" s="829"/>
      <c r="P28" s="829"/>
      <c r="Q28" s="829"/>
      <c r="R28" s="829"/>
      <c r="S28" s="829"/>
      <c r="T28" s="251"/>
      <c r="U28" s="247"/>
      <c r="V28" s="177" t="s">
        <v>0</v>
      </c>
      <c r="W28" s="177" t="s">
        <v>217</v>
      </c>
      <c r="X28" s="177" t="s">
        <v>0</v>
      </c>
      <c r="Y28" s="167"/>
      <c r="Z28" s="149"/>
    </row>
    <row r="29" spans="2:26" s="8" customFormat="1" ht="70.5" customHeight="1" x14ac:dyDescent="0.15">
      <c r="B29" s="9"/>
      <c r="C29" s="828" t="s">
        <v>1364</v>
      </c>
      <c r="D29" s="829"/>
      <c r="E29" s="829"/>
      <c r="F29" s="829"/>
      <c r="G29" s="829"/>
      <c r="H29" s="829"/>
      <c r="I29" s="829"/>
      <c r="J29" s="829"/>
      <c r="K29" s="829"/>
      <c r="L29" s="829"/>
      <c r="M29" s="829"/>
      <c r="N29" s="829"/>
      <c r="O29" s="829"/>
      <c r="P29" s="829"/>
      <c r="Q29" s="829"/>
      <c r="R29" s="829"/>
      <c r="S29" s="829"/>
      <c r="T29" s="251"/>
      <c r="U29" s="247"/>
      <c r="V29" s="177" t="s">
        <v>0</v>
      </c>
      <c r="W29" s="177" t="s">
        <v>217</v>
      </c>
      <c r="X29" s="177" t="s">
        <v>0</v>
      </c>
      <c r="Y29" s="167"/>
      <c r="Z29" s="149"/>
    </row>
    <row r="30" spans="2:26" s="8" customFormat="1" ht="38.25" customHeight="1" x14ac:dyDescent="0.15">
      <c r="B30" s="9"/>
      <c r="C30" s="252" t="s">
        <v>1363</v>
      </c>
      <c r="D30" s="181"/>
      <c r="E30" s="181"/>
      <c r="F30" s="181"/>
      <c r="G30" s="181"/>
      <c r="H30" s="181"/>
      <c r="I30" s="181"/>
      <c r="J30" s="181"/>
      <c r="K30" s="181"/>
      <c r="L30" s="181"/>
      <c r="M30" s="181"/>
      <c r="N30" s="181"/>
      <c r="O30" s="181"/>
      <c r="P30" s="181"/>
      <c r="Q30" s="181"/>
      <c r="R30" s="181"/>
      <c r="S30" s="181"/>
      <c r="T30" s="167"/>
      <c r="U30" s="16"/>
      <c r="V30" s="18" t="s">
        <v>0</v>
      </c>
      <c r="W30" s="18" t="s">
        <v>217</v>
      </c>
      <c r="X30" s="18" t="s">
        <v>0</v>
      </c>
      <c r="Y30" s="150"/>
      <c r="Z30" s="149"/>
    </row>
    <row r="31" spans="2:26" s="8" customFormat="1" ht="38.25" customHeight="1" x14ac:dyDescent="0.15">
      <c r="B31" s="9"/>
      <c r="C31" s="828" t="s">
        <v>1362</v>
      </c>
      <c r="D31" s="829"/>
      <c r="E31" s="829"/>
      <c r="F31" s="829"/>
      <c r="G31" s="829"/>
      <c r="H31" s="829"/>
      <c r="I31" s="829"/>
      <c r="J31" s="829"/>
      <c r="K31" s="829"/>
      <c r="L31" s="829"/>
      <c r="M31" s="829"/>
      <c r="N31" s="829"/>
      <c r="O31" s="829"/>
      <c r="P31" s="829"/>
      <c r="Q31" s="829"/>
      <c r="R31" s="829"/>
      <c r="S31" s="829"/>
      <c r="T31" s="167"/>
      <c r="U31" s="247"/>
      <c r="V31" s="177" t="s">
        <v>0</v>
      </c>
      <c r="W31" s="177" t="s">
        <v>217</v>
      </c>
      <c r="X31" s="177" t="s">
        <v>0</v>
      </c>
      <c r="Y31" s="167"/>
      <c r="Z31" s="149"/>
    </row>
    <row r="32" spans="2:26" s="8" customFormat="1" ht="38.25" customHeight="1" x14ac:dyDescent="0.15">
      <c r="B32" s="9"/>
      <c r="C32" s="828" t="s">
        <v>1361</v>
      </c>
      <c r="D32" s="829"/>
      <c r="E32" s="829"/>
      <c r="F32" s="829"/>
      <c r="G32" s="829"/>
      <c r="H32" s="829"/>
      <c r="I32" s="829"/>
      <c r="J32" s="829"/>
      <c r="K32" s="829"/>
      <c r="L32" s="829"/>
      <c r="M32" s="829"/>
      <c r="N32" s="829"/>
      <c r="O32" s="829"/>
      <c r="P32" s="829"/>
      <c r="Q32" s="829"/>
      <c r="R32" s="829"/>
      <c r="S32" s="829"/>
      <c r="T32" s="167"/>
      <c r="U32" s="16"/>
      <c r="V32" s="18" t="s">
        <v>0</v>
      </c>
      <c r="W32" s="18" t="s">
        <v>217</v>
      </c>
      <c r="X32" s="18" t="s">
        <v>0</v>
      </c>
      <c r="Y32" s="150"/>
      <c r="Z32" s="149"/>
    </row>
    <row r="33" spans="2:26" s="8" customFormat="1" ht="38.25" customHeight="1" x14ac:dyDescent="0.15">
      <c r="B33" s="9"/>
      <c r="C33" s="828" t="s">
        <v>1360</v>
      </c>
      <c r="D33" s="829"/>
      <c r="E33" s="829"/>
      <c r="F33" s="829"/>
      <c r="G33" s="829"/>
      <c r="H33" s="829"/>
      <c r="I33" s="829"/>
      <c r="J33" s="829"/>
      <c r="K33" s="829"/>
      <c r="L33" s="829"/>
      <c r="M33" s="829"/>
      <c r="N33" s="829"/>
      <c r="O33" s="829"/>
      <c r="P33" s="829"/>
      <c r="Q33" s="829"/>
      <c r="R33" s="829"/>
      <c r="S33" s="829"/>
      <c r="T33" s="167"/>
      <c r="U33" s="247"/>
      <c r="V33" s="177" t="s">
        <v>0</v>
      </c>
      <c r="W33" s="177" t="s">
        <v>217</v>
      </c>
      <c r="X33" s="177" t="s">
        <v>0</v>
      </c>
      <c r="Y33" s="167"/>
      <c r="Z33" s="149"/>
    </row>
    <row r="34" spans="2:26" s="8" customFormat="1" ht="9" customHeight="1" x14ac:dyDescent="0.15">
      <c r="B34" s="173"/>
      <c r="C34" s="172"/>
      <c r="D34" s="172"/>
      <c r="E34" s="172"/>
      <c r="F34" s="172"/>
      <c r="G34" s="172"/>
      <c r="H34" s="172"/>
      <c r="I34" s="172"/>
      <c r="J34" s="172"/>
      <c r="K34" s="172"/>
      <c r="L34" s="172"/>
      <c r="M34" s="172"/>
      <c r="N34" s="172"/>
      <c r="O34" s="172"/>
      <c r="P34" s="172"/>
      <c r="Q34" s="172"/>
      <c r="R34" s="172"/>
      <c r="S34" s="172"/>
      <c r="T34" s="172"/>
      <c r="U34" s="172"/>
      <c r="V34" s="172"/>
      <c r="W34" s="172"/>
      <c r="X34" s="172"/>
      <c r="Y34" s="172"/>
      <c r="Z34" s="171"/>
    </row>
    <row r="35" spans="2:26" s="8" customFormat="1" x14ac:dyDescent="0.15"/>
    <row r="118" spans="3:7" x14ac:dyDescent="0.15">
      <c r="C118" s="5"/>
      <c r="D118" s="5"/>
      <c r="E118" s="5"/>
      <c r="F118" s="5"/>
      <c r="G118" s="5"/>
    </row>
    <row r="119" spans="3:7" x14ac:dyDescent="0.15">
      <c r="C119" s="4"/>
    </row>
  </sheetData>
  <mergeCells count="23">
    <mergeCell ref="K15:M15"/>
    <mergeCell ref="B4:Z4"/>
    <mergeCell ref="B6:F6"/>
    <mergeCell ref="G6:Z6"/>
    <mergeCell ref="B7:F7"/>
    <mergeCell ref="B8:F8"/>
    <mergeCell ref="P24:Y24"/>
    <mergeCell ref="C19:O19"/>
    <mergeCell ref="P19:Y19"/>
    <mergeCell ref="C20:O20"/>
    <mergeCell ref="P20:Y20"/>
    <mergeCell ref="C21:O21"/>
    <mergeCell ref="P21:Y21"/>
    <mergeCell ref="C22:O22"/>
    <mergeCell ref="P22:Y22"/>
    <mergeCell ref="C23:O23"/>
    <mergeCell ref="P23:Y23"/>
    <mergeCell ref="C24:O24"/>
    <mergeCell ref="C28:S28"/>
    <mergeCell ref="C29:S29"/>
    <mergeCell ref="C31:S31"/>
    <mergeCell ref="C32:S32"/>
    <mergeCell ref="C33:S33"/>
  </mergeCells>
  <phoneticPr fontId="2"/>
  <dataValidations count="1">
    <dataValidation type="list" allowBlank="1" showInputMessage="1" showErrorMessage="1" sqref="G7:G8 L7 Q7 P8 V27:V33 X27:X33">
      <formula1>"□,■"</formula1>
    </dataValidation>
  </dataValidations>
  <pageMargins left="0.7" right="0.7" top="0.75" bottom="0.75" header="0.3" footer="0.3"/>
  <pageSetup paperSize="9" scale="92" orientation="portrait" r:id="rId1"/>
</worksheet>
</file>

<file path=xl/worksheets/sheet5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Z119"/>
  <sheetViews>
    <sheetView view="pageBreakPreview" zoomScale="60" zoomScaleNormal="100" workbookViewId="0">
      <selection activeCell="C87" sqref="C87"/>
    </sheetView>
  </sheetViews>
  <sheetFormatPr defaultColWidth="3.5" defaultRowHeight="13.5" x14ac:dyDescent="0.15"/>
  <cols>
    <col min="1" max="1" width="2.25" style="3" customWidth="1"/>
    <col min="2" max="2" width="3" style="140" customWidth="1"/>
    <col min="3" max="19" width="3.625" style="3" customWidth="1"/>
    <col min="20" max="26" width="3.5" style="3"/>
    <col min="27" max="27" width="2.25" style="3" customWidth="1"/>
    <col min="28" max="16384" width="3.5" style="3"/>
  </cols>
  <sheetData>
    <row r="1" spans="2:26" s="8" customFormat="1" x14ac:dyDescent="0.15"/>
    <row r="2" spans="2:26" s="8" customFormat="1" x14ac:dyDescent="0.15">
      <c r="B2" s="8" t="s">
        <v>1378</v>
      </c>
    </row>
    <row r="3" spans="2:26" s="8" customFormat="1" x14ac:dyDescent="0.15"/>
    <row r="4" spans="2:26" s="8" customFormat="1" x14ac:dyDescent="0.15">
      <c r="B4" s="778" t="s">
        <v>1368</v>
      </c>
      <c r="C4" s="778"/>
      <c r="D4" s="778"/>
      <c r="E4" s="778"/>
      <c r="F4" s="778"/>
      <c r="G4" s="778"/>
      <c r="H4" s="778"/>
      <c r="I4" s="778"/>
      <c r="J4" s="778"/>
      <c r="K4" s="778"/>
      <c r="L4" s="778"/>
      <c r="M4" s="778"/>
      <c r="N4" s="778"/>
      <c r="O4" s="778"/>
      <c r="P4" s="778"/>
      <c r="Q4" s="778"/>
      <c r="R4" s="778"/>
      <c r="S4" s="778"/>
      <c r="T4" s="778"/>
      <c r="U4" s="778"/>
      <c r="V4" s="778"/>
      <c r="W4" s="778"/>
      <c r="X4" s="778"/>
      <c r="Y4" s="778"/>
      <c r="Z4" s="778"/>
    </row>
    <row r="5" spans="2:26" s="8" customFormat="1" x14ac:dyDescent="0.15"/>
    <row r="6" spans="2:26" s="8" customFormat="1" ht="31.5" customHeight="1" x14ac:dyDescent="0.15">
      <c r="B6" s="790" t="s">
        <v>244</v>
      </c>
      <c r="C6" s="790"/>
      <c r="D6" s="790"/>
      <c r="E6" s="790"/>
      <c r="F6" s="790"/>
      <c r="G6" s="780"/>
      <c r="H6" s="781"/>
      <c r="I6" s="781"/>
      <c r="J6" s="781"/>
      <c r="K6" s="781"/>
      <c r="L6" s="781"/>
      <c r="M6" s="781"/>
      <c r="N6" s="781"/>
      <c r="O6" s="781"/>
      <c r="P6" s="781"/>
      <c r="Q6" s="781"/>
      <c r="R6" s="781"/>
      <c r="S6" s="781"/>
      <c r="T6" s="781"/>
      <c r="U6" s="781"/>
      <c r="V6" s="781"/>
      <c r="W6" s="781"/>
      <c r="X6" s="781"/>
      <c r="Y6" s="781"/>
      <c r="Z6" s="782"/>
    </row>
    <row r="7" spans="2:26" s="8" customFormat="1" ht="31.5" customHeight="1" x14ac:dyDescent="0.15">
      <c r="B7" s="780" t="s">
        <v>243</v>
      </c>
      <c r="C7" s="781"/>
      <c r="D7" s="781"/>
      <c r="E7" s="781"/>
      <c r="F7" s="782"/>
      <c r="G7" s="178" t="s">
        <v>0</v>
      </c>
      <c r="H7" s="168" t="s">
        <v>242</v>
      </c>
      <c r="I7" s="168"/>
      <c r="J7" s="168"/>
      <c r="K7" s="168"/>
      <c r="L7" s="178" t="s">
        <v>0</v>
      </c>
      <c r="M7" s="168" t="s">
        <v>241</v>
      </c>
      <c r="N7" s="168"/>
      <c r="O7" s="168"/>
      <c r="P7" s="168"/>
      <c r="Q7" s="178" t="s">
        <v>0</v>
      </c>
      <c r="R7" s="168" t="s">
        <v>240</v>
      </c>
      <c r="S7" s="168"/>
      <c r="T7" s="168"/>
      <c r="U7" s="168"/>
      <c r="V7" s="168"/>
      <c r="W7" s="168"/>
      <c r="X7" s="168"/>
      <c r="Y7" s="168"/>
      <c r="Z7" s="167"/>
    </row>
    <row r="8" spans="2:26" s="8" customFormat="1" ht="31.5" customHeight="1" x14ac:dyDescent="0.15">
      <c r="B8" s="780" t="s">
        <v>239</v>
      </c>
      <c r="C8" s="781"/>
      <c r="D8" s="781"/>
      <c r="E8" s="781"/>
      <c r="F8" s="782"/>
      <c r="G8" s="180" t="s">
        <v>0</v>
      </c>
      <c r="H8" s="181" t="s">
        <v>1377</v>
      </c>
      <c r="I8" s="181"/>
      <c r="J8" s="181"/>
      <c r="K8" s="181"/>
      <c r="L8" s="181"/>
      <c r="M8" s="181"/>
      <c r="N8" s="181"/>
      <c r="O8" s="179" t="s">
        <v>0</v>
      </c>
      <c r="P8" s="181" t="s">
        <v>1376</v>
      </c>
      <c r="Q8" s="181"/>
      <c r="R8" s="181"/>
      <c r="S8" s="162"/>
      <c r="T8" s="162"/>
      <c r="U8" s="162"/>
      <c r="V8" s="162"/>
      <c r="W8" s="162"/>
      <c r="X8" s="162"/>
      <c r="Y8" s="162"/>
      <c r="Z8" s="266"/>
    </row>
    <row r="9" spans="2:26" s="8" customFormat="1" x14ac:dyDescent="0.15"/>
    <row r="10" spans="2:26" s="8" customFormat="1" x14ac:dyDescent="0.15">
      <c r="B10" s="158"/>
      <c r="C10" s="157"/>
      <c r="D10" s="157"/>
      <c r="E10" s="157"/>
      <c r="F10" s="157"/>
      <c r="G10" s="157"/>
      <c r="H10" s="157"/>
      <c r="I10" s="157"/>
      <c r="J10" s="157"/>
      <c r="K10" s="157"/>
      <c r="L10" s="157"/>
      <c r="M10" s="157"/>
      <c r="N10" s="157"/>
      <c r="O10" s="157"/>
      <c r="P10" s="157"/>
      <c r="Q10" s="157"/>
      <c r="R10" s="157"/>
      <c r="S10" s="157"/>
      <c r="T10" s="157"/>
      <c r="U10" s="157"/>
      <c r="V10" s="157"/>
      <c r="W10" s="157"/>
      <c r="X10" s="157"/>
      <c r="Y10" s="157"/>
      <c r="Z10" s="156"/>
    </row>
    <row r="11" spans="2:26" s="8" customFormat="1" x14ac:dyDescent="0.15">
      <c r="B11" s="9" t="s">
        <v>1375</v>
      </c>
      <c r="Z11" s="149"/>
    </row>
    <row r="12" spans="2:26" s="8" customFormat="1" x14ac:dyDescent="0.15">
      <c r="B12" s="9"/>
      <c r="Z12" s="149"/>
    </row>
    <row r="13" spans="2:26" s="8" customFormat="1" x14ac:dyDescent="0.15">
      <c r="B13" s="9"/>
      <c r="C13" s="8" t="s">
        <v>896</v>
      </c>
      <c r="Z13" s="149"/>
    </row>
    <row r="14" spans="2:26" s="8" customFormat="1" ht="6.75" customHeight="1" x14ac:dyDescent="0.15">
      <c r="B14" s="9"/>
      <c r="Z14" s="149"/>
    </row>
    <row r="15" spans="2:26" s="8" customFormat="1" ht="26.25" customHeight="1" x14ac:dyDescent="0.15">
      <c r="B15" s="9"/>
      <c r="C15" s="252" t="s">
        <v>912</v>
      </c>
      <c r="D15" s="181"/>
      <c r="E15" s="181"/>
      <c r="F15" s="181"/>
      <c r="G15" s="197"/>
      <c r="H15" s="791" t="s">
        <v>910</v>
      </c>
      <c r="I15" s="792"/>
      <c r="J15" s="792"/>
      <c r="K15" s="781"/>
      <c r="L15" s="781"/>
      <c r="M15" s="781"/>
      <c r="N15" s="176" t="s">
        <v>708</v>
      </c>
      <c r="O15" s="9"/>
      <c r="U15" s="18"/>
      <c r="Z15" s="149"/>
    </row>
    <row r="16" spans="2:26" s="8" customFormat="1" x14ac:dyDescent="0.15">
      <c r="B16" s="9"/>
      <c r="L16" s="18"/>
      <c r="Q16" s="18"/>
      <c r="V16" s="18"/>
      <c r="Z16" s="149"/>
    </row>
    <row r="17" spans="2:26" s="8" customFormat="1" x14ac:dyDescent="0.15">
      <c r="B17" s="9"/>
      <c r="C17" s="8" t="s">
        <v>891</v>
      </c>
      <c r="Z17" s="149"/>
    </row>
    <row r="18" spans="2:26" s="8" customFormat="1" ht="4.5" customHeight="1" x14ac:dyDescent="0.15">
      <c r="B18" s="9"/>
      <c r="Z18" s="149"/>
    </row>
    <row r="19" spans="2:26" s="8" customFormat="1" ht="24" customHeight="1" x14ac:dyDescent="0.15">
      <c r="B19" s="9"/>
      <c r="C19" s="780" t="s">
        <v>890</v>
      </c>
      <c r="D19" s="781"/>
      <c r="E19" s="781"/>
      <c r="F19" s="781"/>
      <c r="G19" s="781"/>
      <c r="H19" s="781"/>
      <c r="I19" s="781"/>
      <c r="J19" s="781"/>
      <c r="K19" s="781"/>
      <c r="L19" s="781"/>
      <c r="M19" s="781"/>
      <c r="N19" s="781"/>
      <c r="O19" s="782"/>
      <c r="P19" s="780" t="s">
        <v>57</v>
      </c>
      <c r="Q19" s="781"/>
      <c r="R19" s="781"/>
      <c r="S19" s="781"/>
      <c r="T19" s="781"/>
      <c r="U19" s="781"/>
      <c r="V19" s="781"/>
      <c r="W19" s="781"/>
      <c r="X19" s="781"/>
      <c r="Y19" s="782"/>
      <c r="Z19" s="174"/>
    </row>
    <row r="20" spans="2:26" s="8" customFormat="1" ht="21" customHeight="1" x14ac:dyDescent="0.15">
      <c r="B20" s="9"/>
      <c r="C20" s="791"/>
      <c r="D20" s="792"/>
      <c r="E20" s="792"/>
      <c r="F20" s="792"/>
      <c r="G20" s="792"/>
      <c r="H20" s="792"/>
      <c r="I20" s="792"/>
      <c r="J20" s="792"/>
      <c r="K20" s="792"/>
      <c r="L20" s="792"/>
      <c r="M20" s="792"/>
      <c r="N20" s="792"/>
      <c r="O20" s="793"/>
      <c r="P20" s="791"/>
      <c r="Q20" s="792"/>
      <c r="R20" s="792"/>
      <c r="S20" s="792"/>
      <c r="T20" s="792"/>
      <c r="U20" s="792"/>
      <c r="V20" s="792"/>
      <c r="W20" s="792"/>
      <c r="X20" s="792"/>
      <c r="Y20" s="793"/>
      <c r="Z20" s="149"/>
    </row>
    <row r="21" spans="2:26" s="8" customFormat="1" ht="21" customHeight="1" x14ac:dyDescent="0.15">
      <c r="B21" s="9"/>
      <c r="C21" s="791"/>
      <c r="D21" s="792"/>
      <c r="E21" s="792"/>
      <c r="F21" s="792"/>
      <c r="G21" s="792"/>
      <c r="H21" s="792"/>
      <c r="I21" s="792"/>
      <c r="J21" s="792"/>
      <c r="K21" s="792"/>
      <c r="L21" s="792"/>
      <c r="M21" s="792"/>
      <c r="N21" s="792"/>
      <c r="O21" s="793"/>
      <c r="P21" s="791"/>
      <c r="Q21" s="792"/>
      <c r="R21" s="792"/>
      <c r="S21" s="792"/>
      <c r="T21" s="792"/>
      <c r="U21" s="792"/>
      <c r="V21" s="792"/>
      <c r="W21" s="792"/>
      <c r="X21" s="792"/>
      <c r="Y21" s="793"/>
      <c r="Z21" s="149"/>
    </row>
    <row r="22" spans="2:26" s="8" customFormat="1" ht="21" customHeight="1" x14ac:dyDescent="0.15">
      <c r="B22" s="9"/>
      <c r="C22" s="791"/>
      <c r="D22" s="792"/>
      <c r="E22" s="792"/>
      <c r="F22" s="792"/>
      <c r="G22" s="792"/>
      <c r="H22" s="792"/>
      <c r="I22" s="792"/>
      <c r="J22" s="792"/>
      <c r="K22" s="792"/>
      <c r="L22" s="792"/>
      <c r="M22" s="792"/>
      <c r="N22" s="792"/>
      <c r="O22" s="793"/>
      <c r="P22" s="791"/>
      <c r="Q22" s="792"/>
      <c r="R22" s="792"/>
      <c r="S22" s="792"/>
      <c r="T22" s="792"/>
      <c r="U22" s="792"/>
      <c r="V22" s="792"/>
      <c r="W22" s="792"/>
      <c r="X22" s="792"/>
      <c r="Y22" s="793"/>
      <c r="Z22" s="149"/>
    </row>
    <row r="23" spans="2:26" s="8" customFormat="1" ht="21" customHeight="1" x14ac:dyDescent="0.15">
      <c r="B23" s="9"/>
      <c r="C23" s="791"/>
      <c r="D23" s="792"/>
      <c r="E23" s="792"/>
      <c r="F23" s="792"/>
      <c r="G23" s="792"/>
      <c r="H23" s="792"/>
      <c r="I23" s="792"/>
      <c r="J23" s="792"/>
      <c r="K23" s="792"/>
      <c r="L23" s="792"/>
      <c r="M23" s="792"/>
      <c r="N23" s="792"/>
      <c r="O23" s="793"/>
      <c r="P23" s="791"/>
      <c r="Q23" s="792"/>
      <c r="R23" s="792"/>
      <c r="S23" s="792"/>
      <c r="T23" s="792"/>
      <c r="U23" s="792"/>
      <c r="V23" s="792"/>
      <c r="W23" s="792"/>
      <c r="X23" s="792"/>
      <c r="Y23" s="793"/>
      <c r="Z23" s="149"/>
    </row>
    <row r="24" spans="2:26" s="8" customFormat="1" ht="21" customHeight="1" x14ac:dyDescent="0.15">
      <c r="B24" s="9"/>
      <c r="C24" s="791"/>
      <c r="D24" s="792"/>
      <c r="E24" s="792"/>
      <c r="F24" s="792"/>
      <c r="G24" s="792"/>
      <c r="H24" s="792"/>
      <c r="I24" s="792"/>
      <c r="J24" s="792"/>
      <c r="K24" s="792"/>
      <c r="L24" s="792"/>
      <c r="M24" s="792"/>
      <c r="N24" s="792"/>
      <c r="O24" s="793"/>
      <c r="P24" s="791"/>
      <c r="Q24" s="792"/>
      <c r="R24" s="792"/>
      <c r="S24" s="792"/>
      <c r="T24" s="792"/>
      <c r="U24" s="792"/>
      <c r="V24" s="792"/>
      <c r="W24" s="792"/>
      <c r="X24" s="792"/>
      <c r="Y24" s="793"/>
      <c r="Z24" s="149"/>
    </row>
    <row r="25" spans="2:26" s="8" customFormat="1" ht="21" customHeight="1" x14ac:dyDescent="0.15">
      <c r="B25" s="9"/>
      <c r="C25" s="194"/>
      <c r="D25" s="194"/>
      <c r="E25" s="194"/>
      <c r="F25" s="194"/>
      <c r="G25" s="194"/>
      <c r="H25" s="194"/>
      <c r="I25" s="194"/>
      <c r="J25" s="194"/>
      <c r="K25" s="194"/>
      <c r="L25" s="194"/>
      <c r="M25" s="194"/>
      <c r="N25" s="194"/>
      <c r="O25" s="194"/>
      <c r="P25" s="157"/>
      <c r="Q25" s="157"/>
      <c r="R25" s="157"/>
      <c r="S25" s="157"/>
      <c r="T25" s="157"/>
      <c r="U25" s="157"/>
      <c r="V25" s="157"/>
      <c r="W25" s="157"/>
      <c r="X25" s="157"/>
      <c r="Y25" s="157"/>
      <c r="Z25" s="149"/>
    </row>
    <row r="26" spans="2:26" s="8" customFormat="1" ht="21" customHeight="1" x14ac:dyDescent="0.15">
      <c r="B26" s="9"/>
      <c r="C26" s="143"/>
      <c r="D26" s="143"/>
      <c r="E26" s="143"/>
      <c r="F26" s="143"/>
      <c r="G26" s="143"/>
      <c r="H26" s="143"/>
      <c r="I26" s="143"/>
      <c r="J26" s="143"/>
      <c r="K26" s="143"/>
      <c r="L26" s="143"/>
      <c r="M26" s="143"/>
      <c r="N26" s="143"/>
      <c r="O26" s="143"/>
      <c r="P26" s="172"/>
      <c r="Q26" s="172"/>
      <c r="R26" s="172"/>
      <c r="S26" s="172"/>
      <c r="T26" s="172"/>
      <c r="U26" s="252"/>
      <c r="V26" s="557" t="s">
        <v>227</v>
      </c>
      <c r="W26" s="557" t="s">
        <v>217</v>
      </c>
      <c r="X26" s="557" t="s">
        <v>226</v>
      </c>
      <c r="Y26" s="197"/>
      <c r="Z26" s="149"/>
    </row>
    <row r="27" spans="2:26" s="8" customFormat="1" ht="38.25" customHeight="1" x14ac:dyDescent="0.15">
      <c r="B27" s="9"/>
      <c r="C27" s="828" t="s">
        <v>1374</v>
      </c>
      <c r="D27" s="829"/>
      <c r="E27" s="829"/>
      <c r="F27" s="829"/>
      <c r="G27" s="829"/>
      <c r="H27" s="829"/>
      <c r="I27" s="829"/>
      <c r="J27" s="829"/>
      <c r="K27" s="829"/>
      <c r="L27" s="829"/>
      <c r="M27" s="829"/>
      <c r="N27" s="829"/>
      <c r="O27" s="829"/>
      <c r="P27" s="829"/>
      <c r="Q27" s="829"/>
      <c r="R27" s="829"/>
      <c r="S27" s="829"/>
      <c r="T27" s="251"/>
      <c r="U27" s="168"/>
      <c r="V27" s="177" t="s">
        <v>0</v>
      </c>
      <c r="W27" s="177" t="s">
        <v>217</v>
      </c>
      <c r="X27" s="177" t="s">
        <v>0</v>
      </c>
      <c r="Y27" s="167"/>
      <c r="Z27" s="149"/>
    </row>
    <row r="28" spans="2:26" s="8" customFormat="1" ht="70.5" customHeight="1" x14ac:dyDescent="0.15">
      <c r="B28" s="9"/>
      <c r="C28" s="828" t="s">
        <v>1373</v>
      </c>
      <c r="D28" s="829"/>
      <c r="E28" s="829"/>
      <c r="F28" s="829"/>
      <c r="G28" s="829"/>
      <c r="H28" s="829"/>
      <c r="I28" s="829"/>
      <c r="J28" s="829"/>
      <c r="K28" s="829"/>
      <c r="L28" s="829"/>
      <c r="M28" s="829"/>
      <c r="N28" s="829"/>
      <c r="O28" s="829"/>
      <c r="P28" s="829"/>
      <c r="Q28" s="829"/>
      <c r="R28" s="829"/>
      <c r="S28" s="829"/>
      <c r="T28" s="251"/>
      <c r="U28" s="168"/>
      <c r="V28" s="177" t="s">
        <v>0</v>
      </c>
      <c r="W28" s="177" t="s">
        <v>217</v>
      </c>
      <c r="X28" s="177" t="s">
        <v>0</v>
      </c>
      <c r="Y28" s="167"/>
      <c r="Z28" s="149"/>
    </row>
    <row r="29" spans="2:26" s="8" customFormat="1" ht="38.25" customHeight="1" x14ac:dyDescent="0.15">
      <c r="B29" s="9"/>
      <c r="C29" s="791" t="s">
        <v>1372</v>
      </c>
      <c r="D29" s="792"/>
      <c r="E29" s="792"/>
      <c r="F29" s="792"/>
      <c r="G29" s="792"/>
      <c r="H29" s="792"/>
      <c r="I29" s="792"/>
      <c r="J29" s="792"/>
      <c r="K29" s="792"/>
      <c r="L29" s="792"/>
      <c r="M29" s="792"/>
      <c r="N29" s="792"/>
      <c r="O29" s="792"/>
      <c r="P29" s="792"/>
      <c r="Q29" s="792"/>
      <c r="R29" s="792"/>
      <c r="S29" s="792"/>
      <c r="T29" s="167"/>
      <c r="U29" s="168"/>
      <c r="V29" s="177" t="s">
        <v>0</v>
      </c>
      <c r="W29" s="177" t="s">
        <v>217</v>
      </c>
      <c r="X29" s="177" t="s">
        <v>0</v>
      </c>
      <c r="Y29" s="167"/>
      <c r="Z29" s="149"/>
    </row>
    <row r="30" spans="2:26" s="8" customFormat="1" ht="38.25" customHeight="1" x14ac:dyDescent="0.15">
      <c r="B30" s="9"/>
      <c r="C30" s="828" t="s">
        <v>1371</v>
      </c>
      <c r="D30" s="829"/>
      <c r="E30" s="829"/>
      <c r="F30" s="829"/>
      <c r="G30" s="829"/>
      <c r="H30" s="829"/>
      <c r="I30" s="829"/>
      <c r="J30" s="829"/>
      <c r="K30" s="829"/>
      <c r="L30" s="829"/>
      <c r="M30" s="829"/>
      <c r="N30" s="829"/>
      <c r="O30" s="829"/>
      <c r="P30" s="829"/>
      <c r="Q30" s="829"/>
      <c r="R30" s="829"/>
      <c r="S30" s="829"/>
      <c r="T30" s="167"/>
      <c r="U30" s="168"/>
      <c r="V30" s="177" t="s">
        <v>0</v>
      </c>
      <c r="W30" s="177" t="s">
        <v>217</v>
      </c>
      <c r="X30" s="177" t="s">
        <v>0</v>
      </c>
      <c r="Y30" s="167"/>
      <c r="Z30" s="149"/>
    </row>
    <row r="31" spans="2:26" s="8" customFormat="1" ht="38.25" customHeight="1" x14ac:dyDescent="0.15">
      <c r="B31" s="9"/>
      <c r="C31" s="828" t="s">
        <v>1370</v>
      </c>
      <c r="D31" s="829"/>
      <c r="E31" s="829"/>
      <c r="F31" s="829"/>
      <c r="G31" s="829"/>
      <c r="H31" s="829"/>
      <c r="I31" s="829"/>
      <c r="J31" s="829"/>
      <c r="K31" s="829"/>
      <c r="L31" s="829"/>
      <c r="M31" s="829"/>
      <c r="N31" s="829"/>
      <c r="O31" s="829"/>
      <c r="P31" s="829"/>
      <c r="Q31" s="829"/>
      <c r="R31" s="829"/>
      <c r="S31" s="829"/>
      <c r="T31" s="167"/>
      <c r="U31" s="168"/>
      <c r="V31" s="177" t="s">
        <v>0</v>
      </c>
      <c r="W31" s="177" t="s">
        <v>217</v>
      </c>
      <c r="X31" s="177" t="s">
        <v>0</v>
      </c>
      <c r="Y31" s="167"/>
      <c r="Z31" s="149"/>
    </row>
    <row r="32" spans="2:26" s="8" customFormat="1" x14ac:dyDescent="0.15">
      <c r="B32" s="173"/>
      <c r="C32" s="172"/>
      <c r="D32" s="172"/>
      <c r="E32" s="172"/>
      <c r="F32" s="172"/>
      <c r="G32" s="172"/>
      <c r="H32" s="172"/>
      <c r="I32" s="172"/>
      <c r="J32" s="172"/>
      <c r="K32" s="172"/>
      <c r="L32" s="172"/>
      <c r="M32" s="172"/>
      <c r="N32" s="172"/>
      <c r="O32" s="172"/>
      <c r="P32" s="172"/>
      <c r="Q32" s="172"/>
      <c r="R32" s="172"/>
      <c r="S32" s="172"/>
      <c r="T32" s="172"/>
      <c r="U32" s="172"/>
      <c r="V32" s="172"/>
      <c r="W32" s="172"/>
      <c r="X32" s="172"/>
      <c r="Y32" s="172"/>
      <c r="Z32" s="171"/>
    </row>
    <row r="33" s="8" customFormat="1" x14ac:dyDescent="0.15"/>
    <row r="118" spans="3:7" x14ac:dyDescent="0.15">
      <c r="C118" s="5"/>
      <c r="D118" s="5"/>
      <c r="E118" s="5"/>
      <c r="F118" s="5"/>
      <c r="G118" s="5"/>
    </row>
    <row r="119" spans="3:7" x14ac:dyDescent="0.15">
      <c r="C119" s="4"/>
    </row>
  </sheetData>
  <mergeCells count="24">
    <mergeCell ref="H15:J15"/>
    <mergeCell ref="K15:M15"/>
    <mergeCell ref="B4:Z4"/>
    <mergeCell ref="B6:F6"/>
    <mergeCell ref="G6:Z6"/>
    <mergeCell ref="B7:F7"/>
    <mergeCell ref="B8:F8"/>
    <mergeCell ref="P24:Y24"/>
    <mergeCell ref="C19:O19"/>
    <mergeCell ref="P19:Y19"/>
    <mergeCell ref="C20:O20"/>
    <mergeCell ref="P20:Y20"/>
    <mergeCell ref="C21:O21"/>
    <mergeCell ref="P21:Y21"/>
    <mergeCell ref="C22:O22"/>
    <mergeCell ref="P22:Y22"/>
    <mergeCell ref="C23:O23"/>
    <mergeCell ref="P23:Y23"/>
    <mergeCell ref="C24:O24"/>
    <mergeCell ref="C27:S27"/>
    <mergeCell ref="C28:S28"/>
    <mergeCell ref="C29:S29"/>
    <mergeCell ref="C30:S30"/>
    <mergeCell ref="C31:S31"/>
  </mergeCells>
  <phoneticPr fontId="2"/>
  <dataValidations count="1">
    <dataValidation type="list" allowBlank="1" showInputMessage="1" showErrorMessage="1" sqref="L7 G7:G8 Q7 O8 V27:V31 X27:X31">
      <formula1>"□,■"</formula1>
    </dataValidation>
  </dataValidations>
  <pageMargins left="0.7" right="0.7" top="0.75" bottom="0.75" header="0.3" footer="0.3"/>
  <pageSetup paperSize="9" scale="94" orientation="portrait" r:id="rId1"/>
</worksheet>
</file>

<file path=xl/worksheets/sheet5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K123"/>
  <sheetViews>
    <sheetView zoomScaleNormal="100" zoomScaleSheetLayoutView="85" workbookViewId="0">
      <selection activeCell="C87" sqref="C87"/>
    </sheetView>
  </sheetViews>
  <sheetFormatPr defaultColWidth="3.5" defaultRowHeight="13.5" x14ac:dyDescent="0.15"/>
  <cols>
    <col min="1" max="1" width="1.25" style="3" customWidth="1"/>
    <col min="2" max="2" width="3.125" style="140" customWidth="1"/>
    <col min="3" max="30" width="3.125" style="3" customWidth="1"/>
    <col min="31" max="33" width="3.25" style="3" customWidth="1"/>
    <col min="34" max="34" width="3.125" style="3" customWidth="1"/>
    <col min="35" max="35" width="1.25" style="3" customWidth="1"/>
    <col min="36" max="16384" width="3.5" style="3"/>
  </cols>
  <sheetData>
    <row r="1" spans="2:35" s="8" customFormat="1" x14ac:dyDescent="0.15"/>
    <row r="2" spans="2:35" s="8" customFormat="1" x14ac:dyDescent="0.15">
      <c r="B2" s="8" t="s">
        <v>1410</v>
      </c>
    </row>
    <row r="3" spans="2:35" s="8" customFormat="1" x14ac:dyDescent="0.15">
      <c r="Y3" s="17" t="s">
        <v>12</v>
      </c>
      <c r="Z3" s="778"/>
      <c r="AA3" s="778"/>
      <c r="AB3" s="17" t="s">
        <v>11</v>
      </c>
      <c r="AC3" s="778"/>
      <c r="AD3" s="778"/>
      <c r="AE3" s="17" t="s">
        <v>10</v>
      </c>
      <c r="AF3" s="778"/>
      <c r="AG3" s="778"/>
      <c r="AH3" s="17" t="s">
        <v>20</v>
      </c>
    </row>
    <row r="4" spans="2:35" s="8" customFormat="1" x14ac:dyDescent="0.15">
      <c r="AH4" s="17"/>
    </row>
    <row r="5" spans="2:35" s="8" customFormat="1" x14ac:dyDescent="0.15">
      <c r="B5" s="778" t="s">
        <v>1409</v>
      </c>
      <c r="C5" s="778"/>
      <c r="D5" s="778"/>
      <c r="E5" s="778"/>
      <c r="F5" s="778"/>
      <c r="G5" s="778"/>
      <c r="H5" s="778"/>
      <c r="I5" s="778"/>
      <c r="J5" s="778"/>
      <c r="K5" s="778"/>
      <c r="L5" s="778"/>
      <c r="M5" s="778"/>
      <c r="N5" s="778"/>
      <c r="O5" s="778"/>
      <c r="P5" s="778"/>
      <c r="Q5" s="778"/>
      <c r="R5" s="778"/>
      <c r="S5" s="778"/>
      <c r="T5" s="778"/>
      <c r="U5" s="778"/>
      <c r="V5" s="778"/>
      <c r="W5" s="778"/>
      <c r="X5" s="778"/>
      <c r="Y5" s="778"/>
      <c r="Z5" s="778"/>
      <c r="AA5" s="778"/>
      <c r="AB5" s="778"/>
      <c r="AC5" s="778"/>
      <c r="AD5" s="778"/>
      <c r="AE5" s="778"/>
      <c r="AF5" s="778"/>
      <c r="AG5" s="778"/>
      <c r="AH5" s="778"/>
    </row>
    <row r="6" spans="2:35" s="8" customFormat="1" x14ac:dyDescent="0.15"/>
    <row r="7" spans="2:35" s="8" customFormat="1" ht="21" customHeight="1" x14ac:dyDescent="0.15">
      <c r="B7" s="804" t="s">
        <v>576</v>
      </c>
      <c r="C7" s="804"/>
      <c r="D7" s="804"/>
      <c r="E7" s="804"/>
      <c r="F7" s="791"/>
      <c r="G7" s="275"/>
      <c r="H7" s="274"/>
      <c r="I7" s="274"/>
      <c r="J7" s="274"/>
      <c r="K7" s="274"/>
      <c r="L7" s="274"/>
      <c r="M7" s="274"/>
      <c r="N7" s="274"/>
      <c r="O7" s="274"/>
      <c r="P7" s="274"/>
      <c r="Q7" s="274"/>
      <c r="R7" s="274"/>
      <c r="S7" s="274"/>
      <c r="T7" s="274"/>
      <c r="U7" s="274"/>
      <c r="V7" s="274"/>
      <c r="W7" s="274"/>
      <c r="X7" s="274"/>
      <c r="Y7" s="274"/>
      <c r="Z7" s="274"/>
      <c r="AA7" s="274"/>
      <c r="AB7" s="274"/>
      <c r="AC7" s="274"/>
      <c r="AD7" s="274"/>
      <c r="AE7" s="274"/>
      <c r="AF7" s="274"/>
      <c r="AG7" s="274"/>
      <c r="AH7" s="583"/>
    </row>
    <row r="8" spans="2:35" ht="21" customHeight="1" x14ac:dyDescent="0.15">
      <c r="B8" s="791" t="s">
        <v>575</v>
      </c>
      <c r="C8" s="792"/>
      <c r="D8" s="792"/>
      <c r="E8" s="792"/>
      <c r="F8" s="793"/>
      <c r="G8" s="180" t="s">
        <v>0</v>
      </c>
      <c r="H8" s="168" t="s">
        <v>242</v>
      </c>
      <c r="I8" s="168"/>
      <c r="J8" s="168"/>
      <c r="K8" s="168"/>
      <c r="L8" s="179" t="s">
        <v>0</v>
      </c>
      <c r="M8" s="168" t="s">
        <v>241</v>
      </c>
      <c r="N8" s="168"/>
      <c r="O8" s="168"/>
      <c r="P8" s="168"/>
      <c r="Q8" s="179" t="s">
        <v>0</v>
      </c>
      <c r="R8" s="168" t="s">
        <v>240</v>
      </c>
      <c r="S8"/>
      <c r="T8" s="505"/>
      <c r="U8"/>
      <c r="V8" s="287"/>
      <c r="W8" s="287"/>
      <c r="X8" s="287"/>
      <c r="Y8" s="287"/>
      <c r="Z8" s="287"/>
      <c r="AA8" s="287"/>
      <c r="AB8" s="287"/>
      <c r="AC8" s="287"/>
      <c r="AD8" s="287"/>
      <c r="AE8" s="287"/>
      <c r="AF8" s="287"/>
      <c r="AG8" s="287"/>
      <c r="AH8" s="286"/>
    </row>
    <row r="9" spans="2:35" ht="21" customHeight="1" x14ac:dyDescent="0.15">
      <c r="B9" s="906" t="s">
        <v>574</v>
      </c>
      <c r="C9" s="907"/>
      <c r="D9" s="907"/>
      <c r="E9" s="907"/>
      <c r="F9" s="908"/>
      <c r="G9" s="285" t="s">
        <v>0</v>
      </c>
      <c r="H9" s="157" t="s">
        <v>1408</v>
      </c>
      <c r="I9" s="166"/>
      <c r="J9" s="166"/>
      <c r="K9" s="166"/>
      <c r="L9" s="166"/>
      <c r="M9" s="166"/>
      <c r="N9" s="166"/>
      <c r="O9" s="166"/>
      <c r="P9" s="166"/>
      <c r="Q9" s="166"/>
      <c r="R9" s="166"/>
      <c r="S9" s="166"/>
      <c r="T9"/>
      <c r="U9" s="284" t="s">
        <v>0</v>
      </c>
      <c r="V9" s="157" t="s">
        <v>650</v>
      </c>
      <c r="W9" s="157"/>
      <c r="X9" s="283"/>
      <c r="Y9" s="283"/>
      <c r="Z9" s="283"/>
      <c r="AA9" s="283"/>
      <c r="AB9" s="283"/>
      <c r="AC9" s="283"/>
      <c r="AD9" s="283"/>
      <c r="AE9" s="283"/>
      <c r="AF9" s="283"/>
      <c r="AG9" s="283"/>
      <c r="AH9" s="282"/>
    </row>
    <row r="10" spans="2:35" ht="21" customHeight="1" x14ac:dyDescent="0.15">
      <c r="B10" s="823"/>
      <c r="C10" s="809"/>
      <c r="D10" s="809"/>
      <c r="E10" s="809"/>
      <c r="F10" s="809"/>
      <c r="G10" s="291" t="s">
        <v>0</v>
      </c>
      <c r="H10" s="8" t="s">
        <v>1407</v>
      </c>
      <c r="I10" s="16"/>
      <c r="J10" s="16"/>
      <c r="K10" s="16"/>
      <c r="L10" s="16"/>
      <c r="M10" s="16"/>
      <c r="N10" s="16"/>
      <c r="O10" s="16"/>
      <c r="P10" s="16"/>
      <c r="Q10" s="16"/>
      <c r="R10" s="16"/>
      <c r="S10" s="16"/>
      <c r="T10"/>
      <c r="U10" s="178" t="s">
        <v>0</v>
      </c>
      <c r="V10" s="8" t="s">
        <v>1406</v>
      </c>
      <c r="W10" s="8"/>
      <c r="X10" s="290"/>
      <c r="Y10" s="290"/>
      <c r="Z10" s="290"/>
      <c r="AA10" s="290"/>
      <c r="AB10" s="290"/>
      <c r="AC10" s="290"/>
      <c r="AD10" s="290"/>
      <c r="AE10" s="290"/>
      <c r="AF10" s="290"/>
      <c r="AG10" s="290"/>
      <c r="AH10" s="289"/>
    </row>
    <row r="11" spans="2:35" ht="21" customHeight="1" x14ac:dyDescent="0.15">
      <c r="B11" s="823"/>
      <c r="C11" s="809"/>
      <c r="D11" s="809"/>
      <c r="E11" s="809"/>
      <c r="F11" s="809"/>
      <c r="G11" s="291" t="s">
        <v>0</v>
      </c>
      <c r="H11" s="8" t="s">
        <v>1405</v>
      </c>
      <c r="I11" s="16"/>
      <c r="J11" s="16"/>
      <c r="K11" s="16"/>
      <c r="L11" s="16"/>
      <c r="M11" s="16"/>
      <c r="N11" s="16"/>
      <c r="O11" s="16"/>
      <c r="P11" s="16"/>
      <c r="Q11" s="16"/>
      <c r="R11" s="16"/>
      <c r="S11" s="16"/>
      <c r="T11"/>
      <c r="U11" s="178" t="s">
        <v>0</v>
      </c>
      <c r="V11" s="16" t="s">
        <v>1404</v>
      </c>
      <c r="W11" s="16"/>
      <c r="X11" s="290"/>
      <c r="Y11" s="290"/>
      <c r="Z11" s="290"/>
      <c r="AA11" s="290"/>
      <c r="AB11" s="290"/>
      <c r="AC11" s="290"/>
      <c r="AD11" s="290"/>
      <c r="AE11" s="290"/>
      <c r="AF11" s="290"/>
      <c r="AG11" s="290"/>
      <c r="AH11" s="289"/>
      <c r="AI11" s="142"/>
    </row>
    <row r="12" spans="2:35" ht="21" customHeight="1" x14ac:dyDescent="0.15">
      <c r="B12" s="909"/>
      <c r="C12" s="910"/>
      <c r="D12" s="910"/>
      <c r="E12" s="910"/>
      <c r="F12" s="911"/>
      <c r="G12" s="192" t="s">
        <v>0</v>
      </c>
      <c r="H12" s="172" t="s">
        <v>1403</v>
      </c>
      <c r="I12" s="162"/>
      <c r="J12" s="162"/>
      <c r="K12" s="162"/>
      <c r="L12" s="162"/>
      <c r="M12" s="162"/>
      <c r="N12" s="162"/>
      <c r="O12" s="162"/>
      <c r="P12" s="162"/>
      <c r="Q12" s="162"/>
      <c r="R12" s="162"/>
      <c r="S12" s="162"/>
      <c r="T12" s="191"/>
      <c r="U12" s="162"/>
      <c r="V12" s="162"/>
      <c r="W12" s="162"/>
      <c r="X12" s="281"/>
      <c r="Y12" s="281"/>
      <c r="Z12" s="281"/>
      <c r="AA12" s="281"/>
      <c r="AB12" s="281"/>
      <c r="AC12" s="281"/>
      <c r="AD12" s="281"/>
      <c r="AE12" s="281"/>
      <c r="AF12" s="281"/>
      <c r="AG12" s="281"/>
      <c r="AH12" s="280"/>
    </row>
    <row r="13" spans="2:35" ht="21" customHeight="1" x14ac:dyDescent="0.15">
      <c r="B13" s="906" t="s">
        <v>570</v>
      </c>
      <c r="C13" s="907"/>
      <c r="D13" s="907"/>
      <c r="E13" s="907"/>
      <c r="F13" s="908"/>
      <c r="G13" s="285" t="s">
        <v>0</v>
      </c>
      <c r="H13" s="157" t="s">
        <v>1402</v>
      </c>
      <c r="I13" s="166"/>
      <c r="J13" s="166"/>
      <c r="K13" s="166"/>
      <c r="L13" s="166"/>
      <c r="M13" s="166"/>
      <c r="N13" s="166"/>
      <c r="O13" s="166"/>
      <c r="P13" s="166"/>
      <c r="Q13" s="166"/>
      <c r="R13" s="166"/>
      <c r="S13" s="16"/>
      <c r="T13" s="166"/>
      <c r="U13" s="284"/>
      <c r="V13" s="284"/>
      <c r="W13" s="284"/>
      <c r="X13" s="157"/>
      <c r="Y13" s="283"/>
      <c r="Z13" s="283"/>
      <c r="AA13" s="283"/>
      <c r="AB13" s="283"/>
      <c r="AC13" s="283"/>
      <c r="AD13" s="283"/>
      <c r="AE13" s="283"/>
      <c r="AF13" s="283"/>
      <c r="AG13" s="283"/>
      <c r="AH13" s="282"/>
    </row>
    <row r="14" spans="2:35" ht="21" customHeight="1" x14ac:dyDescent="0.15">
      <c r="B14" s="909"/>
      <c r="C14" s="910"/>
      <c r="D14" s="910"/>
      <c r="E14" s="910"/>
      <c r="F14" s="911"/>
      <c r="G14" s="192" t="s">
        <v>0</v>
      </c>
      <c r="H14" s="172" t="s">
        <v>1401</v>
      </c>
      <c r="I14" s="162"/>
      <c r="J14" s="162"/>
      <c r="K14" s="162"/>
      <c r="L14" s="162"/>
      <c r="M14" s="162"/>
      <c r="N14" s="162"/>
      <c r="O14" s="162"/>
      <c r="P14" s="162"/>
      <c r="Q14" s="162"/>
      <c r="R14" s="162"/>
      <c r="S14" s="162"/>
      <c r="T14" s="162"/>
      <c r="U14" s="281"/>
      <c r="V14" s="281"/>
      <c r="W14" s="281"/>
      <c r="X14" s="281"/>
      <c r="Y14" s="281"/>
      <c r="Z14" s="281"/>
      <c r="AA14" s="281"/>
      <c r="AB14" s="281"/>
      <c r="AC14" s="281"/>
      <c r="AD14" s="281"/>
      <c r="AE14" s="281"/>
      <c r="AF14" s="281"/>
      <c r="AG14" s="281"/>
      <c r="AH14" s="280"/>
    </row>
    <row r="15" spans="2:35" ht="13.5" customHeight="1" x14ac:dyDescent="0.15">
      <c r="B15" s="8"/>
      <c r="C15" s="8"/>
      <c r="D15" s="8"/>
      <c r="E15" s="8"/>
      <c r="F15" s="8"/>
      <c r="G15" s="178"/>
      <c r="H15" s="8"/>
      <c r="I15" s="16"/>
      <c r="J15" s="16"/>
      <c r="K15" s="16"/>
      <c r="L15" s="16"/>
      <c r="M15" s="16"/>
      <c r="N15" s="16"/>
      <c r="O15" s="16"/>
      <c r="P15" s="16"/>
      <c r="Q15" s="16"/>
      <c r="R15" s="16"/>
      <c r="S15" s="16"/>
      <c r="T15" s="16"/>
      <c r="U15" s="290"/>
      <c r="V15" s="290"/>
      <c r="W15" s="290"/>
      <c r="X15" s="290"/>
      <c r="Y15" s="290"/>
      <c r="Z15" s="290"/>
      <c r="AA15" s="290"/>
      <c r="AB15" s="290"/>
      <c r="AC15" s="290"/>
      <c r="AD15" s="290"/>
      <c r="AE15" s="290"/>
      <c r="AF15" s="290"/>
      <c r="AG15" s="290"/>
      <c r="AH15" s="290"/>
    </row>
    <row r="16" spans="2:35" ht="21" customHeight="1" x14ac:dyDescent="0.15">
      <c r="B16" s="158" t="s">
        <v>1400</v>
      </c>
      <c r="C16" s="157"/>
      <c r="D16" s="157"/>
      <c r="E16" s="157"/>
      <c r="F16" s="157"/>
      <c r="G16" s="284"/>
      <c r="H16" s="157"/>
      <c r="I16" s="166"/>
      <c r="J16" s="166"/>
      <c r="K16" s="166"/>
      <c r="L16" s="166"/>
      <c r="M16" s="166"/>
      <c r="N16" s="166"/>
      <c r="O16" s="166"/>
      <c r="P16" s="166"/>
      <c r="Q16" s="166"/>
      <c r="R16" s="166"/>
      <c r="S16" s="166"/>
      <c r="T16" s="166"/>
      <c r="U16" s="283"/>
      <c r="V16" s="283"/>
      <c r="W16" s="283"/>
      <c r="X16" s="283"/>
      <c r="Y16" s="283"/>
      <c r="Z16" s="283"/>
      <c r="AA16" s="283"/>
      <c r="AB16" s="283"/>
      <c r="AC16" s="283"/>
      <c r="AD16" s="283"/>
      <c r="AE16" s="283"/>
      <c r="AF16" s="283"/>
      <c r="AG16" s="283"/>
      <c r="AH16" s="282"/>
    </row>
    <row r="17" spans="2:37" ht="21" customHeight="1" x14ac:dyDescent="0.15">
      <c r="B17" s="9"/>
      <c r="C17" s="8" t="s">
        <v>1399</v>
      </c>
      <c r="D17" s="8"/>
      <c r="E17" s="8"/>
      <c r="F17" s="8"/>
      <c r="G17" s="178"/>
      <c r="H17" s="8"/>
      <c r="I17" s="16"/>
      <c r="J17" s="16"/>
      <c r="K17" s="16"/>
      <c r="L17" s="16"/>
      <c r="M17" s="16"/>
      <c r="N17" s="16"/>
      <c r="O17" s="16"/>
      <c r="P17" s="16"/>
      <c r="Q17" s="16"/>
      <c r="R17" s="16"/>
      <c r="S17" s="16"/>
      <c r="T17" s="16"/>
      <c r="U17" s="290"/>
      <c r="V17" s="290"/>
      <c r="W17" s="290"/>
      <c r="X17" s="290"/>
      <c r="Y17" s="290"/>
      <c r="Z17" s="290"/>
      <c r="AA17" s="290"/>
      <c r="AB17" s="290"/>
      <c r="AC17" s="290"/>
      <c r="AD17" s="290"/>
      <c r="AE17" s="290"/>
      <c r="AF17" s="290"/>
      <c r="AG17" s="290"/>
      <c r="AH17" s="289"/>
    </row>
    <row r="18" spans="2:37" ht="21" customHeight="1" x14ac:dyDescent="0.15">
      <c r="B18" s="153"/>
      <c r="C18" s="818" t="s">
        <v>1391</v>
      </c>
      <c r="D18" s="818"/>
      <c r="E18" s="818"/>
      <c r="F18" s="818"/>
      <c r="G18" s="818"/>
      <c r="H18" s="818"/>
      <c r="I18" s="818"/>
      <c r="J18" s="818"/>
      <c r="K18" s="818"/>
      <c r="L18" s="818"/>
      <c r="M18" s="818"/>
      <c r="N18" s="818"/>
      <c r="O18" s="818"/>
      <c r="P18" s="818"/>
      <c r="Q18" s="818"/>
      <c r="R18" s="818"/>
      <c r="S18" s="818"/>
      <c r="T18" s="818"/>
      <c r="U18" s="818"/>
      <c r="V18" s="818"/>
      <c r="W18" s="818"/>
      <c r="X18" s="818"/>
      <c r="Y18" s="818"/>
      <c r="Z18" s="818"/>
      <c r="AA18" s="1243" t="s">
        <v>1390</v>
      </c>
      <c r="AB18" s="1243"/>
      <c r="AC18" s="1243"/>
      <c r="AD18" s="1243"/>
      <c r="AE18" s="1243"/>
      <c r="AF18" s="1243"/>
      <c r="AG18" s="1243"/>
      <c r="AH18" s="289"/>
      <c r="AK18" s="581"/>
    </row>
    <row r="19" spans="2:37" ht="21" customHeight="1" x14ac:dyDescent="0.15">
      <c r="B19" s="153"/>
      <c r="C19" s="1246"/>
      <c r="D19" s="1246"/>
      <c r="E19" s="1246"/>
      <c r="F19" s="1246"/>
      <c r="G19" s="1246"/>
      <c r="H19" s="1246"/>
      <c r="I19" s="1246"/>
      <c r="J19" s="1246"/>
      <c r="K19" s="1246"/>
      <c r="L19" s="1246"/>
      <c r="M19" s="1246"/>
      <c r="N19" s="1246"/>
      <c r="O19" s="1246"/>
      <c r="P19" s="1246"/>
      <c r="Q19" s="1246"/>
      <c r="R19" s="1246"/>
      <c r="S19" s="1246"/>
      <c r="T19" s="1246"/>
      <c r="U19" s="1246"/>
      <c r="V19" s="1246"/>
      <c r="W19" s="1246"/>
      <c r="X19" s="1246"/>
      <c r="Y19" s="1246"/>
      <c r="Z19" s="1246"/>
      <c r="AA19" s="582"/>
      <c r="AB19" s="582"/>
      <c r="AC19" s="582"/>
      <c r="AD19" s="582"/>
      <c r="AE19" s="582"/>
      <c r="AF19" s="582"/>
      <c r="AG19" s="582"/>
      <c r="AH19" s="289"/>
      <c r="AK19" s="581"/>
    </row>
    <row r="20" spans="2:37" ht="9" customHeight="1" x14ac:dyDescent="0.15">
      <c r="B20" s="153"/>
      <c r="C20" s="304"/>
      <c r="D20" s="304"/>
      <c r="E20" s="304"/>
      <c r="F20" s="304"/>
      <c r="G20" s="304"/>
      <c r="H20" s="304"/>
      <c r="I20" s="304"/>
      <c r="J20" s="304"/>
      <c r="K20" s="304"/>
      <c r="L20" s="304"/>
      <c r="M20" s="304"/>
      <c r="N20" s="304"/>
      <c r="O20" s="304"/>
      <c r="P20" s="304"/>
      <c r="Q20" s="304"/>
      <c r="R20" s="304"/>
      <c r="S20" s="304"/>
      <c r="T20" s="304"/>
      <c r="U20" s="304"/>
      <c r="V20" s="304"/>
      <c r="W20" s="304"/>
      <c r="X20" s="304"/>
      <c r="Y20" s="304"/>
      <c r="Z20" s="304"/>
      <c r="AA20" s="283"/>
      <c r="AB20" s="283"/>
      <c r="AC20" s="283"/>
      <c r="AD20" s="283"/>
      <c r="AE20" s="283"/>
      <c r="AF20" s="283"/>
      <c r="AG20" s="283"/>
      <c r="AH20" s="289"/>
      <c r="AK20" s="580"/>
    </row>
    <row r="21" spans="2:37" ht="21" customHeight="1" x14ac:dyDescent="0.15">
      <c r="B21" s="153"/>
      <c r="C21" s="266" t="s">
        <v>1398</v>
      </c>
      <c r="D21" s="579"/>
      <c r="E21" s="579"/>
      <c r="F21" s="579"/>
      <c r="G21" s="578"/>
      <c r="H21" s="290"/>
      <c r="I21" s="290"/>
      <c r="J21" s="290"/>
      <c r="K21" s="290"/>
      <c r="L21" s="290"/>
      <c r="M21" s="290"/>
      <c r="N21" s="290"/>
      <c r="O21" s="290"/>
      <c r="P21" s="290"/>
      <c r="Q21" s="290"/>
      <c r="R21" s="290"/>
      <c r="S21" s="290"/>
      <c r="T21" s="290"/>
      <c r="U21" s="290"/>
      <c r="V21" s="290"/>
      <c r="W21" s="290"/>
      <c r="X21" s="290"/>
      <c r="Y21" s="290"/>
      <c r="Z21" s="290"/>
      <c r="AA21" s="290"/>
      <c r="AB21" s="290"/>
      <c r="AC21" s="290"/>
      <c r="AD21" s="290"/>
      <c r="AE21" s="290"/>
      <c r="AF21" s="290"/>
      <c r="AG21" s="290"/>
      <c r="AH21" s="289"/>
    </row>
    <row r="22" spans="2:37" ht="21" customHeight="1" x14ac:dyDescent="0.15">
      <c r="B22" s="153"/>
      <c r="C22" s="818" t="s">
        <v>1397</v>
      </c>
      <c r="D22" s="818"/>
      <c r="E22" s="818"/>
      <c r="F22" s="818"/>
      <c r="G22" s="818"/>
      <c r="H22" s="818"/>
      <c r="I22" s="818"/>
      <c r="J22" s="818"/>
      <c r="K22" s="818"/>
      <c r="L22" s="818"/>
      <c r="M22" s="818"/>
      <c r="N22" s="818"/>
      <c r="O22" s="818"/>
      <c r="P22" s="818"/>
      <c r="Q22" s="818"/>
      <c r="R22" s="818"/>
      <c r="S22" s="818"/>
      <c r="T22" s="818"/>
      <c r="U22" s="818"/>
      <c r="V22" s="818"/>
      <c r="W22" s="818"/>
      <c r="X22" s="818"/>
      <c r="Y22" s="818"/>
      <c r="Z22" s="818"/>
      <c r="AA22" s="1243" t="s">
        <v>1390</v>
      </c>
      <c r="AB22" s="1243"/>
      <c r="AC22" s="1243"/>
      <c r="AD22" s="1243"/>
      <c r="AE22" s="1243"/>
      <c r="AF22" s="1243"/>
      <c r="AG22" s="1243"/>
      <c r="AH22" s="289"/>
    </row>
    <row r="23" spans="2:37" ht="20.100000000000001" customHeight="1" x14ac:dyDescent="0.15">
      <c r="B23" s="20"/>
      <c r="C23" s="818"/>
      <c r="D23" s="818"/>
      <c r="E23" s="818"/>
      <c r="F23" s="818"/>
      <c r="G23" s="818"/>
      <c r="H23" s="818"/>
      <c r="I23" s="818"/>
      <c r="J23" s="818"/>
      <c r="K23" s="818"/>
      <c r="L23" s="818"/>
      <c r="M23" s="818"/>
      <c r="N23" s="818"/>
      <c r="O23" s="818"/>
      <c r="P23" s="818"/>
      <c r="Q23" s="818"/>
      <c r="R23" s="818"/>
      <c r="S23" s="818"/>
      <c r="T23" s="818"/>
      <c r="U23" s="818"/>
      <c r="V23" s="818"/>
      <c r="W23" s="818"/>
      <c r="X23" s="818"/>
      <c r="Y23" s="818"/>
      <c r="Z23" s="1246"/>
      <c r="AA23" s="567"/>
      <c r="AB23" s="567"/>
      <c r="AC23" s="567"/>
      <c r="AD23" s="567"/>
      <c r="AE23" s="567"/>
      <c r="AF23" s="567"/>
      <c r="AG23" s="567"/>
      <c r="AH23" s="577"/>
    </row>
    <row r="24" spans="2:37" s="8" customFormat="1" ht="20.100000000000001" customHeight="1" x14ac:dyDescent="0.15">
      <c r="B24" s="20"/>
      <c r="C24" s="923" t="s">
        <v>1389</v>
      </c>
      <c r="D24" s="924"/>
      <c r="E24" s="924"/>
      <c r="F24" s="924"/>
      <c r="G24" s="924"/>
      <c r="H24" s="924"/>
      <c r="I24" s="924"/>
      <c r="J24" s="924"/>
      <c r="K24" s="924"/>
      <c r="L24" s="924"/>
      <c r="M24" s="285" t="s">
        <v>0</v>
      </c>
      <c r="N24" s="157" t="s">
        <v>1388</v>
      </c>
      <c r="O24" s="157"/>
      <c r="P24" s="157"/>
      <c r="Q24" s="166"/>
      <c r="R24" s="166"/>
      <c r="S24" s="166"/>
      <c r="T24" s="166"/>
      <c r="U24" s="166"/>
      <c r="V24" s="166"/>
      <c r="W24" s="284" t="s">
        <v>0</v>
      </c>
      <c r="X24" s="157" t="s">
        <v>1387</v>
      </c>
      <c r="Y24" s="1"/>
      <c r="Z24" s="1"/>
      <c r="AA24" s="166"/>
      <c r="AB24" s="166"/>
      <c r="AC24" s="166"/>
      <c r="AD24" s="166"/>
      <c r="AE24" s="166"/>
      <c r="AF24" s="166"/>
      <c r="AG24" s="251"/>
      <c r="AH24" s="289"/>
    </row>
    <row r="25" spans="2:37" s="8" customFormat="1" ht="20.100000000000001" customHeight="1" x14ac:dyDescent="0.15">
      <c r="B25" s="153"/>
      <c r="C25" s="928"/>
      <c r="D25" s="929"/>
      <c r="E25" s="929"/>
      <c r="F25" s="929"/>
      <c r="G25" s="929"/>
      <c r="H25" s="929"/>
      <c r="I25" s="929"/>
      <c r="J25" s="929"/>
      <c r="K25" s="929"/>
      <c r="L25" s="929"/>
      <c r="M25" s="192" t="s">
        <v>0</v>
      </c>
      <c r="N25" s="172" t="s">
        <v>1386</v>
      </c>
      <c r="O25" s="172"/>
      <c r="P25" s="172"/>
      <c r="Q25" s="162"/>
      <c r="R25" s="162"/>
      <c r="S25" s="162"/>
      <c r="T25" s="162"/>
      <c r="U25" s="162"/>
      <c r="V25" s="162"/>
      <c r="W25" s="191" t="s">
        <v>0</v>
      </c>
      <c r="X25" s="172" t="s">
        <v>1396</v>
      </c>
      <c r="Y25" s="309"/>
      <c r="Z25" s="309"/>
      <c r="AA25" s="162"/>
      <c r="AB25" s="162"/>
      <c r="AC25" s="162"/>
      <c r="AD25" s="162"/>
      <c r="AE25" s="162"/>
      <c r="AF25" s="162"/>
      <c r="AG25" s="266"/>
      <c r="AH25" s="289"/>
    </row>
    <row r="26" spans="2:37" s="8" customFormat="1" ht="9" customHeight="1" x14ac:dyDescent="0.15">
      <c r="B26" s="153"/>
      <c r="C26" s="298"/>
      <c r="D26" s="298"/>
      <c r="E26" s="298"/>
      <c r="F26" s="298"/>
      <c r="G26" s="298"/>
      <c r="H26" s="298"/>
      <c r="I26" s="298"/>
      <c r="J26" s="298"/>
      <c r="K26" s="298"/>
      <c r="L26" s="298"/>
      <c r="M26" s="298"/>
      <c r="N26" s="298"/>
      <c r="O26" s="298"/>
      <c r="P26" s="298"/>
      <c r="Q26" s="298"/>
      <c r="R26" s="298"/>
      <c r="S26" s="298"/>
      <c r="T26" s="298"/>
      <c r="U26" s="298"/>
      <c r="V26" s="298"/>
      <c r="W26" s="298"/>
      <c r="X26" s="298"/>
      <c r="Y26" s="298"/>
      <c r="Z26" s="298"/>
      <c r="AA26"/>
      <c r="AC26" s="16"/>
      <c r="AD26" s="16"/>
      <c r="AE26" s="16"/>
      <c r="AF26" s="16"/>
      <c r="AG26" s="16"/>
      <c r="AH26" s="289"/>
    </row>
    <row r="27" spans="2:37" s="8" customFormat="1" ht="20.100000000000001" customHeight="1" x14ac:dyDescent="0.15">
      <c r="B27" s="153"/>
      <c r="C27" s="1244" t="s">
        <v>1395</v>
      </c>
      <c r="D27" s="1244"/>
      <c r="E27" s="1244"/>
      <c r="F27" s="1244"/>
      <c r="G27" s="1244"/>
      <c r="H27" s="1244"/>
      <c r="I27" s="1244"/>
      <c r="J27" s="1244"/>
      <c r="K27" s="1244"/>
      <c r="L27" s="1244"/>
      <c r="M27" s="1244"/>
      <c r="N27" s="1244"/>
      <c r="O27" s="1244"/>
      <c r="P27" s="1244"/>
      <c r="Q27" s="1244"/>
      <c r="R27" s="1244"/>
      <c r="S27" s="1244"/>
      <c r="T27" s="1244"/>
      <c r="U27" s="1244"/>
      <c r="V27" s="1244"/>
      <c r="W27" s="1244"/>
      <c r="X27" s="1244"/>
      <c r="Y27" s="1244"/>
      <c r="Z27" s="1244"/>
      <c r="AA27" s="290"/>
      <c r="AB27" s="290"/>
      <c r="AC27" s="290"/>
      <c r="AD27" s="290"/>
      <c r="AE27" s="290"/>
      <c r="AF27" s="290"/>
      <c r="AG27" s="290"/>
      <c r="AH27" s="289"/>
    </row>
    <row r="28" spans="2:37" s="8" customFormat="1" ht="20.100000000000001" customHeight="1" x14ac:dyDescent="0.15">
      <c r="B28" s="20"/>
      <c r="C28" s="1245"/>
      <c r="D28" s="1245"/>
      <c r="E28" s="1245"/>
      <c r="F28" s="1245"/>
      <c r="G28" s="1245"/>
      <c r="H28" s="1245"/>
      <c r="I28" s="1245"/>
      <c r="J28" s="1245"/>
      <c r="K28" s="1245"/>
      <c r="L28" s="1245"/>
      <c r="M28" s="1245"/>
      <c r="N28" s="1245"/>
      <c r="O28" s="1245"/>
      <c r="P28" s="1245"/>
      <c r="Q28" s="1245"/>
      <c r="R28" s="1245"/>
      <c r="S28" s="1245"/>
      <c r="T28" s="1245"/>
      <c r="U28" s="1245"/>
      <c r="V28" s="1245"/>
      <c r="W28" s="1245"/>
      <c r="X28" s="1245"/>
      <c r="Y28" s="1245"/>
      <c r="Z28" s="1245"/>
      <c r="AA28" s="576"/>
      <c r="AB28" s="575"/>
      <c r="AC28" s="575"/>
      <c r="AD28" s="575"/>
      <c r="AE28" s="575"/>
      <c r="AF28" s="575"/>
      <c r="AG28" s="575"/>
      <c r="AH28" s="574"/>
    </row>
    <row r="29" spans="2:37" s="8" customFormat="1" ht="9" customHeight="1" x14ac:dyDescent="0.15">
      <c r="B29" s="20"/>
      <c r="C29" s="16"/>
      <c r="D29" s="16"/>
      <c r="E29" s="16"/>
      <c r="F29" s="16"/>
      <c r="G29" s="575"/>
      <c r="H29" s="575"/>
      <c r="I29" s="575"/>
      <c r="J29" s="575"/>
      <c r="K29" s="575"/>
      <c r="L29" s="575"/>
      <c r="M29" s="575"/>
      <c r="N29" s="575"/>
      <c r="O29" s="575"/>
      <c r="P29" s="575"/>
      <c r="Q29" s="575"/>
      <c r="R29" s="575"/>
      <c r="S29" s="575"/>
      <c r="T29" s="575"/>
      <c r="U29" s="575"/>
      <c r="V29" s="575"/>
      <c r="W29" s="575"/>
      <c r="X29" s="575"/>
      <c r="Y29" s="575"/>
      <c r="Z29" s="575"/>
      <c r="AA29" s="575"/>
      <c r="AB29" s="575"/>
      <c r="AC29" s="575"/>
      <c r="AD29" s="575"/>
      <c r="AE29" s="575"/>
      <c r="AF29" s="575"/>
      <c r="AG29" s="575"/>
      <c r="AH29" s="574"/>
    </row>
    <row r="30" spans="2:37" s="8" customFormat="1" ht="20.100000000000001" customHeight="1" x14ac:dyDescent="0.15">
      <c r="B30" s="153"/>
      <c r="C30" s="818" t="s">
        <v>1394</v>
      </c>
      <c r="D30" s="818"/>
      <c r="E30" s="818"/>
      <c r="F30" s="818"/>
      <c r="G30" s="818"/>
      <c r="H30" s="818"/>
      <c r="I30" s="818"/>
      <c r="J30" s="818"/>
      <c r="K30" s="1239"/>
      <c r="L30" s="1239"/>
      <c r="M30" s="1239"/>
      <c r="N30" s="1239"/>
      <c r="O30" s="1239"/>
      <c r="P30" s="1239"/>
      <c r="Q30" s="1239"/>
      <c r="R30" s="1239" t="s">
        <v>11</v>
      </c>
      <c r="S30" s="1239"/>
      <c r="T30" s="1239"/>
      <c r="U30" s="1239"/>
      <c r="V30" s="1239"/>
      <c r="W30" s="1239"/>
      <c r="X30" s="1239"/>
      <c r="Y30" s="1239"/>
      <c r="Z30" s="1239" t="s">
        <v>791</v>
      </c>
      <c r="AA30" s="1239"/>
      <c r="AB30" s="1239"/>
      <c r="AC30" s="1239"/>
      <c r="AD30" s="1239"/>
      <c r="AE30" s="1239"/>
      <c r="AF30" s="1239"/>
      <c r="AG30" s="1241" t="s">
        <v>20</v>
      </c>
      <c r="AH30" s="289"/>
    </row>
    <row r="31" spans="2:37" s="8" customFormat="1" ht="20.100000000000001" customHeight="1" x14ac:dyDescent="0.15">
      <c r="B31" s="153"/>
      <c r="C31" s="818"/>
      <c r="D31" s="818"/>
      <c r="E31" s="818"/>
      <c r="F31" s="818"/>
      <c r="G31" s="818"/>
      <c r="H31" s="818"/>
      <c r="I31" s="818"/>
      <c r="J31" s="818"/>
      <c r="K31" s="1240"/>
      <c r="L31" s="1240"/>
      <c r="M31" s="1240"/>
      <c r="N31" s="1240"/>
      <c r="O31" s="1240"/>
      <c r="P31" s="1240"/>
      <c r="Q31" s="1240"/>
      <c r="R31" s="1240"/>
      <c r="S31" s="1240"/>
      <c r="T31" s="1240"/>
      <c r="U31" s="1240"/>
      <c r="V31" s="1240"/>
      <c r="W31" s="1240"/>
      <c r="X31" s="1240"/>
      <c r="Y31" s="1240"/>
      <c r="Z31" s="1240"/>
      <c r="AA31" s="1240"/>
      <c r="AB31" s="1240"/>
      <c r="AC31" s="1240"/>
      <c r="AD31" s="1240"/>
      <c r="AE31" s="1240"/>
      <c r="AF31" s="1240"/>
      <c r="AG31" s="1242"/>
      <c r="AH31" s="289"/>
    </row>
    <row r="32" spans="2:37" s="8" customFormat="1" ht="13.5" customHeight="1" x14ac:dyDescent="0.15">
      <c r="B32" s="173"/>
      <c r="C32" s="172"/>
      <c r="D32" s="172"/>
      <c r="E32" s="172"/>
      <c r="F32" s="172"/>
      <c r="G32" s="573"/>
      <c r="H32" s="573"/>
      <c r="I32" s="573"/>
      <c r="J32" s="573"/>
      <c r="K32" s="573"/>
      <c r="L32" s="573"/>
      <c r="M32" s="573"/>
      <c r="N32" s="573"/>
      <c r="O32" s="573"/>
      <c r="P32" s="573"/>
      <c r="Q32" s="573"/>
      <c r="R32" s="573"/>
      <c r="S32" s="573"/>
      <c r="T32" s="573"/>
      <c r="U32" s="573"/>
      <c r="V32" s="573"/>
      <c r="W32" s="573"/>
      <c r="X32" s="573"/>
      <c r="Y32" s="573"/>
      <c r="Z32" s="573"/>
      <c r="AA32" s="573"/>
      <c r="AB32" s="573"/>
      <c r="AC32" s="573"/>
      <c r="AD32" s="573"/>
      <c r="AE32" s="573"/>
      <c r="AF32" s="573"/>
      <c r="AG32" s="573"/>
      <c r="AH32" s="572"/>
    </row>
    <row r="33" spans="2:34" s="8" customFormat="1" ht="13.5" customHeight="1" x14ac:dyDescent="0.15">
      <c r="G33" s="571"/>
      <c r="H33" s="571"/>
      <c r="I33" s="571"/>
      <c r="J33" s="571"/>
      <c r="K33" s="571"/>
      <c r="L33" s="571"/>
      <c r="M33" s="571"/>
      <c r="N33" s="571"/>
      <c r="O33" s="571"/>
      <c r="P33" s="571"/>
      <c r="Q33" s="571"/>
      <c r="R33" s="571"/>
      <c r="S33" s="571"/>
      <c r="T33" s="571"/>
      <c r="U33" s="571"/>
      <c r="V33" s="571"/>
      <c r="W33" s="571"/>
      <c r="X33" s="571"/>
      <c r="Y33" s="571"/>
      <c r="Z33" s="571"/>
      <c r="AA33" s="571"/>
      <c r="AB33" s="571"/>
      <c r="AC33" s="571"/>
      <c r="AD33" s="571"/>
      <c r="AE33" s="571"/>
      <c r="AF33" s="571"/>
      <c r="AG33" s="571"/>
      <c r="AH33" s="571"/>
    </row>
    <row r="34" spans="2:34" s="8" customFormat="1" ht="20.100000000000001" customHeight="1" x14ac:dyDescent="0.15">
      <c r="B34" s="158" t="s">
        <v>1393</v>
      </c>
      <c r="C34" s="157"/>
      <c r="D34" s="157"/>
      <c r="E34" s="157"/>
      <c r="F34" s="157"/>
      <c r="G34" s="570"/>
      <c r="H34" s="570"/>
      <c r="I34" s="570"/>
      <c r="J34" s="570"/>
      <c r="K34" s="570"/>
      <c r="L34" s="570"/>
      <c r="M34" s="570"/>
      <c r="N34" s="570"/>
      <c r="O34" s="570"/>
      <c r="P34" s="570"/>
      <c r="Q34" s="570"/>
      <c r="R34" s="570"/>
      <c r="S34" s="570"/>
      <c r="T34" s="570"/>
      <c r="U34" s="570"/>
      <c r="V34" s="570"/>
      <c r="W34" s="570"/>
      <c r="X34" s="570"/>
      <c r="Y34" s="570"/>
      <c r="Z34" s="570"/>
      <c r="AA34" s="570"/>
      <c r="AB34" s="570"/>
      <c r="AC34" s="570"/>
      <c r="AD34" s="570"/>
      <c r="AE34" s="570"/>
      <c r="AF34" s="570"/>
      <c r="AG34" s="570"/>
      <c r="AH34" s="569"/>
    </row>
    <row r="35" spans="2:34" s="8" customFormat="1" ht="20.100000000000001" customHeight="1" x14ac:dyDescent="0.15">
      <c r="B35" s="153"/>
      <c r="C35" s="779" t="s">
        <v>1392</v>
      </c>
      <c r="D35" s="779"/>
      <c r="E35" s="779"/>
      <c r="F35" s="779"/>
      <c r="G35" s="779"/>
      <c r="H35" s="779"/>
      <c r="I35" s="779"/>
      <c r="J35" s="779"/>
      <c r="K35" s="779"/>
      <c r="L35" s="779"/>
      <c r="M35" s="779"/>
      <c r="N35" s="779"/>
      <c r="O35" s="779"/>
      <c r="P35" s="779"/>
      <c r="Q35" s="779"/>
      <c r="R35" s="779"/>
      <c r="S35" s="779"/>
      <c r="T35" s="779"/>
      <c r="U35" s="779"/>
      <c r="V35" s="779"/>
      <c r="W35" s="779"/>
      <c r="X35" s="779"/>
      <c r="Y35" s="779"/>
      <c r="Z35" s="779"/>
      <c r="AA35" s="779"/>
      <c r="AB35" s="779"/>
      <c r="AC35" s="779"/>
      <c r="AD35" s="779"/>
      <c r="AE35" s="779"/>
      <c r="AF35" s="290"/>
      <c r="AG35" s="290"/>
      <c r="AH35" s="289"/>
    </row>
    <row r="36" spans="2:34" s="8" customFormat="1" ht="20.100000000000001" customHeight="1" x14ac:dyDescent="0.15">
      <c r="B36" s="536"/>
      <c r="C36" s="826" t="s">
        <v>1391</v>
      </c>
      <c r="D36" s="818"/>
      <c r="E36" s="818"/>
      <c r="F36" s="818"/>
      <c r="G36" s="818"/>
      <c r="H36" s="818"/>
      <c r="I36" s="818"/>
      <c r="J36" s="818"/>
      <c r="K36" s="818"/>
      <c r="L36" s="818"/>
      <c r="M36" s="818"/>
      <c r="N36" s="818"/>
      <c r="O36" s="818"/>
      <c r="P36" s="818"/>
      <c r="Q36" s="818"/>
      <c r="R36" s="818"/>
      <c r="S36" s="818"/>
      <c r="T36" s="818"/>
      <c r="U36" s="818"/>
      <c r="V36" s="818"/>
      <c r="W36" s="818"/>
      <c r="X36" s="818"/>
      <c r="Y36" s="818"/>
      <c r="Z36" s="818"/>
      <c r="AA36" s="1243" t="s">
        <v>1390</v>
      </c>
      <c r="AB36" s="1243"/>
      <c r="AC36" s="1243"/>
      <c r="AD36" s="1243"/>
      <c r="AE36" s="1243"/>
      <c r="AF36" s="1243"/>
      <c r="AG36" s="1243"/>
      <c r="AH36" s="565"/>
    </row>
    <row r="37" spans="2:34" s="8" customFormat="1" ht="20.100000000000001" customHeight="1" x14ac:dyDescent="0.15">
      <c r="B37" s="568"/>
      <c r="C37" s="826"/>
      <c r="D37" s="818"/>
      <c r="E37" s="818"/>
      <c r="F37" s="818"/>
      <c r="G37" s="818"/>
      <c r="H37" s="818"/>
      <c r="I37" s="818"/>
      <c r="J37" s="818"/>
      <c r="K37" s="818"/>
      <c r="L37" s="818"/>
      <c r="M37" s="818"/>
      <c r="N37" s="818"/>
      <c r="O37" s="818"/>
      <c r="P37" s="818"/>
      <c r="Q37" s="818"/>
      <c r="R37" s="818"/>
      <c r="S37" s="818"/>
      <c r="T37" s="818"/>
      <c r="U37" s="818"/>
      <c r="V37" s="818"/>
      <c r="W37" s="818"/>
      <c r="X37" s="818"/>
      <c r="Y37" s="818"/>
      <c r="Z37" s="818"/>
      <c r="AA37" s="286"/>
      <c r="AB37" s="567"/>
      <c r="AC37" s="567"/>
      <c r="AD37" s="567"/>
      <c r="AE37" s="567"/>
      <c r="AF37" s="567"/>
      <c r="AG37" s="566"/>
      <c r="AH37" s="565"/>
    </row>
    <row r="38" spans="2:34" s="8" customFormat="1" ht="9" customHeight="1" x14ac:dyDescent="0.15">
      <c r="B38" s="20"/>
      <c r="C38" s="298"/>
      <c r="D38" s="298"/>
      <c r="E38" s="298"/>
      <c r="F38" s="298"/>
      <c r="G38" s="298"/>
      <c r="H38" s="298"/>
      <c r="I38" s="298"/>
      <c r="J38" s="298"/>
      <c r="K38" s="298"/>
      <c r="L38" s="298"/>
      <c r="M38" s="298"/>
      <c r="N38" s="298"/>
      <c r="O38" s="298"/>
      <c r="P38" s="298"/>
      <c r="Q38" s="298"/>
      <c r="R38" s="298"/>
      <c r="S38" s="298"/>
      <c r="T38" s="298"/>
      <c r="U38" s="298"/>
      <c r="V38" s="298"/>
      <c r="W38" s="298"/>
      <c r="X38" s="298"/>
      <c r="Y38" s="298"/>
      <c r="Z38" s="298"/>
      <c r="AA38" s="281"/>
      <c r="AB38" s="281"/>
      <c r="AC38" s="281"/>
      <c r="AD38" s="281"/>
      <c r="AE38" s="281"/>
      <c r="AF38" s="281"/>
      <c r="AG38" s="290"/>
      <c r="AH38" s="289"/>
    </row>
    <row r="39" spans="2:34" s="8" customFormat="1" ht="20.100000000000001" customHeight="1" x14ac:dyDescent="0.15">
      <c r="B39" s="20"/>
      <c r="C39" s="923" t="s">
        <v>1389</v>
      </c>
      <c r="D39" s="807"/>
      <c r="E39" s="807"/>
      <c r="F39" s="807"/>
      <c r="G39" s="807"/>
      <c r="H39" s="807"/>
      <c r="I39" s="807"/>
      <c r="J39" s="807"/>
      <c r="K39" s="807"/>
      <c r="L39" s="807"/>
      <c r="M39" s="291" t="s">
        <v>0</v>
      </c>
      <c r="N39" s="8" t="s">
        <v>1388</v>
      </c>
      <c r="Q39" s="16"/>
      <c r="R39" s="16"/>
      <c r="S39" s="16"/>
      <c r="T39" s="16"/>
      <c r="U39" s="16"/>
      <c r="V39" s="16"/>
      <c r="W39" s="178" t="s">
        <v>0</v>
      </c>
      <c r="X39" s="8" t="s">
        <v>1387</v>
      </c>
      <c r="Y39"/>
      <c r="Z39"/>
      <c r="AA39" s="16"/>
      <c r="AB39" s="16"/>
      <c r="AC39" s="16"/>
      <c r="AD39" s="16"/>
      <c r="AE39" s="16"/>
      <c r="AF39" s="16"/>
      <c r="AG39" s="166"/>
      <c r="AH39" s="565"/>
    </row>
    <row r="40" spans="2:34" s="8" customFormat="1" ht="20.100000000000001" customHeight="1" x14ac:dyDescent="0.15">
      <c r="B40" s="20"/>
      <c r="C40" s="928"/>
      <c r="D40" s="929"/>
      <c r="E40" s="929"/>
      <c r="F40" s="929"/>
      <c r="G40" s="929"/>
      <c r="H40" s="929"/>
      <c r="I40" s="929"/>
      <c r="J40" s="929"/>
      <c r="K40" s="929"/>
      <c r="L40" s="929"/>
      <c r="M40" s="192" t="s">
        <v>0</v>
      </c>
      <c r="N40" s="172" t="s">
        <v>1386</v>
      </c>
      <c r="O40" s="172"/>
      <c r="P40" s="172"/>
      <c r="Q40" s="162"/>
      <c r="R40" s="162"/>
      <c r="S40" s="162"/>
      <c r="T40" s="162"/>
      <c r="U40" s="162"/>
      <c r="V40" s="162"/>
      <c r="W40" s="162"/>
      <c r="X40" s="162"/>
      <c r="Y40" s="191"/>
      <c r="Z40" s="172"/>
      <c r="AA40" s="162"/>
      <c r="AB40" s="309"/>
      <c r="AC40" s="309"/>
      <c r="AD40" s="309"/>
      <c r="AE40" s="309"/>
      <c r="AF40" s="309"/>
      <c r="AG40" s="162"/>
      <c r="AH40" s="565"/>
    </row>
    <row r="41" spans="2:34" s="8" customFormat="1" ht="9" customHeight="1" x14ac:dyDescent="0.15">
      <c r="B41" s="20"/>
      <c r="C41" s="265"/>
      <c r="D41" s="265"/>
      <c r="E41" s="265"/>
      <c r="F41" s="265"/>
      <c r="G41" s="265"/>
      <c r="H41" s="265"/>
      <c r="I41" s="265"/>
      <c r="J41" s="265"/>
      <c r="K41" s="265"/>
      <c r="L41" s="265"/>
      <c r="M41" s="178"/>
      <c r="Q41" s="16"/>
      <c r="R41" s="16"/>
      <c r="S41" s="16"/>
      <c r="T41" s="16"/>
      <c r="U41" s="16"/>
      <c r="V41" s="16"/>
      <c r="W41" s="16"/>
      <c r="X41" s="16"/>
      <c r="Y41" s="178"/>
      <c r="AA41" s="16"/>
      <c r="AB41" s="16"/>
      <c r="AC41" s="16"/>
      <c r="AD41" s="16"/>
      <c r="AE41" s="16"/>
      <c r="AF41" s="16"/>
      <c r="AG41" s="16"/>
      <c r="AH41" s="289"/>
    </row>
    <row r="42" spans="2:34" s="8" customFormat="1" ht="20.100000000000001" customHeight="1" x14ac:dyDescent="0.15">
      <c r="B42" s="153"/>
      <c r="C42" s="818" t="s">
        <v>1385</v>
      </c>
      <c r="D42" s="818"/>
      <c r="E42" s="818"/>
      <c r="F42" s="818"/>
      <c r="G42" s="818"/>
      <c r="H42" s="818"/>
      <c r="I42" s="818"/>
      <c r="J42" s="818"/>
      <c r="K42" s="1237"/>
      <c r="L42" s="1238"/>
      <c r="M42" s="1238"/>
      <c r="N42" s="1238"/>
      <c r="O42" s="1238"/>
      <c r="P42" s="1238"/>
      <c r="Q42" s="1238"/>
      <c r="R42" s="564" t="s">
        <v>11</v>
      </c>
      <c r="S42" s="1238"/>
      <c r="T42" s="1238"/>
      <c r="U42" s="1238"/>
      <c r="V42" s="1238"/>
      <c r="W42" s="1238"/>
      <c r="X42" s="1238"/>
      <c r="Y42" s="1238"/>
      <c r="Z42" s="564" t="s">
        <v>791</v>
      </c>
      <c r="AA42" s="1238"/>
      <c r="AB42" s="1238"/>
      <c r="AC42" s="1238"/>
      <c r="AD42" s="1238"/>
      <c r="AE42" s="1238"/>
      <c r="AF42" s="1238"/>
      <c r="AG42" s="563" t="s">
        <v>20</v>
      </c>
      <c r="AH42" s="562"/>
    </row>
    <row r="43" spans="2:34" s="8" customFormat="1" ht="10.5" customHeight="1" x14ac:dyDescent="0.15">
      <c r="B43" s="561"/>
      <c r="C43" s="298"/>
      <c r="D43" s="298"/>
      <c r="E43" s="298"/>
      <c r="F43" s="298"/>
      <c r="G43" s="298"/>
      <c r="H43" s="298"/>
      <c r="I43" s="298"/>
      <c r="J43" s="298"/>
      <c r="K43" s="560"/>
      <c r="L43" s="560"/>
      <c r="M43" s="560"/>
      <c r="N43" s="560"/>
      <c r="O43" s="560"/>
      <c r="P43" s="560"/>
      <c r="Q43" s="560"/>
      <c r="R43" s="560"/>
      <c r="S43" s="560"/>
      <c r="T43" s="560"/>
      <c r="U43" s="560"/>
      <c r="V43" s="560"/>
      <c r="W43" s="560"/>
      <c r="X43" s="560"/>
      <c r="Y43" s="560"/>
      <c r="Z43" s="560"/>
      <c r="AA43" s="560"/>
      <c r="AB43" s="560"/>
      <c r="AC43" s="560"/>
      <c r="AD43" s="560"/>
      <c r="AE43" s="560"/>
      <c r="AF43" s="560"/>
      <c r="AG43" s="560"/>
      <c r="AH43" s="559"/>
    </row>
    <row r="44" spans="2:34" s="8" customFormat="1" ht="6" customHeight="1" x14ac:dyDescent="0.15">
      <c r="B44" s="265"/>
      <c r="C44" s="265"/>
      <c r="D44" s="265"/>
      <c r="E44" s="265"/>
      <c r="F44" s="265"/>
      <c r="X44" s="264"/>
      <c r="Y44" s="264"/>
    </row>
    <row r="45" spans="2:34" s="8" customFormat="1" x14ac:dyDescent="0.15">
      <c r="B45" s="1038" t="s">
        <v>540</v>
      </c>
      <c r="C45" s="1038"/>
      <c r="D45" s="263" t="s">
        <v>539</v>
      </c>
      <c r="E45" s="262"/>
      <c r="F45" s="262"/>
      <c r="G45" s="262"/>
      <c r="H45" s="262"/>
      <c r="I45" s="262"/>
      <c r="J45" s="262"/>
      <c r="K45" s="262"/>
      <c r="L45" s="262"/>
      <c r="M45" s="262"/>
      <c r="N45" s="262"/>
      <c r="O45" s="262"/>
      <c r="P45" s="262"/>
      <c r="Q45" s="262"/>
      <c r="R45" s="262"/>
      <c r="S45" s="262"/>
      <c r="T45" s="262"/>
      <c r="U45" s="262"/>
      <c r="V45" s="262"/>
      <c r="W45" s="262"/>
      <c r="X45" s="262"/>
      <c r="Y45" s="262"/>
      <c r="Z45" s="262"/>
      <c r="AA45" s="262"/>
      <c r="AB45" s="262"/>
      <c r="AC45" s="262"/>
      <c r="AD45" s="262"/>
      <c r="AE45" s="262"/>
      <c r="AF45" s="262"/>
      <c r="AG45" s="262"/>
      <c r="AH45" s="262"/>
    </row>
    <row r="46" spans="2:34" s="8" customFormat="1" ht="13.5" customHeight="1" x14ac:dyDescent="0.15">
      <c r="B46" s="1038" t="s">
        <v>538</v>
      </c>
      <c r="C46" s="1038"/>
      <c r="D46" s="957" t="s">
        <v>1384</v>
      </c>
      <c r="E46" s="957"/>
      <c r="F46" s="957"/>
      <c r="G46" s="957"/>
      <c r="H46" s="957"/>
      <c r="I46" s="957"/>
      <c r="J46" s="957"/>
      <c r="K46" s="957"/>
      <c r="L46" s="957"/>
      <c r="M46" s="957"/>
      <c r="N46" s="957"/>
      <c r="O46" s="957"/>
      <c r="P46" s="957"/>
      <c r="Q46" s="957"/>
      <c r="R46" s="957"/>
      <c r="S46" s="957"/>
      <c r="T46" s="957"/>
      <c r="U46" s="957"/>
      <c r="V46" s="957"/>
      <c r="W46" s="957"/>
      <c r="X46" s="957"/>
      <c r="Y46" s="957"/>
      <c r="Z46" s="957"/>
      <c r="AA46" s="957"/>
      <c r="AB46" s="957"/>
      <c r="AC46" s="957"/>
      <c r="AD46" s="957"/>
      <c r="AE46" s="957"/>
      <c r="AF46" s="957"/>
      <c r="AG46" s="957"/>
      <c r="AH46" s="957"/>
    </row>
    <row r="47" spans="2:34" s="8" customFormat="1" ht="13.5" customHeight="1" x14ac:dyDescent="0.15">
      <c r="B47" s="558"/>
      <c r="C47" s="558"/>
      <c r="D47" s="957"/>
      <c r="E47" s="957"/>
      <c r="F47" s="957"/>
      <c r="G47" s="957"/>
      <c r="H47" s="957"/>
      <c r="I47" s="957"/>
      <c r="J47" s="957"/>
      <c r="K47" s="957"/>
      <c r="L47" s="957"/>
      <c r="M47" s="957"/>
      <c r="N47" s="957"/>
      <c r="O47" s="957"/>
      <c r="P47" s="957"/>
      <c r="Q47" s="957"/>
      <c r="R47" s="957"/>
      <c r="S47" s="957"/>
      <c r="T47" s="957"/>
      <c r="U47" s="957"/>
      <c r="V47" s="957"/>
      <c r="W47" s="957"/>
      <c r="X47" s="957"/>
      <c r="Y47" s="957"/>
      <c r="Z47" s="957"/>
      <c r="AA47" s="957"/>
      <c r="AB47" s="957"/>
      <c r="AC47" s="957"/>
      <c r="AD47" s="957"/>
      <c r="AE47" s="957"/>
      <c r="AF47" s="957"/>
      <c r="AG47" s="957"/>
      <c r="AH47" s="957"/>
    </row>
    <row r="48" spans="2:34" s="8" customFormat="1" x14ac:dyDescent="0.15">
      <c r="B48" s="1038" t="s">
        <v>536</v>
      </c>
      <c r="C48" s="1038"/>
      <c r="D48" s="261" t="s">
        <v>1383</v>
      </c>
      <c r="E48" s="195"/>
      <c r="F48" s="195"/>
      <c r="G48" s="195"/>
      <c r="H48" s="195"/>
      <c r="I48" s="195"/>
      <c r="J48" s="195"/>
      <c r="K48" s="195"/>
      <c r="L48" s="195"/>
      <c r="M48" s="195"/>
      <c r="N48" s="195"/>
      <c r="O48" s="195"/>
      <c r="P48" s="195"/>
      <c r="Q48" s="195"/>
      <c r="R48" s="195"/>
      <c r="S48" s="195"/>
      <c r="T48" s="195"/>
      <c r="U48" s="195"/>
      <c r="V48" s="195"/>
      <c r="W48" s="195"/>
      <c r="X48" s="195"/>
      <c r="Y48" s="195"/>
      <c r="Z48" s="195"/>
      <c r="AA48" s="195"/>
      <c r="AB48" s="195"/>
      <c r="AC48" s="195"/>
      <c r="AD48" s="195"/>
      <c r="AE48" s="195"/>
      <c r="AF48" s="195"/>
      <c r="AG48" s="195"/>
      <c r="AH48" s="195"/>
    </row>
    <row r="49" spans="1:37" ht="13.5" customHeight="1" x14ac:dyDescent="0.15">
      <c r="B49" s="1038" t="s">
        <v>1382</v>
      </c>
      <c r="C49" s="1038"/>
      <c r="D49" s="957" t="s">
        <v>1381</v>
      </c>
      <c r="E49" s="957"/>
      <c r="F49" s="957"/>
      <c r="G49" s="957"/>
      <c r="H49" s="957"/>
      <c r="I49" s="957"/>
      <c r="J49" s="957"/>
      <c r="K49" s="957"/>
      <c r="L49" s="957"/>
      <c r="M49" s="957"/>
      <c r="N49" s="957"/>
      <c r="O49" s="957"/>
      <c r="P49" s="957"/>
      <c r="Q49" s="957"/>
      <c r="R49" s="957"/>
      <c r="S49" s="957"/>
      <c r="T49" s="957"/>
      <c r="U49" s="957"/>
      <c r="V49" s="957"/>
      <c r="W49" s="957"/>
      <c r="X49" s="957"/>
      <c r="Y49" s="957"/>
      <c r="Z49" s="957"/>
      <c r="AA49" s="957"/>
      <c r="AB49" s="957"/>
      <c r="AC49" s="957"/>
      <c r="AD49" s="957"/>
      <c r="AE49" s="957"/>
      <c r="AF49" s="957"/>
      <c r="AG49" s="957"/>
      <c r="AH49" s="957"/>
    </row>
    <row r="50" spans="1:37" s="6" customFormat="1" ht="25.15" customHeight="1" x14ac:dyDescent="0.15">
      <c r="B50" s="18"/>
      <c r="C50" s="16"/>
      <c r="D50" s="957"/>
      <c r="E50" s="957"/>
      <c r="F50" s="957"/>
      <c r="G50" s="957"/>
      <c r="H50" s="957"/>
      <c r="I50" s="957"/>
      <c r="J50" s="957"/>
      <c r="K50" s="957"/>
      <c r="L50" s="957"/>
      <c r="M50" s="957"/>
      <c r="N50" s="957"/>
      <c r="O50" s="957"/>
      <c r="P50" s="957"/>
      <c r="Q50" s="957"/>
      <c r="R50" s="957"/>
      <c r="S50" s="957"/>
      <c r="T50" s="957"/>
      <c r="U50" s="957"/>
      <c r="V50" s="957"/>
      <c r="W50" s="957"/>
      <c r="X50" s="957"/>
      <c r="Y50" s="957"/>
      <c r="Z50" s="957"/>
      <c r="AA50" s="957"/>
      <c r="AB50" s="957"/>
      <c r="AC50" s="957"/>
      <c r="AD50" s="957"/>
      <c r="AE50" s="957"/>
      <c r="AF50" s="957"/>
      <c r="AG50" s="957"/>
      <c r="AH50" s="957"/>
    </row>
    <row r="51" spans="1:37" s="6" customFormat="1" ht="13.5" customHeight="1" x14ac:dyDescent="0.15">
      <c r="A51"/>
      <c r="B51" s="141" t="s">
        <v>1380</v>
      </c>
      <c r="C51" s="141"/>
      <c r="D51" s="1236" t="s">
        <v>1379</v>
      </c>
      <c r="E51" s="1236"/>
      <c r="F51" s="1236"/>
      <c r="G51" s="1236"/>
      <c r="H51" s="1236"/>
      <c r="I51" s="1236"/>
      <c r="J51" s="1236"/>
      <c r="K51" s="1236"/>
      <c r="L51" s="1236"/>
      <c r="M51" s="1236"/>
      <c r="N51" s="1236"/>
      <c r="O51" s="1236"/>
      <c r="P51" s="1236"/>
      <c r="Q51" s="1236"/>
      <c r="R51" s="1236"/>
      <c r="S51" s="1236"/>
      <c r="T51" s="1236"/>
      <c r="U51" s="1236"/>
      <c r="V51" s="1236"/>
      <c r="W51" s="1236"/>
      <c r="X51" s="1236"/>
      <c r="Y51" s="1236"/>
      <c r="Z51" s="1236"/>
      <c r="AA51" s="1236"/>
      <c r="AB51" s="1236"/>
      <c r="AC51" s="1236"/>
      <c r="AD51" s="1236"/>
      <c r="AE51" s="1236"/>
      <c r="AF51" s="1236"/>
      <c r="AG51" s="1236"/>
      <c r="AH51" s="1236"/>
      <c r="AI51"/>
      <c r="AJ51"/>
      <c r="AK51"/>
    </row>
    <row r="52" spans="1:37" s="6" customFormat="1" x14ac:dyDescent="0.15">
      <c r="A52"/>
      <c r="B52"/>
      <c r="C52"/>
      <c r="D52"/>
      <c r="E52"/>
      <c r="F52"/>
      <c r="G52"/>
      <c r="H52"/>
      <c r="I52"/>
      <c r="J52"/>
      <c r="K52"/>
      <c r="L52"/>
      <c r="M52"/>
      <c r="N52"/>
      <c r="O52"/>
      <c r="P52"/>
      <c r="Q52"/>
      <c r="R52"/>
      <c r="S52"/>
      <c r="T52"/>
      <c r="U52"/>
      <c r="V52"/>
      <c r="W52"/>
      <c r="X52"/>
      <c r="Y52"/>
      <c r="Z52"/>
      <c r="AA52"/>
      <c r="AB52"/>
      <c r="AC52"/>
      <c r="AD52"/>
      <c r="AE52"/>
      <c r="AF52"/>
      <c r="AG52"/>
      <c r="AH52"/>
      <c r="AI52"/>
      <c r="AJ52"/>
      <c r="AK52"/>
    </row>
    <row r="53" spans="1:37" s="6" customFormat="1" x14ac:dyDescent="0.15">
      <c r="A53"/>
      <c r="B53"/>
      <c r="C53"/>
      <c r="D53"/>
      <c r="E53"/>
      <c r="F53"/>
      <c r="G53"/>
      <c r="H53"/>
      <c r="I53"/>
      <c r="J53"/>
      <c r="K53"/>
      <c r="L53"/>
      <c r="M53"/>
      <c r="N53"/>
      <c r="O53"/>
      <c r="P53"/>
      <c r="Q53"/>
      <c r="R53"/>
      <c r="S53"/>
      <c r="T53"/>
      <c r="U53"/>
      <c r="V53"/>
      <c r="W53"/>
      <c r="X53"/>
      <c r="Y53"/>
      <c r="Z53"/>
      <c r="AA53"/>
      <c r="AB53"/>
      <c r="AC53"/>
      <c r="AD53"/>
      <c r="AE53"/>
      <c r="AF53"/>
      <c r="AG53"/>
      <c r="AH53"/>
      <c r="AI53"/>
      <c r="AJ53"/>
      <c r="AK53"/>
    </row>
    <row r="54" spans="1:37" s="6" customFormat="1" x14ac:dyDescent="0.15">
      <c r="A54"/>
      <c r="B54"/>
      <c r="C54"/>
      <c r="D54"/>
      <c r="E54"/>
      <c r="F54"/>
      <c r="G54"/>
      <c r="H54"/>
      <c r="I54"/>
      <c r="J54"/>
      <c r="K54"/>
      <c r="L54"/>
      <c r="M54"/>
      <c r="N54"/>
      <c r="O54"/>
      <c r="P54"/>
      <c r="Q54"/>
      <c r="R54"/>
      <c r="S54"/>
      <c r="T54"/>
      <c r="U54"/>
      <c r="V54"/>
      <c r="W54"/>
      <c r="X54"/>
      <c r="Y54"/>
      <c r="Z54"/>
      <c r="AA54"/>
      <c r="AB54"/>
      <c r="AC54"/>
      <c r="AD54"/>
      <c r="AE54"/>
      <c r="AF54"/>
      <c r="AG54"/>
      <c r="AH54"/>
      <c r="AI54"/>
      <c r="AJ54"/>
      <c r="AK54"/>
    </row>
    <row r="122" spans="3:7" x14ac:dyDescent="0.15">
      <c r="C122" s="5"/>
      <c r="D122" s="5"/>
      <c r="E122" s="5"/>
      <c r="F122" s="5"/>
      <c r="G122" s="5"/>
    </row>
    <row r="123" spans="3:7" x14ac:dyDescent="0.15">
      <c r="C123" s="4"/>
    </row>
  </sheetData>
  <mergeCells count="40">
    <mergeCell ref="AA18:AG18"/>
    <mergeCell ref="C19:Z19"/>
    <mergeCell ref="C22:Z22"/>
    <mergeCell ref="AA22:AG22"/>
    <mergeCell ref="Z3:AA3"/>
    <mergeCell ref="AC3:AD3"/>
    <mergeCell ref="AF3:AG3"/>
    <mergeCell ref="B5:AH5"/>
    <mergeCell ref="B7:F7"/>
    <mergeCell ref="B8:F8"/>
    <mergeCell ref="B9:F12"/>
    <mergeCell ref="B13:F14"/>
    <mergeCell ref="C23:Z23"/>
    <mergeCell ref="C24:L25"/>
    <mergeCell ref="C18:Z18"/>
    <mergeCell ref="C37:Z37"/>
    <mergeCell ref="C27:Z27"/>
    <mergeCell ref="C28:Z28"/>
    <mergeCell ref="C30:J31"/>
    <mergeCell ref="K30:Q31"/>
    <mergeCell ref="R30:R31"/>
    <mergeCell ref="S30:Y31"/>
    <mergeCell ref="Z30:Z31"/>
    <mergeCell ref="AA30:AF31"/>
    <mergeCell ref="AG30:AG31"/>
    <mergeCell ref="C35:AE35"/>
    <mergeCell ref="C36:Z36"/>
    <mergeCell ref="AA36:AG36"/>
    <mergeCell ref="D51:AH51"/>
    <mergeCell ref="C39:L40"/>
    <mergeCell ref="C42:J42"/>
    <mergeCell ref="K42:Q42"/>
    <mergeCell ref="S42:Y42"/>
    <mergeCell ref="AA42:AF42"/>
    <mergeCell ref="B45:C45"/>
    <mergeCell ref="B46:C46"/>
    <mergeCell ref="D46:AH47"/>
    <mergeCell ref="B48:C48"/>
    <mergeCell ref="B49:C49"/>
    <mergeCell ref="D49:AH50"/>
  </mergeCells>
  <phoneticPr fontId="2"/>
  <dataValidations count="1">
    <dataValidation type="list" allowBlank="1" showInputMessage="1" showErrorMessage="1" sqref="G8:G17 L8 Q8 U13:W13 U9:U11 M24:M25 W24:W25 M39:M41 W39 T12 Y40:Y41">
      <formula1>"□,■"</formula1>
    </dataValidation>
  </dataValidations>
  <pageMargins left="0.7" right="0.7" top="0.75" bottom="0.75" header="0.3" footer="0.3"/>
  <pageSetup paperSize="9" scale="83" orientation="portrait" r:id="rId1"/>
</worksheet>
</file>

<file path=xl/worksheets/sheet5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Y123"/>
  <sheetViews>
    <sheetView zoomScaleNormal="100" workbookViewId="0">
      <selection activeCell="C87" sqref="C87"/>
    </sheetView>
  </sheetViews>
  <sheetFormatPr defaultColWidth="4" defaultRowHeight="13.5" x14ac:dyDescent="0.15"/>
  <cols>
    <col min="1" max="1" width="2.125" style="8" customWidth="1"/>
    <col min="2" max="2" width="2.375" style="8" customWidth="1"/>
    <col min="3" max="8" width="4" style="8"/>
    <col min="9" max="20" width="4.625" style="8" customWidth="1"/>
    <col min="21" max="21" width="2.375" style="8" customWidth="1"/>
    <col min="22" max="24" width="3.25" style="8" customWidth="1"/>
    <col min="25" max="25" width="2.375" style="8" customWidth="1"/>
    <col min="26" max="26" width="2.125" style="8" customWidth="1"/>
    <col min="27" max="16384" width="4" style="8"/>
  </cols>
  <sheetData>
    <row r="1" spans="2:25" ht="6.75" customHeight="1" x14ac:dyDescent="0.15"/>
    <row r="2" spans="2:25" x14ac:dyDescent="0.15">
      <c r="B2" s="8" t="s">
        <v>1458</v>
      </c>
    </row>
    <row r="3" spans="2:25" ht="15.75" customHeight="1" x14ac:dyDescent="0.15">
      <c r="P3" s="17" t="s">
        <v>12</v>
      </c>
      <c r="Q3" s="778"/>
      <c r="R3" s="778"/>
      <c r="S3" s="18" t="s">
        <v>11</v>
      </c>
      <c r="T3" s="778"/>
      <c r="U3" s="778"/>
      <c r="V3" s="18" t="s">
        <v>21</v>
      </c>
      <c r="W3" s="778"/>
      <c r="X3" s="778"/>
      <c r="Y3" s="18" t="s">
        <v>20</v>
      </c>
    </row>
    <row r="4" spans="2:25" ht="6" customHeight="1" x14ac:dyDescent="0.15"/>
    <row r="5" spans="2:25" ht="27.75" customHeight="1" x14ac:dyDescent="0.15">
      <c r="B5" s="807" t="s">
        <v>1457</v>
      </c>
      <c r="C5" s="778"/>
      <c r="D5" s="778"/>
      <c r="E5" s="778"/>
      <c r="F5" s="778"/>
      <c r="G5" s="778"/>
      <c r="H5" s="778"/>
      <c r="I5" s="778"/>
      <c r="J5" s="778"/>
      <c r="K5" s="778"/>
      <c r="L5" s="778"/>
      <c r="M5" s="778"/>
      <c r="N5" s="778"/>
      <c r="O5" s="778"/>
      <c r="P5" s="778"/>
      <c r="Q5" s="778"/>
      <c r="R5" s="778"/>
      <c r="S5" s="778"/>
      <c r="T5" s="778"/>
      <c r="U5" s="778"/>
      <c r="V5" s="778"/>
      <c r="W5" s="778"/>
      <c r="X5" s="778"/>
      <c r="Y5" s="778"/>
    </row>
    <row r="6" spans="2:25" ht="5.25" customHeight="1" x14ac:dyDescent="0.15"/>
    <row r="7" spans="2:25" ht="23.25" customHeight="1" x14ac:dyDescent="0.15">
      <c r="B7" s="780" t="s">
        <v>359</v>
      </c>
      <c r="C7" s="781"/>
      <c r="D7" s="781"/>
      <c r="E7" s="781"/>
      <c r="F7" s="782"/>
      <c r="G7" s="791"/>
      <c r="H7" s="792"/>
      <c r="I7" s="792"/>
      <c r="J7" s="792"/>
      <c r="K7" s="792"/>
      <c r="L7" s="792"/>
      <c r="M7" s="792"/>
      <c r="N7" s="792"/>
      <c r="O7" s="792"/>
      <c r="P7" s="792"/>
      <c r="Q7" s="792"/>
      <c r="R7" s="792"/>
      <c r="S7" s="792"/>
      <c r="T7" s="792"/>
      <c r="U7" s="792"/>
      <c r="V7" s="792"/>
      <c r="W7" s="792"/>
      <c r="X7" s="792"/>
      <c r="Y7" s="793"/>
    </row>
    <row r="8" spans="2:25" ht="23.25" customHeight="1" x14ac:dyDescent="0.15">
      <c r="B8" s="780" t="s">
        <v>481</v>
      </c>
      <c r="C8" s="781"/>
      <c r="D8" s="781"/>
      <c r="E8" s="781"/>
      <c r="F8" s="782"/>
      <c r="G8" s="180" t="s">
        <v>0</v>
      </c>
      <c r="H8" s="168" t="s">
        <v>242</v>
      </c>
      <c r="I8" s="168"/>
      <c r="J8" s="168"/>
      <c r="K8" s="168"/>
      <c r="L8" s="178" t="s">
        <v>0</v>
      </c>
      <c r="M8" s="168" t="s">
        <v>241</v>
      </c>
      <c r="N8" s="168"/>
      <c r="O8" s="168"/>
      <c r="P8" s="168"/>
      <c r="Q8" s="178" t="s">
        <v>0</v>
      </c>
      <c r="R8" s="168" t="s">
        <v>240</v>
      </c>
      <c r="S8" s="168"/>
      <c r="T8" s="168"/>
      <c r="U8" s="166"/>
      <c r="V8" s="166"/>
      <c r="W8" s="166"/>
      <c r="X8" s="166"/>
      <c r="Y8" s="251"/>
    </row>
    <row r="9" spans="2:25" ht="23.25" customHeight="1" x14ac:dyDescent="0.15">
      <c r="B9" s="783" t="s">
        <v>1456</v>
      </c>
      <c r="C9" s="784"/>
      <c r="D9" s="784"/>
      <c r="E9" s="784"/>
      <c r="F9" s="785"/>
      <c r="G9" s="178" t="s">
        <v>0</v>
      </c>
      <c r="H9" s="157" t="s">
        <v>317</v>
      </c>
      <c r="I9" s="157"/>
      <c r="J9" s="166"/>
      <c r="K9" s="166"/>
      <c r="L9" s="166"/>
      <c r="M9" s="166"/>
      <c r="N9" s="166"/>
      <c r="O9" s="178" t="s">
        <v>0</v>
      </c>
      <c r="P9" s="157" t="s">
        <v>316</v>
      </c>
      <c r="Q9" s="166"/>
      <c r="R9" s="166"/>
      <c r="S9" s="166"/>
      <c r="T9" s="166"/>
      <c r="U9" s="166"/>
      <c r="V9" s="166"/>
      <c r="W9" s="166"/>
      <c r="X9" s="166"/>
      <c r="Y9" s="251"/>
    </row>
    <row r="10" spans="2:25" ht="23.25" customHeight="1" x14ac:dyDescent="0.15">
      <c r="B10" s="810"/>
      <c r="C10" s="778"/>
      <c r="D10" s="778"/>
      <c r="E10" s="778"/>
      <c r="F10" s="811"/>
      <c r="G10" s="178" t="s">
        <v>0</v>
      </c>
      <c r="H10" s="8" t="s">
        <v>315</v>
      </c>
      <c r="I10" s="16"/>
      <c r="J10" s="16"/>
      <c r="K10" s="16"/>
      <c r="L10" s="16"/>
      <c r="M10" s="16"/>
      <c r="N10" s="16"/>
      <c r="O10" s="178" t="s">
        <v>0</v>
      </c>
      <c r="P10" s="8" t="s">
        <v>1455</v>
      </c>
      <c r="Q10" s="16"/>
      <c r="R10" s="16"/>
      <c r="S10" s="16"/>
      <c r="T10" s="16"/>
      <c r="U10" s="16"/>
      <c r="V10" s="16"/>
      <c r="W10" s="16"/>
      <c r="X10" s="16"/>
      <c r="Y10" s="150"/>
    </row>
    <row r="11" spans="2:25" ht="23.25" customHeight="1" x14ac:dyDescent="0.15">
      <c r="B11" s="786"/>
      <c r="C11" s="787"/>
      <c r="D11" s="787"/>
      <c r="E11" s="787"/>
      <c r="F11" s="788"/>
      <c r="G11" s="192" t="s">
        <v>0</v>
      </c>
      <c r="H11" s="172" t="s">
        <v>1454</v>
      </c>
      <c r="I11" s="162"/>
      <c r="J11" s="162"/>
      <c r="K11" s="162"/>
      <c r="L11" s="162"/>
      <c r="M11" s="162"/>
      <c r="N11" s="162"/>
      <c r="O11" s="162"/>
      <c r="P11" s="162"/>
      <c r="Q11" s="162"/>
      <c r="R11" s="162"/>
      <c r="S11" s="162"/>
      <c r="T11" s="162"/>
      <c r="U11" s="162"/>
      <c r="V11" s="162"/>
      <c r="W11" s="162"/>
      <c r="X11" s="162"/>
      <c r="Y11" s="266"/>
    </row>
    <row r="13" spans="2:25" ht="6" customHeight="1" x14ac:dyDescent="0.15">
      <c r="B13" s="158"/>
      <c r="C13" s="157"/>
      <c r="D13" s="157"/>
      <c r="E13" s="157"/>
      <c r="F13" s="157"/>
      <c r="G13" s="157"/>
      <c r="H13" s="157"/>
      <c r="I13" s="157"/>
      <c r="J13" s="157"/>
      <c r="K13" s="157"/>
      <c r="L13" s="157"/>
      <c r="M13" s="157"/>
      <c r="N13" s="157"/>
      <c r="O13" s="157"/>
      <c r="P13" s="157"/>
      <c r="Q13" s="157"/>
      <c r="R13" s="157"/>
      <c r="S13" s="157"/>
      <c r="T13" s="157"/>
      <c r="U13" s="158"/>
      <c r="V13" s="157"/>
      <c r="W13" s="157"/>
      <c r="X13" s="157"/>
      <c r="Y13" s="156"/>
    </row>
    <row r="14" spans="2:25" x14ac:dyDescent="0.15">
      <c r="B14" s="9" t="s">
        <v>1453</v>
      </c>
      <c r="U14" s="9"/>
      <c r="V14" s="152" t="s">
        <v>227</v>
      </c>
      <c r="W14" s="152" t="s">
        <v>217</v>
      </c>
      <c r="X14" s="152" t="s">
        <v>226</v>
      </c>
      <c r="Y14" s="149"/>
    </row>
    <row r="15" spans="2:25" ht="6.75" customHeight="1" x14ac:dyDescent="0.15">
      <c r="B15" s="9"/>
      <c r="U15" s="9"/>
      <c r="Y15" s="149"/>
    </row>
    <row r="16" spans="2:25" ht="18" customHeight="1" x14ac:dyDescent="0.15">
      <c r="B16" s="9"/>
      <c r="C16" s="8" t="s">
        <v>1452</v>
      </c>
      <c r="U16" s="20"/>
      <c r="V16" s="178"/>
      <c r="W16" s="178"/>
      <c r="X16" s="178"/>
      <c r="Y16" s="150"/>
    </row>
    <row r="17" spans="2:25" ht="6.75" customHeight="1" x14ac:dyDescent="0.15">
      <c r="B17" s="9"/>
      <c r="U17" s="151"/>
      <c r="V17" s="18"/>
      <c r="W17" s="18"/>
      <c r="X17" s="18"/>
      <c r="Y17" s="174"/>
    </row>
    <row r="18" spans="2:25" ht="14.25" customHeight="1" x14ac:dyDescent="0.15">
      <c r="B18" s="9"/>
      <c r="C18" s="8" t="s">
        <v>1219</v>
      </c>
      <c r="D18" s="780" t="s">
        <v>1451</v>
      </c>
      <c r="E18" s="781"/>
      <c r="F18" s="781"/>
      <c r="G18" s="781"/>
      <c r="H18" s="782"/>
      <c r="I18" s="252" t="s">
        <v>1448</v>
      </c>
      <c r="J18" s="181"/>
      <c r="K18" s="181"/>
      <c r="L18" s="781"/>
      <c r="M18" s="781"/>
      <c r="N18" s="781"/>
      <c r="O18" s="176" t="s">
        <v>175</v>
      </c>
      <c r="U18" s="151"/>
      <c r="V18" s="18"/>
      <c r="W18" s="18"/>
      <c r="X18" s="18"/>
      <c r="Y18" s="174"/>
    </row>
    <row r="19" spans="2:25" ht="7.5" customHeight="1" x14ac:dyDescent="0.15">
      <c r="B19" s="9"/>
      <c r="U19" s="151"/>
      <c r="V19" s="18"/>
      <c r="W19" s="18"/>
      <c r="X19" s="18"/>
      <c r="Y19" s="174"/>
    </row>
    <row r="20" spans="2:25" ht="18" customHeight="1" x14ac:dyDescent="0.15">
      <c r="B20" s="9"/>
      <c r="C20" s="8" t="s">
        <v>1450</v>
      </c>
      <c r="U20" s="151"/>
      <c r="V20" s="18"/>
      <c r="W20" s="18"/>
      <c r="X20" s="18"/>
      <c r="Y20" s="174"/>
    </row>
    <row r="21" spans="2:25" ht="6.75" customHeight="1" x14ac:dyDescent="0.15">
      <c r="B21" s="9"/>
      <c r="U21" s="151"/>
      <c r="V21" s="18"/>
      <c r="W21" s="18"/>
      <c r="X21" s="18"/>
      <c r="Y21" s="174"/>
    </row>
    <row r="22" spans="2:25" ht="14.25" customHeight="1" x14ac:dyDescent="0.15">
      <c r="B22" s="9"/>
      <c r="C22" s="8" t="s">
        <v>1219</v>
      </c>
      <c r="D22" s="780" t="s">
        <v>1449</v>
      </c>
      <c r="E22" s="781"/>
      <c r="F22" s="781"/>
      <c r="G22" s="781"/>
      <c r="H22" s="782"/>
      <c r="I22" s="252" t="s">
        <v>1448</v>
      </c>
      <c r="J22" s="181"/>
      <c r="K22" s="181"/>
      <c r="L22" s="781"/>
      <c r="M22" s="781"/>
      <c r="N22" s="781"/>
      <c r="O22" s="176" t="s">
        <v>175</v>
      </c>
      <c r="U22" s="151"/>
      <c r="V22" s="18"/>
      <c r="W22" s="18"/>
      <c r="X22" s="18"/>
      <c r="Y22" s="174"/>
    </row>
    <row r="23" spans="2:25" ht="7.5" customHeight="1" x14ac:dyDescent="0.15">
      <c r="B23" s="9"/>
      <c r="U23" s="151"/>
      <c r="V23" s="18"/>
      <c r="W23" s="18"/>
      <c r="X23" s="18"/>
      <c r="Y23" s="174"/>
    </row>
    <row r="24" spans="2:25" ht="18" customHeight="1" x14ac:dyDescent="0.15">
      <c r="B24" s="9"/>
      <c r="C24" s="8" t="s">
        <v>1447</v>
      </c>
      <c r="U24" s="20"/>
      <c r="V24" s="178" t="s">
        <v>0</v>
      </c>
      <c r="W24" s="178" t="s">
        <v>217</v>
      </c>
      <c r="X24" s="178" t="s">
        <v>0</v>
      </c>
      <c r="Y24" s="150"/>
    </row>
    <row r="25" spans="2:25" ht="18" customHeight="1" x14ac:dyDescent="0.15">
      <c r="B25" s="9"/>
      <c r="C25" s="8" t="s">
        <v>1446</v>
      </c>
      <c r="U25" s="20"/>
      <c r="V25" s="16"/>
      <c r="W25" s="16"/>
      <c r="X25" s="16"/>
      <c r="Y25" s="150"/>
    </row>
    <row r="26" spans="2:25" ht="18" customHeight="1" x14ac:dyDescent="0.15">
      <c r="B26" s="9"/>
      <c r="C26" s="8" t="s">
        <v>1445</v>
      </c>
      <c r="T26" s="8" t="s">
        <v>1444</v>
      </c>
      <c r="U26" s="20"/>
      <c r="V26" s="178" t="s">
        <v>0</v>
      </c>
      <c r="W26" s="178" t="s">
        <v>217</v>
      </c>
      <c r="X26" s="178" t="s">
        <v>0</v>
      </c>
      <c r="Y26" s="150"/>
    </row>
    <row r="27" spans="2:25" ht="18" customHeight="1" x14ac:dyDescent="0.15">
      <c r="B27" s="9"/>
      <c r="C27" s="8" t="s">
        <v>1443</v>
      </c>
      <c r="U27" s="20"/>
      <c r="V27" s="178" t="s">
        <v>0</v>
      </c>
      <c r="W27" s="178" t="s">
        <v>217</v>
      </c>
      <c r="X27" s="178" t="s">
        <v>0</v>
      </c>
      <c r="Y27" s="150"/>
    </row>
    <row r="28" spans="2:25" ht="18" customHeight="1" x14ac:dyDescent="0.15">
      <c r="B28" s="9"/>
      <c r="C28" s="8" t="s">
        <v>1442</v>
      </c>
      <c r="U28" s="20"/>
      <c r="V28" s="16"/>
      <c r="W28" s="16"/>
      <c r="X28" s="16"/>
      <c r="Y28" s="150"/>
    </row>
    <row r="29" spans="2:25" ht="18" customHeight="1" x14ac:dyDescent="0.15">
      <c r="B29" s="9"/>
      <c r="C29" s="8" t="s">
        <v>1441</v>
      </c>
      <c r="U29" s="20"/>
      <c r="V29" s="178" t="s">
        <v>0</v>
      </c>
      <c r="W29" s="178" t="s">
        <v>217</v>
      </c>
      <c r="X29" s="178" t="s">
        <v>0</v>
      </c>
      <c r="Y29" s="150"/>
    </row>
    <row r="30" spans="2:25" ht="18" customHeight="1" x14ac:dyDescent="0.15">
      <c r="B30" s="9"/>
      <c r="C30" s="8" t="s">
        <v>1440</v>
      </c>
      <c r="U30" s="20"/>
      <c r="V30" s="178" t="s">
        <v>0</v>
      </c>
      <c r="W30" s="178" t="s">
        <v>217</v>
      </c>
      <c r="X30" s="178" t="s">
        <v>0</v>
      </c>
      <c r="Y30" s="150"/>
    </row>
    <row r="31" spans="2:25" ht="18" customHeight="1" x14ac:dyDescent="0.15">
      <c r="B31" s="9"/>
      <c r="C31" s="8" t="s">
        <v>1439</v>
      </c>
      <c r="U31" s="20"/>
      <c r="V31" s="16"/>
      <c r="W31" s="16"/>
      <c r="X31" s="16"/>
      <c r="Y31" s="150"/>
    </row>
    <row r="32" spans="2:25" ht="18" customHeight="1" x14ac:dyDescent="0.15">
      <c r="B32" s="9"/>
      <c r="C32" s="8" t="s">
        <v>1438</v>
      </c>
      <c r="U32" s="20"/>
      <c r="V32" s="178" t="s">
        <v>0</v>
      </c>
      <c r="W32" s="178" t="s">
        <v>217</v>
      </c>
      <c r="X32" s="178" t="s">
        <v>0</v>
      </c>
      <c r="Y32" s="150"/>
    </row>
    <row r="33" spans="2:25" ht="18" customHeight="1" x14ac:dyDescent="0.15">
      <c r="B33" s="9"/>
      <c r="C33" s="8" t="s">
        <v>1437</v>
      </c>
      <c r="U33" s="20"/>
      <c r="V33" s="178"/>
      <c r="W33" s="178"/>
      <c r="X33" s="178"/>
      <c r="Y33" s="150"/>
    </row>
    <row r="34" spans="2:25" ht="18" customHeight="1" x14ac:dyDescent="0.15">
      <c r="B34" s="9"/>
      <c r="C34" s="8" t="s">
        <v>1436</v>
      </c>
      <c r="U34" s="20"/>
      <c r="V34" s="178"/>
      <c r="W34" s="178"/>
      <c r="X34" s="178"/>
      <c r="Y34" s="150"/>
    </row>
    <row r="35" spans="2:25" ht="18" customHeight="1" x14ac:dyDescent="0.15">
      <c r="B35" s="9"/>
      <c r="C35" s="8" t="s">
        <v>1435</v>
      </c>
      <c r="U35" s="20"/>
      <c r="V35" s="178" t="s">
        <v>0</v>
      </c>
      <c r="W35" s="178" t="s">
        <v>217</v>
      </c>
      <c r="X35" s="178" t="s">
        <v>0</v>
      </c>
      <c r="Y35" s="150"/>
    </row>
    <row r="36" spans="2:25" ht="18" customHeight="1" x14ac:dyDescent="0.15">
      <c r="B36" s="9"/>
      <c r="C36" s="8" t="s">
        <v>1434</v>
      </c>
      <c r="U36" s="20"/>
      <c r="V36" s="16"/>
      <c r="W36" s="16"/>
      <c r="X36" s="16"/>
      <c r="Y36" s="150"/>
    </row>
    <row r="37" spans="2:25" ht="18" customHeight="1" x14ac:dyDescent="0.15">
      <c r="B37" s="9"/>
      <c r="D37" s="8" t="s">
        <v>1433</v>
      </c>
      <c r="U37" s="20"/>
      <c r="V37" s="178" t="s">
        <v>0</v>
      </c>
      <c r="W37" s="178" t="s">
        <v>217</v>
      </c>
      <c r="X37" s="178" t="s">
        <v>0</v>
      </c>
      <c r="Y37" s="150"/>
    </row>
    <row r="38" spans="2:25" ht="18" customHeight="1" x14ac:dyDescent="0.15">
      <c r="B38" s="9"/>
      <c r="D38" s="8" t="s">
        <v>1432</v>
      </c>
      <c r="U38" s="20"/>
      <c r="V38" s="178" t="s">
        <v>0</v>
      </c>
      <c r="W38" s="178" t="s">
        <v>217</v>
      </c>
      <c r="X38" s="178" t="s">
        <v>0</v>
      </c>
      <c r="Y38" s="150"/>
    </row>
    <row r="39" spans="2:25" ht="18" customHeight="1" x14ac:dyDescent="0.15">
      <c r="B39" s="9"/>
      <c r="C39" s="8" t="s">
        <v>1431</v>
      </c>
      <c r="U39" s="20"/>
      <c r="V39" s="249"/>
      <c r="W39" s="18" t="s">
        <v>217</v>
      </c>
      <c r="X39" s="249"/>
      <c r="Y39" s="150"/>
    </row>
    <row r="40" spans="2:25" ht="18" customHeight="1" x14ac:dyDescent="0.15">
      <c r="B40" s="9"/>
      <c r="C40" s="8" t="s">
        <v>1430</v>
      </c>
      <c r="U40" s="20"/>
      <c r="V40" s="16"/>
      <c r="W40" s="16"/>
      <c r="X40" s="16"/>
      <c r="Y40" s="150"/>
    </row>
    <row r="41" spans="2:25" ht="18" customHeight="1" x14ac:dyDescent="0.15">
      <c r="B41" s="9"/>
      <c r="C41" s="8" t="s">
        <v>1429</v>
      </c>
      <c r="U41" s="20"/>
      <c r="V41" s="178" t="s">
        <v>0</v>
      </c>
      <c r="W41" s="178" t="s">
        <v>217</v>
      </c>
      <c r="X41" s="178" t="s">
        <v>0</v>
      </c>
      <c r="Y41" s="150"/>
    </row>
    <row r="42" spans="2:25" ht="18" customHeight="1" x14ac:dyDescent="0.15">
      <c r="B42" s="9"/>
      <c r="C42" s="8" t="s">
        <v>1428</v>
      </c>
      <c r="U42" s="151"/>
      <c r="V42" s="18"/>
      <c r="W42" s="18"/>
      <c r="X42" s="18"/>
      <c r="Y42" s="174"/>
    </row>
    <row r="43" spans="2:25" ht="18" customHeight="1" x14ac:dyDescent="0.15">
      <c r="B43" s="9"/>
      <c r="C43" s="8" t="s">
        <v>1427</v>
      </c>
      <c r="U43" s="20"/>
      <c r="V43" s="178" t="s">
        <v>0</v>
      </c>
      <c r="W43" s="178" t="s">
        <v>217</v>
      </c>
      <c r="X43" s="178" t="s">
        <v>0</v>
      </c>
      <c r="Y43" s="150"/>
    </row>
    <row r="44" spans="2:25" ht="18" customHeight="1" x14ac:dyDescent="0.15">
      <c r="B44" s="9"/>
      <c r="C44" s="8" t="s">
        <v>1426</v>
      </c>
      <c r="U44" s="151"/>
      <c r="V44" s="18"/>
      <c r="W44" s="18"/>
      <c r="X44" s="18"/>
      <c r="Y44" s="174"/>
    </row>
    <row r="45" spans="2:25" ht="18" customHeight="1" x14ac:dyDescent="0.15">
      <c r="B45" s="9"/>
      <c r="C45" s="8" t="s">
        <v>1425</v>
      </c>
      <c r="U45" s="151"/>
      <c r="V45" s="18"/>
      <c r="W45" s="18"/>
      <c r="X45" s="18"/>
      <c r="Y45" s="174"/>
    </row>
    <row r="46" spans="2:25" ht="15" customHeight="1" x14ac:dyDescent="0.15">
      <c r="B46" s="9"/>
      <c r="U46" s="9"/>
      <c r="Y46" s="149"/>
    </row>
    <row r="47" spans="2:25" ht="15" customHeight="1" x14ac:dyDescent="0.15">
      <c r="B47" s="9" t="s">
        <v>1424</v>
      </c>
      <c r="U47" s="151"/>
      <c r="V47" s="152" t="s">
        <v>227</v>
      </c>
      <c r="W47" s="152" t="s">
        <v>217</v>
      </c>
      <c r="X47" s="152" t="s">
        <v>226</v>
      </c>
      <c r="Y47" s="174"/>
    </row>
    <row r="48" spans="2:25" ht="6.75" customHeight="1" x14ac:dyDescent="0.15">
      <c r="B48" s="9"/>
      <c r="U48" s="151"/>
      <c r="V48" s="18"/>
      <c r="W48" s="18"/>
      <c r="X48" s="18"/>
      <c r="Y48" s="174"/>
    </row>
    <row r="49" spans="2:25" ht="18" customHeight="1" x14ac:dyDescent="0.15">
      <c r="B49" s="9"/>
      <c r="C49" s="8" t="s">
        <v>1423</v>
      </c>
      <c r="U49" s="20"/>
      <c r="V49" s="178" t="s">
        <v>0</v>
      </c>
      <c r="W49" s="178" t="s">
        <v>217</v>
      </c>
      <c r="X49" s="178" t="s">
        <v>0</v>
      </c>
      <c r="Y49" s="150"/>
    </row>
    <row r="50" spans="2:25" ht="18" customHeight="1" x14ac:dyDescent="0.15">
      <c r="B50" s="9"/>
      <c r="C50" s="8" t="s">
        <v>1422</v>
      </c>
      <c r="U50" s="9"/>
      <c r="Y50" s="149"/>
    </row>
    <row r="51" spans="2:25" ht="18" customHeight="1" x14ac:dyDescent="0.15">
      <c r="B51" s="9"/>
      <c r="C51" s="8" t="s">
        <v>1421</v>
      </c>
      <c r="U51" s="20"/>
      <c r="V51" s="178" t="s">
        <v>0</v>
      </c>
      <c r="W51" s="178" t="s">
        <v>217</v>
      </c>
      <c r="X51" s="178" t="s">
        <v>0</v>
      </c>
      <c r="Y51" s="150"/>
    </row>
    <row r="52" spans="2:25" ht="18" customHeight="1" x14ac:dyDescent="0.15">
      <c r="B52" s="9"/>
      <c r="D52" s="789" t="s">
        <v>1420</v>
      </c>
      <c r="E52" s="789"/>
      <c r="F52" s="789"/>
      <c r="G52" s="789"/>
      <c r="H52" s="789"/>
      <c r="I52" s="789"/>
      <c r="J52" s="789"/>
      <c r="K52" s="789"/>
      <c r="L52" s="789"/>
      <c r="M52" s="789"/>
      <c r="N52" s="789"/>
      <c r="O52" s="789"/>
      <c r="P52" s="789"/>
      <c r="Q52" s="789"/>
      <c r="R52" s="789"/>
      <c r="S52" s="789"/>
      <c r="T52" s="805"/>
      <c r="U52" s="20"/>
      <c r="V52" s="178"/>
      <c r="W52" s="178"/>
      <c r="X52" s="178"/>
      <c r="Y52" s="150"/>
    </row>
    <row r="53" spans="2:25" ht="18" customHeight="1" x14ac:dyDescent="0.15">
      <c r="B53" s="9"/>
      <c r="D53" s="789" t="s">
        <v>1419</v>
      </c>
      <c r="E53" s="789"/>
      <c r="F53" s="789"/>
      <c r="G53" s="789"/>
      <c r="H53" s="789"/>
      <c r="I53" s="789"/>
      <c r="J53" s="789"/>
      <c r="K53" s="789"/>
      <c r="L53" s="789"/>
      <c r="M53" s="789"/>
      <c r="N53" s="789"/>
      <c r="O53" s="789"/>
      <c r="P53" s="789"/>
      <c r="Q53" s="789"/>
      <c r="R53" s="789"/>
      <c r="S53" s="789"/>
      <c r="T53" s="805"/>
      <c r="U53" s="20"/>
      <c r="V53" s="178"/>
      <c r="W53" s="178"/>
      <c r="X53" s="178"/>
      <c r="Y53" s="150"/>
    </row>
    <row r="54" spans="2:25" ht="18" customHeight="1" x14ac:dyDescent="0.15">
      <c r="B54" s="9"/>
      <c r="D54" s="789" t="s">
        <v>1418</v>
      </c>
      <c r="E54" s="789"/>
      <c r="F54" s="789"/>
      <c r="G54" s="789"/>
      <c r="H54" s="789"/>
      <c r="I54" s="789"/>
      <c r="J54" s="789"/>
      <c r="K54" s="789"/>
      <c r="L54" s="789"/>
      <c r="M54" s="789"/>
      <c r="N54" s="789"/>
      <c r="O54" s="789"/>
      <c r="P54" s="789"/>
      <c r="Q54" s="789"/>
      <c r="R54" s="789"/>
      <c r="S54" s="789"/>
      <c r="T54" s="805"/>
      <c r="U54" s="20"/>
      <c r="V54" s="178"/>
      <c r="W54" s="178"/>
      <c r="X54" s="178"/>
      <c r="Y54" s="150"/>
    </row>
    <row r="55" spans="2:25" ht="18" customHeight="1" x14ac:dyDescent="0.15">
      <c r="B55" s="9"/>
      <c r="D55" s="789" t="s">
        <v>1417</v>
      </c>
      <c r="E55" s="789"/>
      <c r="F55" s="789"/>
      <c r="G55" s="789"/>
      <c r="H55" s="789"/>
      <c r="I55" s="789"/>
      <c r="J55" s="789"/>
      <c r="K55" s="789"/>
      <c r="L55" s="789"/>
      <c r="M55" s="789"/>
      <c r="N55" s="789"/>
      <c r="O55" s="789"/>
      <c r="P55" s="789"/>
      <c r="Q55" s="789"/>
      <c r="R55" s="789"/>
      <c r="S55" s="789"/>
      <c r="T55" s="805"/>
      <c r="U55" s="20"/>
      <c r="V55" s="178"/>
      <c r="W55" s="178"/>
      <c r="X55" s="178"/>
      <c r="Y55" s="150"/>
    </row>
    <row r="56" spans="2:25" ht="18" customHeight="1" x14ac:dyDescent="0.15">
      <c r="B56" s="9"/>
      <c r="D56" s="789" t="s">
        <v>1416</v>
      </c>
      <c r="E56" s="789"/>
      <c r="F56" s="789"/>
      <c r="G56" s="789"/>
      <c r="H56" s="789"/>
      <c r="I56" s="789"/>
      <c r="J56" s="789"/>
      <c r="K56" s="789"/>
      <c r="L56" s="789"/>
      <c r="M56" s="789"/>
      <c r="N56" s="789"/>
      <c r="O56" s="789"/>
      <c r="P56" s="789"/>
      <c r="Q56" s="789"/>
      <c r="R56" s="789"/>
      <c r="S56" s="789"/>
      <c r="T56" s="805"/>
      <c r="U56" s="20"/>
      <c r="V56" s="178"/>
      <c r="W56" s="178"/>
      <c r="X56" s="178"/>
      <c r="Y56" s="150"/>
    </row>
    <row r="57" spans="2:25" ht="18" customHeight="1" x14ac:dyDescent="0.15">
      <c r="B57" s="9"/>
      <c r="C57" s="8" t="s">
        <v>1415</v>
      </c>
      <c r="U57" s="20"/>
      <c r="V57" s="178" t="s">
        <v>0</v>
      </c>
      <c r="W57" s="178" t="s">
        <v>217</v>
      </c>
      <c r="X57" s="178" t="s">
        <v>0</v>
      </c>
      <c r="Y57" s="150"/>
    </row>
    <row r="58" spans="2:25" ht="8.25" customHeight="1" x14ac:dyDescent="0.15">
      <c r="B58" s="173"/>
      <c r="C58" s="172"/>
      <c r="D58" s="172"/>
      <c r="E58" s="172"/>
      <c r="F58" s="172"/>
      <c r="G58" s="172"/>
      <c r="H58" s="172"/>
      <c r="I58" s="172"/>
      <c r="J58" s="172"/>
      <c r="K58" s="172"/>
      <c r="L58" s="172"/>
      <c r="M58" s="172"/>
      <c r="N58" s="172"/>
      <c r="O58" s="172"/>
      <c r="P58" s="172"/>
      <c r="Q58" s="172"/>
      <c r="R58" s="172"/>
      <c r="S58" s="172"/>
      <c r="T58" s="172"/>
      <c r="U58" s="786"/>
      <c r="V58" s="787"/>
      <c r="W58" s="787"/>
      <c r="X58" s="787"/>
      <c r="Y58" s="788"/>
    </row>
    <row r="59" spans="2:25" x14ac:dyDescent="0.15">
      <c r="B59" s="8" t="s">
        <v>248</v>
      </c>
    </row>
    <row r="60" spans="2:25" ht="14.25" customHeight="1" x14ac:dyDescent="0.15">
      <c r="B60" s="8" t="s">
        <v>247</v>
      </c>
    </row>
    <row r="61" spans="2:25" ht="9" customHeight="1" x14ac:dyDescent="0.15">
      <c r="B61" s="158"/>
      <c r="C61" s="157"/>
      <c r="D61" s="157"/>
      <c r="E61" s="157"/>
      <c r="F61" s="157"/>
      <c r="G61" s="157"/>
      <c r="H61" s="157"/>
      <c r="I61" s="157"/>
      <c r="J61" s="157"/>
      <c r="K61" s="157"/>
      <c r="L61" s="157"/>
      <c r="M61" s="157"/>
      <c r="N61" s="157"/>
      <c r="O61" s="157"/>
      <c r="P61" s="157"/>
      <c r="Q61" s="157"/>
      <c r="R61" s="157"/>
      <c r="S61" s="157"/>
      <c r="T61" s="157"/>
      <c r="U61" s="158"/>
      <c r="V61" s="157"/>
      <c r="W61" s="157"/>
      <c r="X61" s="157"/>
      <c r="Y61" s="156"/>
    </row>
    <row r="62" spans="2:25" x14ac:dyDescent="0.15">
      <c r="B62" s="9" t="s">
        <v>1414</v>
      </c>
      <c r="U62" s="9"/>
      <c r="V62" s="152" t="s">
        <v>227</v>
      </c>
      <c r="W62" s="152" t="s">
        <v>217</v>
      </c>
      <c r="X62" s="152" t="s">
        <v>226</v>
      </c>
      <c r="Y62" s="149"/>
    </row>
    <row r="63" spans="2:25" ht="6.75" customHeight="1" x14ac:dyDescent="0.15">
      <c r="B63" s="9"/>
      <c r="U63" s="9"/>
      <c r="Y63" s="149"/>
    </row>
    <row r="64" spans="2:25" ht="18" customHeight="1" x14ac:dyDescent="0.15">
      <c r="B64" s="9"/>
      <c r="C64" s="8" t="s">
        <v>1413</v>
      </c>
      <c r="U64" s="20"/>
      <c r="V64" s="178" t="s">
        <v>0</v>
      </c>
      <c r="W64" s="178" t="s">
        <v>217</v>
      </c>
      <c r="X64" s="178" t="s">
        <v>0</v>
      </c>
      <c r="Y64" s="150"/>
    </row>
    <row r="65" spans="2:25" ht="18" customHeight="1" x14ac:dyDescent="0.15">
      <c r="B65" s="9"/>
      <c r="C65" s="8" t="s">
        <v>1412</v>
      </c>
      <c r="U65" s="9"/>
      <c r="Y65" s="149"/>
    </row>
    <row r="66" spans="2:25" ht="18" customHeight="1" x14ac:dyDescent="0.15">
      <c r="B66" s="9"/>
      <c r="C66" s="8" t="s">
        <v>1411</v>
      </c>
      <c r="U66" s="9"/>
      <c r="Y66" s="149"/>
    </row>
    <row r="67" spans="2:25" ht="6" customHeight="1" x14ac:dyDescent="0.15">
      <c r="B67" s="173"/>
      <c r="C67" s="172"/>
      <c r="D67" s="172"/>
      <c r="E67" s="172"/>
      <c r="F67" s="172"/>
      <c r="G67" s="172"/>
      <c r="H67" s="172"/>
      <c r="I67" s="172"/>
      <c r="J67" s="172"/>
      <c r="K67" s="172"/>
      <c r="L67" s="172"/>
      <c r="M67" s="172"/>
      <c r="N67" s="172"/>
      <c r="O67" s="172"/>
      <c r="P67" s="172"/>
      <c r="Q67" s="172"/>
      <c r="R67" s="172"/>
      <c r="S67" s="172"/>
      <c r="T67" s="172"/>
      <c r="U67" s="173"/>
      <c r="V67" s="172"/>
      <c r="W67" s="172"/>
      <c r="X67" s="172"/>
      <c r="Y67" s="171"/>
    </row>
    <row r="122" spans="3:7" x14ac:dyDescent="0.15">
      <c r="C122" s="172"/>
      <c r="D122" s="172"/>
      <c r="E122" s="172"/>
      <c r="F122" s="172"/>
      <c r="G122" s="172"/>
    </row>
    <row r="123" spans="3:7" x14ac:dyDescent="0.15">
      <c r="C123" s="157"/>
    </row>
  </sheetData>
  <mergeCells count="18">
    <mergeCell ref="Q3:R3"/>
    <mergeCell ref="T3:U3"/>
    <mergeCell ref="W3:X3"/>
    <mergeCell ref="B5:Y5"/>
    <mergeCell ref="B7:F7"/>
    <mergeCell ref="G7:Y7"/>
    <mergeCell ref="U58:Y58"/>
    <mergeCell ref="B8:F8"/>
    <mergeCell ref="B9:F11"/>
    <mergeCell ref="D18:H18"/>
    <mergeCell ref="L18:N18"/>
    <mergeCell ref="D22:H22"/>
    <mergeCell ref="L22:N22"/>
    <mergeCell ref="D52:T52"/>
    <mergeCell ref="D53:T53"/>
    <mergeCell ref="D54:T54"/>
    <mergeCell ref="D55:T55"/>
    <mergeCell ref="D56:T56"/>
  </mergeCells>
  <phoneticPr fontId="2"/>
  <dataValidations count="1">
    <dataValidation type="list" allowBlank="1" showInputMessage="1" showErrorMessage="1" sqref="G8:G11 O9:O10 L8 Q8 X64 V24 X24 V26:V27 X26:X27 V29:V30 X29:X30 V32:V35 X32:X35 V37:V38 X37:X38 V41 X41 V43 X43 V49 X49 V64 X16 V16 X51:X57 V51:V57">
      <formula1>"□,■"</formula1>
    </dataValidation>
  </dataValidations>
  <pageMargins left="0.7" right="0.7" top="0.75" bottom="0.75" header="0.3" footer="0.3"/>
  <pageSetup paperSize="9" scale="75" orientation="portrait" r:id="rId1"/>
  <rowBreaks count="1" manualBreakCount="1">
    <brk id="69" max="16383" man="1"/>
  </rowBreaks>
</worksheet>
</file>

<file path=xl/worksheets/sheet5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Y122"/>
  <sheetViews>
    <sheetView view="pageBreakPreview" zoomScale="80" zoomScaleNormal="100" zoomScaleSheetLayoutView="80" workbookViewId="0">
      <selection activeCell="C87" sqref="C87"/>
    </sheetView>
  </sheetViews>
  <sheetFormatPr defaultColWidth="4" defaultRowHeight="13.5" x14ac:dyDescent="0.15"/>
  <cols>
    <col min="1" max="1" width="2.125" style="8" customWidth="1"/>
    <col min="2" max="2" width="1.625" style="8" customWidth="1"/>
    <col min="3" max="19" width="3.875" style="8" customWidth="1"/>
    <col min="20" max="20" width="7.75" style="8" customWidth="1"/>
    <col min="21" max="25" width="3.25" style="8" customWidth="1"/>
    <col min="26" max="26" width="2.125" style="8" customWidth="1"/>
    <col min="27" max="16384" width="4" style="8"/>
  </cols>
  <sheetData>
    <row r="1" spans="2:25" ht="6.75" customHeight="1" x14ac:dyDescent="0.15"/>
    <row r="2" spans="2:25" x14ac:dyDescent="0.15">
      <c r="B2" s="8" t="s">
        <v>1482</v>
      </c>
    </row>
    <row r="3" spans="2:25" ht="15.75" customHeight="1" x14ac:dyDescent="0.15">
      <c r="P3" s="17" t="s">
        <v>12</v>
      </c>
      <c r="Q3" s="778"/>
      <c r="R3" s="778"/>
      <c r="S3" s="18" t="s">
        <v>11</v>
      </c>
      <c r="T3" s="778"/>
      <c r="U3" s="778"/>
      <c r="V3" s="18" t="s">
        <v>21</v>
      </c>
      <c r="W3" s="778"/>
      <c r="X3" s="778"/>
      <c r="Y3" s="18" t="s">
        <v>20</v>
      </c>
    </row>
    <row r="4" spans="2:25" ht="10.5" customHeight="1" x14ac:dyDescent="0.15"/>
    <row r="5" spans="2:25" ht="27.75" customHeight="1" x14ac:dyDescent="0.15">
      <c r="B5" s="807" t="s">
        <v>1481</v>
      </c>
      <c r="C5" s="807"/>
      <c r="D5" s="807"/>
      <c r="E5" s="807"/>
      <c r="F5" s="807"/>
      <c r="G5" s="807"/>
      <c r="H5" s="807"/>
      <c r="I5" s="807"/>
      <c r="J5" s="807"/>
      <c r="K5" s="807"/>
      <c r="L5" s="807"/>
      <c r="M5" s="807"/>
      <c r="N5" s="807"/>
      <c r="O5" s="807"/>
      <c r="P5" s="807"/>
      <c r="Q5" s="807"/>
      <c r="R5" s="807"/>
      <c r="S5" s="807"/>
      <c r="T5" s="807"/>
      <c r="U5" s="807"/>
      <c r="V5" s="807"/>
      <c r="W5" s="807"/>
      <c r="X5" s="807"/>
      <c r="Y5" s="807"/>
    </row>
    <row r="7" spans="2:25" ht="23.25" customHeight="1" x14ac:dyDescent="0.15">
      <c r="B7" s="780" t="s">
        <v>1480</v>
      </c>
      <c r="C7" s="780"/>
      <c r="D7" s="780"/>
      <c r="E7" s="780"/>
      <c r="F7" s="780"/>
      <c r="G7" s="780"/>
      <c r="H7" s="780"/>
      <c r="I7" s="780"/>
      <c r="J7" s="780"/>
      <c r="K7" s="780"/>
      <c r="L7" s="780"/>
      <c r="M7" s="780"/>
      <c r="N7" s="780"/>
      <c r="O7" s="780"/>
      <c r="P7" s="780"/>
      <c r="Q7" s="780"/>
      <c r="R7" s="780"/>
      <c r="S7" s="780"/>
      <c r="T7" s="780"/>
      <c r="U7" s="780"/>
      <c r="V7" s="780"/>
      <c r="W7" s="780"/>
      <c r="X7" s="780"/>
      <c r="Y7" s="790"/>
    </row>
    <row r="8" spans="2:25" ht="23.25" customHeight="1" x14ac:dyDescent="0.15">
      <c r="B8" s="790" t="s">
        <v>1479</v>
      </c>
      <c r="C8" s="790"/>
      <c r="D8" s="790"/>
      <c r="E8" s="790"/>
      <c r="F8" s="790"/>
      <c r="G8" s="790"/>
      <c r="H8" s="790"/>
      <c r="I8" s="820"/>
      <c r="J8" s="820"/>
      <c r="K8" s="820"/>
      <c r="L8" s="820"/>
      <c r="M8" s="820"/>
      <c r="N8" s="820"/>
      <c r="O8" s="820"/>
      <c r="P8" s="820"/>
      <c r="Q8" s="820"/>
      <c r="R8" s="820"/>
      <c r="S8" s="820"/>
      <c r="T8" s="820"/>
      <c r="U8" s="820"/>
      <c r="V8" s="820"/>
      <c r="W8" s="820"/>
      <c r="X8" s="820"/>
      <c r="Y8" s="820"/>
    </row>
    <row r="9" spans="2:25" ht="23.25" customHeight="1" x14ac:dyDescent="0.15">
      <c r="B9" s="790" t="s">
        <v>1478</v>
      </c>
      <c r="C9" s="790"/>
      <c r="D9" s="790"/>
      <c r="E9" s="790"/>
      <c r="F9" s="790"/>
      <c r="G9" s="790"/>
      <c r="H9" s="790"/>
      <c r="I9" s="180" t="s">
        <v>0</v>
      </c>
      <c r="J9" s="168" t="s">
        <v>242</v>
      </c>
      <c r="K9" s="168"/>
      <c r="L9" s="168"/>
      <c r="M9" s="168"/>
      <c r="N9" s="179" t="s">
        <v>0</v>
      </c>
      <c r="O9" s="168" t="s">
        <v>241</v>
      </c>
      <c r="P9" s="168"/>
      <c r="Q9" s="168"/>
      <c r="R9" s="168"/>
      <c r="S9" s="179" t="s">
        <v>0</v>
      </c>
      <c r="T9" s="168" t="s">
        <v>240</v>
      </c>
      <c r="U9" s="168"/>
      <c r="V9" s="168"/>
      <c r="W9" s="168"/>
      <c r="X9" s="168"/>
      <c r="Y9" s="167"/>
    </row>
    <row r="11" spans="2:25" ht="6" customHeight="1" x14ac:dyDescent="0.15">
      <c r="B11" s="158"/>
      <c r="C11" s="157"/>
      <c r="D11" s="157"/>
      <c r="E11" s="157"/>
      <c r="F11" s="157"/>
      <c r="G11" s="157"/>
      <c r="H11" s="157"/>
      <c r="I11" s="157"/>
      <c r="J11" s="157"/>
      <c r="K11" s="157"/>
      <c r="L11" s="157"/>
      <c r="M11" s="157"/>
      <c r="N11" s="157"/>
      <c r="O11" s="157"/>
      <c r="P11" s="157"/>
      <c r="Q11" s="157"/>
      <c r="R11" s="157"/>
      <c r="S11" s="157"/>
      <c r="T11" s="157"/>
      <c r="U11" s="158"/>
      <c r="V11" s="157"/>
      <c r="W11" s="157"/>
      <c r="X11" s="157"/>
      <c r="Y11" s="156"/>
    </row>
    <row r="12" spans="2:25" x14ac:dyDescent="0.15">
      <c r="B12" s="9" t="s">
        <v>1477</v>
      </c>
      <c r="U12" s="9"/>
      <c r="V12" s="152" t="s">
        <v>227</v>
      </c>
      <c r="W12" s="152" t="s">
        <v>217</v>
      </c>
      <c r="X12" s="152" t="s">
        <v>226</v>
      </c>
      <c r="Y12" s="149"/>
    </row>
    <row r="13" spans="2:25" ht="6" customHeight="1" x14ac:dyDescent="0.15">
      <c r="B13" s="9"/>
      <c r="U13" s="9"/>
      <c r="Y13" s="149"/>
    </row>
    <row r="14" spans="2:25" ht="18" customHeight="1" x14ac:dyDescent="0.15">
      <c r="B14" s="9"/>
      <c r="C14" s="8" t="s">
        <v>1476</v>
      </c>
      <c r="U14" s="20"/>
      <c r="V14" s="178" t="s">
        <v>0</v>
      </c>
      <c r="W14" s="178" t="s">
        <v>217</v>
      </c>
      <c r="X14" s="178" t="s">
        <v>0</v>
      </c>
      <c r="Y14" s="150"/>
    </row>
    <row r="15" spans="2:25" ht="18" customHeight="1" x14ac:dyDescent="0.15">
      <c r="B15" s="9"/>
      <c r="C15" s="8" t="s">
        <v>1475</v>
      </c>
      <c r="U15" s="20"/>
      <c r="V15" s="16"/>
      <c r="W15" s="16"/>
      <c r="X15" s="16"/>
      <c r="Y15" s="150"/>
    </row>
    <row r="16" spans="2:25" ht="18" customHeight="1" x14ac:dyDescent="0.15">
      <c r="B16" s="9"/>
      <c r="U16" s="20"/>
      <c r="V16" s="16"/>
      <c r="W16" s="16"/>
      <c r="X16" s="16"/>
      <c r="Y16" s="150"/>
    </row>
    <row r="17" spans="2:25" ht="18" customHeight="1" x14ac:dyDescent="0.15">
      <c r="B17" s="9"/>
      <c r="C17" s="8" t="s">
        <v>1219</v>
      </c>
      <c r="D17" s="780" t="s">
        <v>1449</v>
      </c>
      <c r="E17" s="780"/>
      <c r="F17" s="780"/>
      <c r="G17" s="780"/>
      <c r="H17" s="780"/>
      <c r="I17" s="252" t="s">
        <v>1448</v>
      </c>
      <c r="J17" s="181"/>
      <c r="K17" s="181"/>
      <c r="L17" s="781"/>
      <c r="M17" s="781"/>
      <c r="N17" s="781"/>
      <c r="O17" s="176" t="s">
        <v>175</v>
      </c>
      <c r="U17" s="151"/>
      <c r="V17" s="18"/>
      <c r="W17" s="18"/>
      <c r="X17" s="18"/>
      <c r="Y17" s="174"/>
    </row>
    <row r="18" spans="2:25" ht="18" customHeight="1" x14ac:dyDescent="0.15">
      <c r="B18" s="9"/>
      <c r="C18" s="8" t="s">
        <v>1219</v>
      </c>
      <c r="D18" s="780" t="s">
        <v>1449</v>
      </c>
      <c r="E18" s="780"/>
      <c r="F18" s="780"/>
      <c r="G18" s="780"/>
      <c r="H18" s="780"/>
      <c r="I18" s="252" t="s">
        <v>1474</v>
      </c>
      <c r="J18" s="181"/>
      <c r="K18" s="181"/>
      <c r="L18" s="781"/>
      <c r="M18" s="781"/>
      <c r="N18" s="781"/>
      <c r="O18" s="176" t="s">
        <v>175</v>
      </c>
      <c r="U18" s="151"/>
      <c r="V18" s="18"/>
      <c r="W18" s="18"/>
      <c r="X18" s="18"/>
      <c r="Y18" s="174"/>
    </row>
    <row r="19" spans="2:25" ht="18" customHeight="1" x14ac:dyDescent="0.15">
      <c r="B19" s="9"/>
      <c r="D19" s="18"/>
      <c r="E19" s="18"/>
      <c r="F19" s="18"/>
      <c r="G19" s="18"/>
      <c r="H19" s="18"/>
      <c r="O19" s="18"/>
      <c r="U19" s="151"/>
      <c r="V19" s="18"/>
      <c r="W19" s="18"/>
      <c r="X19" s="18"/>
      <c r="Y19" s="174"/>
    </row>
    <row r="20" spans="2:25" ht="18" customHeight="1" x14ac:dyDescent="0.15">
      <c r="B20" s="9"/>
      <c r="C20" s="8" t="s">
        <v>1473</v>
      </c>
      <c r="U20" s="20"/>
      <c r="V20" s="178" t="s">
        <v>0</v>
      </c>
      <c r="W20" s="178" t="s">
        <v>217</v>
      </c>
      <c r="X20" s="178" t="s">
        <v>0</v>
      </c>
      <c r="Y20" s="150"/>
    </row>
    <row r="21" spans="2:25" ht="18" customHeight="1" x14ac:dyDescent="0.15">
      <c r="B21" s="9"/>
      <c r="C21" s="8" t="s">
        <v>1472</v>
      </c>
      <c r="U21" s="20"/>
      <c r="V21" s="16"/>
      <c r="W21" s="16"/>
      <c r="X21" s="16"/>
      <c r="Y21" s="150"/>
    </row>
    <row r="22" spans="2:25" ht="18" customHeight="1" x14ac:dyDescent="0.15">
      <c r="B22" s="9"/>
      <c r="C22" s="8" t="s">
        <v>1471</v>
      </c>
      <c r="T22" s="8" t="s">
        <v>1444</v>
      </c>
      <c r="U22" s="20"/>
      <c r="V22" s="178" t="s">
        <v>0</v>
      </c>
      <c r="W22" s="178" t="s">
        <v>217</v>
      </c>
      <c r="X22" s="178" t="s">
        <v>0</v>
      </c>
      <c r="Y22" s="150"/>
    </row>
    <row r="23" spans="2:25" ht="18" customHeight="1" x14ac:dyDescent="0.15">
      <c r="B23" s="9"/>
      <c r="C23" s="8" t="s">
        <v>1470</v>
      </c>
      <c r="U23" s="20"/>
      <c r="V23" s="178" t="s">
        <v>0</v>
      </c>
      <c r="W23" s="178" t="s">
        <v>217</v>
      </c>
      <c r="X23" s="178" t="s">
        <v>0</v>
      </c>
      <c r="Y23" s="150"/>
    </row>
    <row r="24" spans="2:25" ht="18" customHeight="1" x14ac:dyDescent="0.15">
      <c r="B24" s="9"/>
      <c r="C24" s="8" t="s">
        <v>1469</v>
      </c>
      <c r="U24" s="20"/>
      <c r="V24" s="178" t="s">
        <v>0</v>
      </c>
      <c r="W24" s="178" t="s">
        <v>217</v>
      </c>
      <c r="X24" s="178" t="s">
        <v>0</v>
      </c>
      <c r="Y24" s="150"/>
    </row>
    <row r="25" spans="2:25" ht="18" customHeight="1" x14ac:dyDescent="0.15">
      <c r="B25" s="9"/>
      <c r="C25" s="8" t="s">
        <v>1468</v>
      </c>
      <c r="U25" s="20"/>
      <c r="V25" s="16"/>
      <c r="W25" s="16"/>
      <c r="X25" s="16"/>
      <c r="Y25" s="150"/>
    </row>
    <row r="26" spans="2:25" ht="18" customHeight="1" x14ac:dyDescent="0.15">
      <c r="B26" s="9"/>
      <c r="C26" s="8" t="s">
        <v>1467</v>
      </c>
      <c r="U26" s="20"/>
      <c r="V26" s="178" t="s">
        <v>0</v>
      </c>
      <c r="W26" s="178" t="s">
        <v>217</v>
      </c>
      <c r="X26" s="178" t="s">
        <v>0</v>
      </c>
      <c r="Y26" s="150"/>
    </row>
    <row r="27" spans="2:25" ht="18" customHeight="1" x14ac:dyDescent="0.15">
      <c r="B27" s="9"/>
      <c r="C27" s="8" t="s">
        <v>1437</v>
      </c>
      <c r="U27" s="20"/>
      <c r="V27" s="178"/>
      <c r="W27" s="178"/>
      <c r="X27" s="178"/>
      <c r="Y27" s="150"/>
    </row>
    <row r="28" spans="2:25" ht="18" customHeight="1" x14ac:dyDescent="0.15">
      <c r="B28" s="9"/>
      <c r="C28" s="8" t="s">
        <v>1436</v>
      </c>
      <c r="U28" s="20"/>
      <c r="V28" s="178"/>
      <c r="W28" s="178"/>
      <c r="X28" s="178"/>
      <c r="Y28" s="150"/>
    </row>
    <row r="29" spans="2:25" ht="18" customHeight="1" x14ac:dyDescent="0.15">
      <c r="B29" s="9"/>
      <c r="C29" s="8" t="s">
        <v>1466</v>
      </c>
      <c r="U29" s="20"/>
      <c r="V29" s="178" t="s">
        <v>0</v>
      </c>
      <c r="W29" s="178" t="s">
        <v>217</v>
      </c>
      <c r="X29" s="178" t="s">
        <v>0</v>
      </c>
      <c r="Y29" s="150"/>
    </row>
    <row r="30" spans="2:25" ht="18" customHeight="1" x14ac:dyDescent="0.15">
      <c r="B30" s="9"/>
      <c r="C30" s="8" t="s">
        <v>1465</v>
      </c>
      <c r="U30" s="20"/>
      <c r="V30" s="16"/>
      <c r="W30" s="16"/>
      <c r="X30" s="16"/>
      <c r="Y30" s="150"/>
    </row>
    <row r="31" spans="2:25" ht="18" customHeight="1" x14ac:dyDescent="0.15">
      <c r="B31" s="9"/>
      <c r="D31" s="8" t="s">
        <v>1433</v>
      </c>
      <c r="U31" s="20"/>
      <c r="V31" s="178" t="s">
        <v>0</v>
      </c>
      <c r="W31" s="178" t="s">
        <v>217</v>
      </c>
      <c r="X31" s="178" t="s">
        <v>0</v>
      </c>
      <c r="Y31" s="150"/>
    </row>
    <row r="32" spans="2:25" ht="18" customHeight="1" x14ac:dyDescent="0.15">
      <c r="B32" s="9"/>
      <c r="D32" s="8" t="s">
        <v>1432</v>
      </c>
      <c r="U32" s="20"/>
      <c r="V32" s="178" t="s">
        <v>0</v>
      </c>
      <c r="W32" s="178" t="s">
        <v>217</v>
      </c>
      <c r="X32" s="178" t="s">
        <v>0</v>
      </c>
      <c r="Y32" s="150"/>
    </row>
    <row r="33" spans="2:25" ht="18" customHeight="1" x14ac:dyDescent="0.15">
      <c r="B33" s="9"/>
      <c r="C33" s="8" t="s">
        <v>1464</v>
      </c>
      <c r="U33" s="20"/>
      <c r="V33" s="178" t="s">
        <v>0</v>
      </c>
      <c r="W33" s="178" t="s">
        <v>217</v>
      </c>
      <c r="X33" s="178" t="s">
        <v>0</v>
      </c>
      <c r="Y33" s="150"/>
    </row>
    <row r="34" spans="2:25" ht="18" customHeight="1" x14ac:dyDescent="0.15">
      <c r="B34" s="9"/>
      <c r="C34" s="8" t="s">
        <v>1463</v>
      </c>
      <c r="U34" s="20"/>
      <c r="V34" s="16"/>
      <c r="W34" s="16"/>
      <c r="X34" s="16"/>
      <c r="Y34" s="150"/>
    </row>
    <row r="35" spans="2:25" ht="18" customHeight="1" x14ac:dyDescent="0.15">
      <c r="B35" s="9"/>
      <c r="C35" s="8" t="s">
        <v>1462</v>
      </c>
      <c r="U35" s="20"/>
      <c r="V35" s="178" t="s">
        <v>0</v>
      </c>
      <c r="W35" s="178" t="s">
        <v>217</v>
      </c>
      <c r="X35" s="178" t="s">
        <v>0</v>
      </c>
      <c r="Y35" s="150"/>
    </row>
    <row r="36" spans="2:25" ht="18" customHeight="1" x14ac:dyDescent="0.15">
      <c r="B36" s="9"/>
      <c r="C36" s="8" t="s">
        <v>1461</v>
      </c>
      <c r="U36" s="20"/>
      <c r="V36" s="16"/>
      <c r="W36" s="16"/>
      <c r="X36" s="16"/>
      <c r="Y36" s="150"/>
    </row>
    <row r="37" spans="2:25" ht="18" customHeight="1" x14ac:dyDescent="0.15">
      <c r="B37" s="9"/>
      <c r="C37" s="8" t="s">
        <v>1460</v>
      </c>
      <c r="U37" s="20"/>
      <c r="V37" s="178" t="s">
        <v>0</v>
      </c>
      <c r="W37" s="178" t="s">
        <v>217</v>
      </c>
      <c r="X37" s="178" t="s">
        <v>0</v>
      </c>
      <c r="Y37" s="150"/>
    </row>
    <row r="38" spans="2:25" ht="18" customHeight="1" x14ac:dyDescent="0.15">
      <c r="B38" s="9"/>
      <c r="C38" s="8" t="s">
        <v>1426</v>
      </c>
      <c r="U38" s="20"/>
      <c r="V38" s="16"/>
      <c r="W38" s="16"/>
      <c r="X38" s="16"/>
      <c r="Y38" s="150"/>
    </row>
    <row r="39" spans="2:25" ht="18" customHeight="1" x14ac:dyDescent="0.15">
      <c r="B39" s="173"/>
      <c r="C39" s="172" t="s">
        <v>1459</v>
      </c>
      <c r="D39" s="172"/>
      <c r="E39" s="172"/>
      <c r="F39" s="172"/>
      <c r="G39" s="172"/>
      <c r="H39" s="172"/>
      <c r="I39" s="172"/>
      <c r="J39" s="172"/>
      <c r="K39" s="172"/>
      <c r="L39" s="172"/>
      <c r="M39" s="172"/>
      <c r="N39" s="172"/>
      <c r="O39" s="172"/>
      <c r="P39" s="172"/>
      <c r="Q39" s="172"/>
      <c r="R39" s="172"/>
      <c r="S39" s="172"/>
      <c r="T39" s="172"/>
      <c r="U39" s="288"/>
      <c r="V39" s="162"/>
      <c r="W39" s="162"/>
      <c r="X39" s="162"/>
      <c r="Y39" s="266"/>
    </row>
    <row r="40" spans="2:25" x14ac:dyDescent="0.15">
      <c r="B40" s="8" t="s">
        <v>248</v>
      </c>
    </row>
    <row r="41" spans="2:25" ht="14.25" customHeight="1" x14ac:dyDescent="0.15">
      <c r="B41" s="8" t="s">
        <v>247</v>
      </c>
    </row>
    <row r="43" spans="2:25" ht="14.25" customHeight="1" x14ac:dyDescent="0.15"/>
    <row r="121" spans="3:7" x14ac:dyDescent="0.15">
      <c r="C121" s="172"/>
      <c r="D121" s="172"/>
      <c r="E121" s="172"/>
      <c r="F121" s="172"/>
      <c r="G121" s="172"/>
    </row>
    <row r="122" spans="3:7" x14ac:dyDescent="0.15">
      <c r="C122" s="157"/>
    </row>
  </sheetData>
  <mergeCells count="13">
    <mergeCell ref="B9:H9"/>
    <mergeCell ref="D17:H17"/>
    <mergeCell ref="L17:N17"/>
    <mergeCell ref="D18:H18"/>
    <mergeCell ref="L18:N18"/>
    <mergeCell ref="B8:H8"/>
    <mergeCell ref="I8:Y8"/>
    <mergeCell ref="Q3:R3"/>
    <mergeCell ref="T3:U3"/>
    <mergeCell ref="W3:X3"/>
    <mergeCell ref="B5:Y5"/>
    <mergeCell ref="B7:H7"/>
    <mergeCell ref="I7:Y7"/>
  </mergeCells>
  <phoneticPr fontId="2"/>
  <dataValidations count="1">
    <dataValidation type="list" allowBlank="1" showInputMessage="1" showErrorMessage="1" sqref="I9 N9 S9 V14 X14 V20 X20 V22:V24 X22:X24 V26:V29 X26:X29 V31:V33 X31:X33 V35 X35 V37 X37">
      <formula1>"□,■"</formula1>
    </dataValidation>
  </dataValidations>
  <pageMargins left="0.7" right="0.7" top="0.75" bottom="0.75" header="0.3" footer="0.3"/>
  <pageSetup paperSize="9" scale="93" orientation="portrait" r:id="rId1"/>
</worksheet>
</file>

<file path=xl/worksheets/sheet5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AK123"/>
  <sheetViews>
    <sheetView zoomScaleNormal="100" workbookViewId="0">
      <selection activeCell="C87" sqref="C87"/>
    </sheetView>
  </sheetViews>
  <sheetFormatPr defaultColWidth="3.5" defaultRowHeight="13.5" x14ac:dyDescent="0.15"/>
  <cols>
    <col min="1" max="1" width="1.25" style="584" customWidth="1"/>
    <col min="2" max="2" width="3" style="585" customWidth="1"/>
    <col min="3" max="6" width="3.5" style="584"/>
    <col min="7" max="7" width="1.5" style="584" customWidth="1"/>
    <col min="8" max="23" width="3.5" style="584"/>
    <col min="24" max="29" width="4" style="584" customWidth="1"/>
    <col min="30" max="30" width="1.25" style="584" customWidth="1"/>
    <col min="31" max="16384" width="3.5" style="584"/>
  </cols>
  <sheetData>
    <row r="1" spans="2:37" s="589" customFormat="1" x14ac:dyDescent="0.15">
      <c r="B1" s="8"/>
      <c r="C1" s="8"/>
      <c r="D1" s="8"/>
      <c r="E1" s="8"/>
    </row>
    <row r="2" spans="2:37" s="589" customFormat="1" x14ac:dyDescent="0.15">
      <c r="B2" s="8" t="s">
        <v>1501</v>
      </c>
      <c r="C2" s="8"/>
      <c r="D2" s="8"/>
      <c r="E2" s="8"/>
    </row>
    <row r="3" spans="2:37" s="589" customFormat="1" x14ac:dyDescent="0.15">
      <c r="W3" s="619" t="s">
        <v>12</v>
      </c>
      <c r="X3" s="604"/>
      <c r="Y3" s="604" t="s">
        <v>11</v>
      </c>
      <c r="Z3" s="604"/>
      <c r="AA3" s="604" t="s">
        <v>21</v>
      </c>
      <c r="AB3" s="604"/>
      <c r="AC3" s="604" t="s">
        <v>20</v>
      </c>
    </row>
    <row r="4" spans="2:37" s="589" customFormat="1" x14ac:dyDescent="0.15">
      <c r="AC4" s="619"/>
    </row>
    <row r="5" spans="2:37" s="8" customFormat="1" ht="47.25" customHeight="1" x14ac:dyDescent="0.15">
      <c r="B5" s="807" t="s">
        <v>1500</v>
      </c>
      <c r="C5" s="778"/>
      <c r="D5" s="778"/>
      <c r="E5" s="778"/>
      <c r="F5" s="778"/>
      <c r="G5" s="778"/>
      <c r="H5" s="778"/>
      <c r="I5" s="778"/>
      <c r="J5" s="778"/>
      <c r="K5" s="778"/>
      <c r="L5" s="778"/>
      <c r="M5" s="778"/>
      <c r="N5" s="778"/>
      <c r="O5" s="778"/>
      <c r="P5" s="778"/>
      <c r="Q5" s="778"/>
      <c r="R5" s="778"/>
      <c r="S5" s="778"/>
      <c r="T5" s="778"/>
      <c r="U5" s="778"/>
      <c r="V5" s="778"/>
      <c r="W5" s="778"/>
      <c r="X5" s="778"/>
      <c r="Y5" s="778"/>
      <c r="Z5" s="778"/>
      <c r="AA5" s="778"/>
      <c r="AB5" s="778"/>
      <c r="AC5" s="778"/>
    </row>
    <row r="6" spans="2:37" s="589" customFormat="1" x14ac:dyDescent="0.15"/>
    <row r="7" spans="2:37" s="589" customFormat="1" ht="27" customHeight="1" x14ac:dyDescent="0.15">
      <c r="B7" s="1260" t="s">
        <v>576</v>
      </c>
      <c r="C7" s="1260"/>
      <c r="D7" s="1260"/>
      <c r="E7" s="1260"/>
      <c r="F7" s="1260"/>
      <c r="G7" s="1261"/>
      <c r="H7" s="1262"/>
      <c r="I7" s="1262"/>
      <c r="J7" s="1262"/>
      <c r="K7" s="1262"/>
      <c r="L7" s="1262"/>
      <c r="M7" s="1262"/>
      <c r="N7" s="1262"/>
      <c r="O7" s="1262"/>
      <c r="P7" s="1262"/>
      <c r="Q7" s="1262"/>
      <c r="R7" s="1262"/>
      <c r="S7" s="1262"/>
      <c r="T7" s="1262"/>
      <c r="U7" s="1262"/>
      <c r="V7" s="1262"/>
      <c r="W7" s="1262"/>
      <c r="X7" s="1262"/>
      <c r="Y7" s="1262"/>
      <c r="Z7" s="1262"/>
      <c r="AA7" s="1262"/>
      <c r="AB7" s="1262"/>
      <c r="AC7" s="1263"/>
    </row>
    <row r="8" spans="2:37" ht="27" customHeight="1" x14ac:dyDescent="0.15">
      <c r="B8" s="1251" t="s">
        <v>575</v>
      </c>
      <c r="C8" s="1252"/>
      <c r="D8" s="1252"/>
      <c r="E8" s="1252"/>
      <c r="F8" s="1264"/>
      <c r="G8" s="618"/>
      <c r="H8" s="179" t="s">
        <v>0</v>
      </c>
      <c r="I8" s="168" t="s">
        <v>242</v>
      </c>
      <c r="J8" s="168"/>
      <c r="K8" s="168"/>
      <c r="L8" s="168"/>
      <c r="M8" s="179" t="s">
        <v>0</v>
      </c>
      <c r="N8" s="168" t="s">
        <v>241</v>
      </c>
      <c r="O8" s="168"/>
      <c r="P8" s="168"/>
      <c r="Q8" s="168"/>
      <c r="R8" s="179" t="s">
        <v>0</v>
      </c>
      <c r="S8" s="168" t="s">
        <v>240</v>
      </c>
      <c r="T8" s="168"/>
      <c r="U8" s="617"/>
      <c r="V8" s="617"/>
      <c r="W8" s="617"/>
      <c r="X8" s="617"/>
      <c r="Y8" s="617"/>
      <c r="Z8" s="617"/>
      <c r="AA8" s="617"/>
      <c r="AB8" s="617"/>
      <c r="AC8" s="616"/>
    </row>
    <row r="9" spans="2:37" ht="27" customHeight="1" x14ac:dyDescent="0.15">
      <c r="B9" s="1251" t="s">
        <v>1314</v>
      </c>
      <c r="C9" s="1252"/>
      <c r="D9" s="1252"/>
      <c r="E9" s="1252"/>
      <c r="F9" s="1264"/>
      <c r="G9" s="618"/>
      <c r="H9" s="179" t="s">
        <v>0</v>
      </c>
      <c r="I9" s="168" t="s">
        <v>238</v>
      </c>
      <c r="J9" s="168"/>
      <c r="K9" s="168"/>
      <c r="L9" s="168"/>
      <c r="M9" s="168"/>
      <c r="N9" s="168"/>
      <c r="O9" s="168"/>
      <c r="P9" s="168"/>
      <c r="Q9" s="168"/>
      <c r="R9" s="179" t="s">
        <v>0</v>
      </c>
      <c r="S9" s="168" t="s">
        <v>921</v>
      </c>
      <c r="T9" s="168"/>
      <c r="U9" s="617"/>
      <c r="V9" s="617"/>
      <c r="W9" s="617"/>
      <c r="X9" s="617"/>
      <c r="Y9" s="617"/>
      <c r="Z9" s="617"/>
      <c r="AA9" s="617"/>
      <c r="AB9" s="617"/>
      <c r="AC9" s="616"/>
    </row>
    <row r="10" spans="2:37" ht="27" customHeight="1" x14ac:dyDescent="0.15">
      <c r="B10" s="1251" t="s">
        <v>1499</v>
      </c>
      <c r="C10" s="1252"/>
      <c r="D10" s="1252"/>
      <c r="E10" s="1252"/>
      <c r="F10" s="1252"/>
      <c r="G10" s="618"/>
      <c r="H10" s="179" t="s">
        <v>0</v>
      </c>
      <c r="I10" s="168" t="s">
        <v>1498</v>
      </c>
      <c r="J10" s="168"/>
      <c r="K10" s="168"/>
      <c r="L10" s="168"/>
      <c r="M10" s="168"/>
      <c r="N10" s="168"/>
      <c r="O10" s="168"/>
      <c r="P10" s="168"/>
      <c r="Q10" s="168"/>
      <c r="R10" s="179" t="s">
        <v>0</v>
      </c>
      <c r="S10" s="168" t="s">
        <v>1497</v>
      </c>
      <c r="T10" s="168"/>
      <c r="U10" s="617"/>
      <c r="V10" s="617"/>
      <c r="W10" s="617"/>
      <c r="X10" s="617"/>
      <c r="Y10" s="617"/>
      <c r="Z10" s="617"/>
      <c r="AA10" s="617"/>
      <c r="AB10" s="617"/>
      <c r="AC10" s="616"/>
    </row>
    <row r="11" spans="2:37" s="589" customFormat="1" x14ac:dyDescent="0.15"/>
    <row r="12" spans="2:37" s="589" customFormat="1" ht="10.5" customHeight="1" x14ac:dyDescent="0.15">
      <c r="B12" s="615"/>
      <c r="C12" s="614"/>
      <c r="D12" s="614"/>
      <c r="E12" s="614"/>
      <c r="F12" s="613"/>
      <c r="G12" s="614"/>
      <c r="H12" s="614"/>
      <c r="I12" s="614"/>
      <c r="J12" s="614"/>
      <c r="K12" s="614"/>
      <c r="L12" s="614"/>
      <c r="M12" s="614"/>
      <c r="N12" s="614"/>
      <c r="O12" s="614"/>
      <c r="P12" s="614"/>
      <c r="Q12" s="614"/>
      <c r="R12" s="614"/>
      <c r="S12" s="614"/>
      <c r="T12" s="614"/>
      <c r="U12" s="614"/>
      <c r="V12" s="614"/>
      <c r="W12" s="614"/>
      <c r="X12" s="614"/>
      <c r="Y12" s="614"/>
      <c r="Z12" s="614"/>
      <c r="AA12" s="615"/>
      <c r="AB12" s="614"/>
      <c r="AC12" s="613"/>
    </row>
    <row r="13" spans="2:37" s="589" customFormat="1" ht="40.5" customHeight="1" x14ac:dyDescent="0.15">
      <c r="B13" s="1258" t="s">
        <v>1496</v>
      </c>
      <c r="C13" s="1247"/>
      <c r="D13" s="1247"/>
      <c r="E13" s="1247"/>
      <c r="F13" s="1259"/>
      <c r="H13" s="1247" t="s">
        <v>1495</v>
      </c>
      <c r="I13" s="1247"/>
      <c r="J13" s="1247"/>
      <c r="K13" s="1247"/>
      <c r="L13" s="1247"/>
      <c r="M13" s="1247"/>
      <c r="N13" s="1247"/>
      <c r="O13" s="1247"/>
      <c r="P13" s="1247"/>
      <c r="Q13" s="1247"/>
      <c r="R13" s="1247"/>
      <c r="S13" s="1247"/>
      <c r="T13" s="1247"/>
      <c r="U13" s="1247"/>
      <c r="V13" s="1247"/>
      <c r="W13" s="1247"/>
      <c r="X13" s="1247"/>
      <c r="Y13" s="1247"/>
      <c r="AA13" s="612"/>
      <c r="AC13" s="611"/>
      <c r="AK13" s="593"/>
    </row>
    <row r="14" spans="2:37" s="589" customFormat="1" ht="27" customHeight="1" x14ac:dyDescent="0.15">
      <c r="B14" s="1258"/>
      <c r="C14" s="1247"/>
      <c r="D14" s="1247"/>
      <c r="E14" s="1247"/>
      <c r="F14" s="1259"/>
      <c r="V14" s="604"/>
      <c r="W14" s="604"/>
      <c r="X14" s="604"/>
      <c r="Y14" s="604"/>
      <c r="AA14" s="340" t="s">
        <v>227</v>
      </c>
      <c r="AB14" s="152" t="s">
        <v>217</v>
      </c>
      <c r="AC14" s="339" t="s">
        <v>226</v>
      </c>
      <c r="AK14" s="593"/>
    </row>
    <row r="15" spans="2:37" s="589" customFormat="1" ht="40.5" customHeight="1" x14ac:dyDescent="0.15">
      <c r="B15" s="1258"/>
      <c r="C15" s="1247"/>
      <c r="D15" s="1247"/>
      <c r="E15" s="1247"/>
      <c r="F15" s="1259"/>
      <c r="H15" s="607" t="s">
        <v>279</v>
      </c>
      <c r="I15" s="1248" t="s">
        <v>1494</v>
      </c>
      <c r="J15" s="1249"/>
      <c r="K15" s="1249"/>
      <c r="L15" s="1249"/>
      <c r="M15" s="1249"/>
      <c r="N15" s="1249"/>
      <c r="O15" s="1249"/>
      <c r="P15" s="1249"/>
      <c r="Q15" s="1249"/>
      <c r="R15" s="1250"/>
      <c r="S15" s="1251"/>
      <c r="T15" s="1252"/>
      <c r="U15" s="594" t="s">
        <v>175</v>
      </c>
      <c r="V15" s="604"/>
      <c r="W15" s="604"/>
      <c r="X15" s="604"/>
      <c r="Y15" s="604"/>
      <c r="AA15" s="20"/>
      <c r="AB15" s="18"/>
      <c r="AC15" s="150"/>
      <c r="AK15" s="593"/>
    </row>
    <row r="16" spans="2:37" s="589" customFormat="1" ht="40.5" customHeight="1" x14ac:dyDescent="0.15">
      <c r="B16" s="1258"/>
      <c r="C16" s="1247"/>
      <c r="D16" s="1247"/>
      <c r="E16" s="1247"/>
      <c r="F16" s="1259"/>
      <c r="H16" s="607" t="s">
        <v>277</v>
      </c>
      <c r="I16" s="1248" t="s">
        <v>1493</v>
      </c>
      <c r="J16" s="1249"/>
      <c r="K16" s="1249"/>
      <c r="L16" s="1249"/>
      <c r="M16" s="1249"/>
      <c r="N16" s="1249"/>
      <c r="O16" s="1249"/>
      <c r="P16" s="1249"/>
      <c r="Q16" s="1249"/>
      <c r="R16" s="1250"/>
      <c r="S16" s="1251"/>
      <c r="T16" s="1252"/>
      <c r="U16" s="594" t="s">
        <v>175</v>
      </c>
      <c r="V16" s="589" t="s">
        <v>275</v>
      </c>
      <c r="W16" s="1253" t="s">
        <v>1492</v>
      </c>
      <c r="X16" s="1253"/>
      <c r="Y16" s="1253"/>
      <c r="AA16" s="291" t="s">
        <v>0</v>
      </c>
      <c r="AB16" s="178" t="s">
        <v>217</v>
      </c>
      <c r="AC16" s="338" t="s">
        <v>0</v>
      </c>
      <c r="AK16" s="593"/>
    </row>
    <row r="17" spans="2:37" s="589" customFormat="1" ht="40.5" customHeight="1" x14ac:dyDescent="0.15">
      <c r="B17" s="1258"/>
      <c r="C17" s="1247"/>
      <c r="D17" s="1247"/>
      <c r="E17" s="1247"/>
      <c r="F17" s="1259"/>
      <c r="H17" s="607" t="s">
        <v>293</v>
      </c>
      <c r="I17" s="1248" t="s">
        <v>1491</v>
      </c>
      <c r="J17" s="1249"/>
      <c r="K17" s="1249"/>
      <c r="L17" s="1249"/>
      <c r="M17" s="1249"/>
      <c r="N17" s="1249"/>
      <c r="O17" s="1249"/>
      <c r="P17" s="1249"/>
      <c r="Q17" s="1249"/>
      <c r="R17" s="1250"/>
      <c r="S17" s="1251"/>
      <c r="T17" s="1252"/>
      <c r="U17" s="594" t="s">
        <v>175</v>
      </c>
      <c r="V17" s="589" t="s">
        <v>275</v>
      </c>
      <c r="W17" s="1253" t="s">
        <v>1490</v>
      </c>
      <c r="X17" s="1253"/>
      <c r="Y17" s="1253"/>
      <c r="AA17" s="291" t="s">
        <v>0</v>
      </c>
      <c r="AB17" s="178" t="s">
        <v>217</v>
      </c>
      <c r="AC17" s="338" t="s">
        <v>0</v>
      </c>
      <c r="AK17" s="593"/>
    </row>
    <row r="18" spans="2:37" s="589" customFormat="1" ht="40.5" customHeight="1" x14ac:dyDescent="0.15">
      <c r="B18" s="610"/>
      <c r="C18" s="609"/>
      <c r="D18" s="609"/>
      <c r="E18" s="609"/>
      <c r="F18" s="608"/>
      <c r="H18" s="607" t="s">
        <v>513</v>
      </c>
      <c r="I18" s="1248" t="s">
        <v>1489</v>
      </c>
      <c r="J18" s="1249"/>
      <c r="K18" s="1249"/>
      <c r="L18" s="1249"/>
      <c r="M18" s="1249"/>
      <c r="N18" s="1249"/>
      <c r="O18" s="1249"/>
      <c r="P18" s="1249"/>
      <c r="Q18" s="1249"/>
      <c r="R18" s="1250"/>
      <c r="S18" s="1251"/>
      <c r="T18" s="1252"/>
      <c r="U18" s="594" t="s">
        <v>175</v>
      </c>
      <c r="W18" s="603"/>
      <c r="X18" s="603"/>
      <c r="Y18" s="603"/>
      <c r="AA18" s="602"/>
      <c r="AB18" s="601"/>
      <c r="AC18" s="600"/>
      <c r="AK18" s="593"/>
    </row>
    <row r="19" spans="2:37" s="589" customFormat="1" ht="40.5" customHeight="1" x14ac:dyDescent="0.15">
      <c r="B19" s="599"/>
      <c r="C19" s="598"/>
      <c r="D19" s="598"/>
      <c r="E19" s="598"/>
      <c r="F19" s="597"/>
      <c r="H19" s="607" t="s">
        <v>511</v>
      </c>
      <c r="I19" s="1248" t="s">
        <v>1488</v>
      </c>
      <c r="J19" s="1249"/>
      <c r="K19" s="1249"/>
      <c r="L19" s="1249"/>
      <c r="M19" s="1249"/>
      <c r="N19" s="1249"/>
      <c r="O19" s="1249"/>
      <c r="P19" s="1249"/>
      <c r="Q19" s="1249"/>
      <c r="R19" s="1250"/>
      <c r="S19" s="1251"/>
      <c r="T19" s="1252"/>
      <c r="U19" s="594" t="s">
        <v>175</v>
      </c>
      <c r="V19" s="589" t="s">
        <v>275</v>
      </c>
      <c r="W19" s="1253" t="s">
        <v>1487</v>
      </c>
      <c r="X19" s="1253"/>
      <c r="Y19" s="1253"/>
      <c r="AA19" s="291" t="s">
        <v>0</v>
      </c>
      <c r="AB19" s="178" t="s">
        <v>217</v>
      </c>
      <c r="AC19" s="338" t="s">
        <v>0</v>
      </c>
      <c r="AK19" s="593"/>
    </row>
    <row r="20" spans="2:37" s="589" customFormat="1" x14ac:dyDescent="0.15">
      <c r="B20" s="599"/>
      <c r="C20" s="598"/>
      <c r="D20" s="598"/>
      <c r="E20" s="598"/>
      <c r="F20" s="597"/>
      <c r="H20" s="601"/>
      <c r="I20" s="605"/>
      <c r="J20" s="605"/>
      <c r="K20" s="605"/>
      <c r="L20" s="605"/>
      <c r="M20" s="605"/>
      <c r="N20" s="605"/>
      <c r="O20" s="605"/>
      <c r="P20" s="605"/>
      <c r="Q20" s="605"/>
      <c r="R20" s="605"/>
      <c r="U20" s="604"/>
      <c r="W20" s="603"/>
      <c r="X20" s="603"/>
      <c r="Y20" s="603"/>
      <c r="AA20" s="602"/>
      <c r="AB20" s="601"/>
      <c r="AC20" s="600"/>
      <c r="AK20" s="593"/>
    </row>
    <row r="21" spans="2:37" s="589" customFormat="1" x14ac:dyDescent="0.15">
      <c r="B21" s="599"/>
      <c r="C21" s="598"/>
      <c r="D21" s="598"/>
      <c r="E21" s="598"/>
      <c r="F21" s="597"/>
      <c r="H21" s="606" t="s">
        <v>1293</v>
      </c>
      <c r="I21" s="605"/>
      <c r="J21" s="605"/>
      <c r="K21" s="605"/>
      <c r="L21" s="605"/>
      <c r="M21" s="605"/>
      <c r="N21" s="605"/>
      <c r="O21" s="605"/>
      <c r="P21" s="605"/>
      <c r="Q21" s="605"/>
      <c r="R21" s="605"/>
      <c r="U21" s="604"/>
      <c r="W21" s="603"/>
      <c r="X21" s="603"/>
      <c r="Y21" s="603"/>
      <c r="AA21" s="602"/>
      <c r="AB21" s="601"/>
      <c r="AC21" s="600"/>
      <c r="AK21" s="593"/>
    </row>
    <row r="22" spans="2:37" s="589" customFormat="1" ht="58.5" customHeight="1" x14ac:dyDescent="0.15">
      <c r="B22" s="599"/>
      <c r="C22" s="598"/>
      <c r="D22" s="598"/>
      <c r="E22" s="598"/>
      <c r="F22" s="597"/>
      <c r="H22" s="1254" t="s">
        <v>1486</v>
      </c>
      <c r="I22" s="1255"/>
      <c r="J22" s="1255"/>
      <c r="K22" s="1255"/>
      <c r="L22" s="1256"/>
      <c r="M22" s="596" t="s">
        <v>1291</v>
      </c>
      <c r="N22" s="595"/>
      <c r="O22" s="595"/>
      <c r="P22" s="1257"/>
      <c r="Q22" s="1257"/>
      <c r="R22" s="1257"/>
      <c r="S22" s="1257"/>
      <c r="T22" s="1257"/>
      <c r="U22" s="594" t="s">
        <v>175</v>
      </c>
      <c r="V22" s="589" t="s">
        <v>275</v>
      </c>
      <c r="W22" s="1253" t="s">
        <v>1485</v>
      </c>
      <c r="X22" s="1253"/>
      <c r="Y22" s="1253"/>
      <c r="AA22" s="291" t="s">
        <v>0</v>
      </c>
      <c r="AB22" s="178" t="s">
        <v>217</v>
      </c>
      <c r="AC22" s="338" t="s">
        <v>0</v>
      </c>
      <c r="AK22" s="593"/>
    </row>
    <row r="23" spans="2:37" s="589" customFormat="1" x14ac:dyDescent="0.15">
      <c r="B23" s="592"/>
      <c r="C23" s="591"/>
      <c r="D23" s="591"/>
      <c r="E23" s="591"/>
      <c r="F23" s="590"/>
      <c r="G23" s="591"/>
      <c r="H23" s="591"/>
      <c r="I23" s="591"/>
      <c r="J23" s="591"/>
      <c r="K23" s="591"/>
      <c r="L23" s="591"/>
      <c r="M23" s="591"/>
      <c r="N23" s="591"/>
      <c r="O23" s="591"/>
      <c r="P23" s="591"/>
      <c r="Q23" s="591"/>
      <c r="R23" s="591"/>
      <c r="S23" s="591"/>
      <c r="T23" s="591"/>
      <c r="U23" s="591"/>
      <c r="V23" s="591"/>
      <c r="W23" s="591"/>
      <c r="X23" s="591"/>
      <c r="Y23" s="591"/>
      <c r="Z23" s="591"/>
      <c r="AA23" s="592"/>
      <c r="AB23" s="591"/>
      <c r="AC23" s="590"/>
    </row>
    <row r="24" spans="2:37" s="8" customFormat="1" ht="38.25" customHeight="1" x14ac:dyDescent="0.15">
      <c r="B24" s="938" t="s">
        <v>1484</v>
      </c>
      <c r="C24" s="938"/>
      <c r="D24" s="938"/>
      <c r="E24" s="938"/>
      <c r="F24" s="938"/>
      <c r="G24" s="938"/>
      <c r="H24" s="938"/>
      <c r="I24" s="938"/>
      <c r="J24" s="938"/>
      <c r="K24" s="938"/>
      <c r="L24" s="938"/>
      <c r="M24" s="938"/>
      <c r="N24" s="938"/>
      <c r="O24" s="938"/>
      <c r="P24" s="938"/>
      <c r="Q24" s="938"/>
      <c r="R24" s="938"/>
      <c r="S24" s="938"/>
      <c r="T24" s="938"/>
      <c r="U24" s="938"/>
      <c r="V24" s="938"/>
      <c r="W24" s="938"/>
      <c r="X24" s="938"/>
      <c r="Y24" s="938"/>
      <c r="Z24" s="938"/>
      <c r="AA24" s="938"/>
      <c r="AB24" s="938"/>
      <c r="AC24" s="938"/>
    </row>
    <row r="25" spans="2:37" s="589" customFormat="1" ht="47.25" customHeight="1" x14ac:dyDescent="0.15">
      <c r="B25" s="1247" t="s">
        <v>1483</v>
      </c>
      <c r="C25" s="1247"/>
      <c r="D25" s="1247"/>
      <c r="E25" s="1247"/>
      <c r="F25" s="1247"/>
      <c r="G25" s="1247"/>
      <c r="H25" s="1247"/>
      <c r="I25" s="1247"/>
      <c r="J25" s="1247"/>
      <c r="K25" s="1247"/>
      <c r="L25" s="1247"/>
      <c r="M25" s="1247"/>
      <c r="N25" s="1247"/>
      <c r="O25" s="1247"/>
      <c r="P25" s="1247"/>
      <c r="Q25" s="1247"/>
      <c r="R25" s="1247"/>
      <c r="S25" s="1247"/>
      <c r="T25" s="1247"/>
      <c r="U25" s="1247"/>
      <c r="V25" s="1247"/>
      <c r="W25" s="1247"/>
      <c r="X25" s="1247"/>
      <c r="Y25" s="1247"/>
      <c r="Z25" s="1247"/>
      <c r="AA25" s="1247"/>
      <c r="AB25" s="1247"/>
      <c r="AC25" s="1247"/>
    </row>
    <row r="26" spans="2:37" s="589" customFormat="1" x14ac:dyDescent="0.15">
      <c r="B26" s="588"/>
      <c r="C26" s="588"/>
      <c r="D26" s="588"/>
      <c r="E26" s="588"/>
      <c r="F26" s="588"/>
      <c r="G26" s="588"/>
      <c r="H26" s="588"/>
      <c r="I26" s="588"/>
      <c r="J26" s="588"/>
      <c r="K26" s="588"/>
      <c r="L26" s="588"/>
      <c r="M26" s="588"/>
      <c r="N26" s="588"/>
      <c r="O26" s="588"/>
      <c r="P26" s="588"/>
      <c r="Q26" s="588"/>
      <c r="R26" s="588"/>
      <c r="S26" s="588"/>
      <c r="T26" s="588"/>
      <c r="U26" s="588"/>
      <c r="V26" s="588"/>
      <c r="W26" s="588"/>
      <c r="X26" s="588"/>
      <c r="Y26" s="588"/>
      <c r="Z26" s="588"/>
      <c r="AA26" s="588"/>
      <c r="AB26" s="588"/>
      <c r="AC26" s="588"/>
    </row>
    <row r="27" spans="2:37" s="588" customFormat="1" x14ac:dyDescent="0.15"/>
    <row r="38" spans="3:32" x14ac:dyDescent="0.15">
      <c r="C38" s="587"/>
      <c r="D38" s="587"/>
      <c r="E38" s="587"/>
      <c r="F38" s="587"/>
      <c r="G38" s="587"/>
      <c r="H38" s="587"/>
      <c r="I38" s="587"/>
      <c r="J38" s="587"/>
      <c r="K38" s="587"/>
      <c r="L38" s="587"/>
      <c r="M38" s="587"/>
      <c r="N38" s="587"/>
      <c r="O38" s="587"/>
      <c r="P38" s="587"/>
      <c r="Q38" s="587"/>
      <c r="R38" s="587"/>
      <c r="S38" s="587"/>
      <c r="T38" s="587"/>
      <c r="U38" s="587"/>
      <c r="V38" s="587"/>
      <c r="W38" s="587"/>
      <c r="X38" s="587"/>
      <c r="Y38" s="587"/>
      <c r="Z38" s="587"/>
      <c r="AA38" s="587"/>
      <c r="AB38" s="587"/>
      <c r="AC38" s="587"/>
      <c r="AD38" s="587"/>
      <c r="AE38" s="587"/>
      <c r="AF38" s="587"/>
    </row>
    <row r="39" spans="3:32" x14ac:dyDescent="0.15">
      <c r="C39" s="586"/>
    </row>
    <row r="122" spans="3:7" x14ac:dyDescent="0.15">
      <c r="C122" s="587"/>
      <c r="D122" s="587"/>
      <c r="E122" s="587"/>
      <c r="F122" s="587"/>
      <c r="G122" s="587"/>
    </row>
    <row r="123" spans="3:7" x14ac:dyDescent="0.15">
      <c r="C123" s="586"/>
    </row>
  </sheetData>
  <mergeCells count="26">
    <mergeCell ref="B10:F10"/>
    <mergeCell ref="B5:AC5"/>
    <mergeCell ref="B7:F7"/>
    <mergeCell ref="G7:AC7"/>
    <mergeCell ref="B8:F8"/>
    <mergeCell ref="B9:F9"/>
    <mergeCell ref="B13:F17"/>
    <mergeCell ref="H13:Y13"/>
    <mergeCell ref="I15:R15"/>
    <mergeCell ref="S15:T15"/>
    <mergeCell ref="I16:R16"/>
    <mergeCell ref="S16:T16"/>
    <mergeCell ref="W16:Y16"/>
    <mergeCell ref="I17:R17"/>
    <mergeCell ref="S17:T17"/>
    <mergeCell ref="W17:Y17"/>
    <mergeCell ref="B24:AC24"/>
    <mergeCell ref="B25:AC25"/>
    <mergeCell ref="I18:R18"/>
    <mergeCell ref="S18:T18"/>
    <mergeCell ref="I19:R19"/>
    <mergeCell ref="S19:T19"/>
    <mergeCell ref="W19:Y19"/>
    <mergeCell ref="H22:L22"/>
    <mergeCell ref="P22:T22"/>
    <mergeCell ref="W22:Y22"/>
  </mergeCells>
  <phoneticPr fontId="2"/>
  <dataValidations count="1">
    <dataValidation type="list" allowBlank="1" showInputMessage="1" showErrorMessage="1" sqref="H8:H10 M8 R8:R10 AA16:AA17 AC16:AC17 AA19 AC19 AA22 AC22">
      <formula1>"□,■"</formula1>
    </dataValidation>
  </dataValidations>
  <pageMargins left="0.7" right="0.7" top="0.75" bottom="0.75" header="0.3" footer="0.3"/>
  <pageSetup paperSize="9" scale="88" orientation="portrait" r:id="rId1"/>
</worksheet>
</file>

<file path=xl/worksheets/sheet5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H123"/>
  <sheetViews>
    <sheetView zoomScaleNormal="100" workbookViewId="0">
      <selection activeCell="C87" sqref="C87"/>
    </sheetView>
  </sheetViews>
  <sheetFormatPr defaultColWidth="3.5" defaultRowHeight="13.5" x14ac:dyDescent="0.15"/>
  <cols>
    <col min="1" max="1" width="1.25" style="3" customWidth="1"/>
    <col min="2" max="2" width="3" style="140" customWidth="1"/>
    <col min="3" max="6" width="3.5" style="3"/>
    <col min="7" max="7" width="1.5" style="3" customWidth="1"/>
    <col min="8" max="27" width="3.5" style="3"/>
    <col min="28" max="29" width="4" style="3" customWidth="1"/>
    <col min="30" max="30" width="7.5" style="3" customWidth="1"/>
    <col min="31" max="33" width="4" style="3" customWidth="1"/>
    <col min="34" max="34" width="1.25" style="3" customWidth="1"/>
    <col min="35" max="16384" width="3.5" style="3"/>
  </cols>
  <sheetData>
    <row r="1" spans="2:33" s="8" customFormat="1" x14ac:dyDescent="0.15"/>
    <row r="2" spans="2:33" s="8" customFormat="1" x14ac:dyDescent="0.15">
      <c r="B2" s="8" t="s">
        <v>1516</v>
      </c>
    </row>
    <row r="3" spans="2:33" s="8" customFormat="1" x14ac:dyDescent="0.15">
      <c r="AA3" s="17" t="s">
        <v>12</v>
      </c>
      <c r="AB3" s="18"/>
      <c r="AC3" s="18" t="s">
        <v>11</v>
      </c>
      <c r="AD3" s="18"/>
      <c r="AE3" s="18" t="s">
        <v>21</v>
      </c>
      <c r="AF3" s="18"/>
      <c r="AG3" s="18" t="s">
        <v>20</v>
      </c>
    </row>
    <row r="4" spans="2:33" s="8" customFormat="1" x14ac:dyDescent="0.15">
      <c r="AG4" s="17"/>
    </row>
    <row r="5" spans="2:33" s="8" customFormat="1" ht="24.75" customHeight="1" x14ac:dyDescent="0.15">
      <c r="B5" s="807" t="s">
        <v>1515</v>
      </c>
      <c r="C5" s="778"/>
      <c r="D5" s="778"/>
      <c r="E5" s="778"/>
      <c r="F5" s="778"/>
      <c r="G5" s="778"/>
      <c r="H5" s="778"/>
      <c r="I5" s="778"/>
      <c r="J5" s="778"/>
      <c r="K5" s="778"/>
      <c r="L5" s="778"/>
      <c r="M5" s="778"/>
      <c r="N5" s="778"/>
      <c r="O5" s="778"/>
      <c r="P5" s="778"/>
      <c r="Q5" s="778"/>
      <c r="R5" s="778"/>
      <c r="S5" s="778"/>
      <c r="T5" s="778"/>
      <c r="U5" s="778"/>
      <c r="V5" s="778"/>
      <c r="W5" s="778"/>
      <c r="X5" s="778"/>
      <c r="Y5" s="778"/>
      <c r="Z5" s="778"/>
      <c r="AA5" s="778"/>
      <c r="AB5" s="778"/>
      <c r="AC5" s="778"/>
      <c r="AD5" s="778"/>
      <c r="AE5" s="778"/>
      <c r="AF5" s="778"/>
      <c r="AG5" s="778"/>
    </row>
    <row r="6" spans="2:33" s="8" customFormat="1" x14ac:dyDescent="0.15"/>
    <row r="7" spans="2:33" s="8" customFormat="1" ht="27" customHeight="1" x14ac:dyDescent="0.15">
      <c r="B7" s="790" t="s">
        <v>576</v>
      </c>
      <c r="C7" s="790"/>
      <c r="D7" s="790"/>
      <c r="E7" s="790"/>
      <c r="F7" s="790"/>
      <c r="G7" s="791"/>
      <c r="H7" s="792"/>
      <c r="I7" s="792"/>
      <c r="J7" s="792"/>
      <c r="K7" s="792"/>
      <c r="L7" s="792"/>
      <c r="M7" s="792"/>
      <c r="N7" s="792"/>
      <c r="O7" s="792"/>
      <c r="P7" s="792"/>
      <c r="Q7" s="792"/>
      <c r="R7" s="792"/>
      <c r="S7" s="792"/>
      <c r="T7" s="792"/>
      <c r="U7" s="792"/>
      <c r="V7" s="792"/>
      <c r="W7" s="792"/>
      <c r="X7" s="792"/>
      <c r="Y7" s="792"/>
      <c r="Z7" s="792"/>
      <c r="AA7" s="792"/>
      <c r="AB7" s="792"/>
      <c r="AC7" s="792"/>
      <c r="AD7" s="792"/>
      <c r="AE7" s="792"/>
      <c r="AF7" s="792"/>
      <c r="AG7" s="793"/>
    </row>
    <row r="8" spans="2:33" ht="27" customHeight="1" x14ac:dyDescent="0.15">
      <c r="B8" s="780" t="s">
        <v>575</v>
      </c>
      <c r="C8" s="781"/>
      <c r="D8" s="781"/>
      <c r="E8" s="781"/>
      <c r="F8" s="782"/>
      <c r="G8" s="247"/>
      <c r="H8" s="179" t="s">
        <v>0</v>
      </c>
      <c r="I8" s="168" t="s">
        <v>242</v>
      </c>
      <c r="J8" s="168"/>
      <c r="K8" s="168"/>
      <c r="L8" s="168"/>
      <c r="M8" s="179" t="s">
        <v>0</v>
      </c>
      <c r="N8" s="168" t="s">
        <v>241</v>
      </c>
      <c r="O8" s="168"/>
      <c r="P8" s="168"/>
      <c r="Q8" s="168"/>
      <c r="R8" s="179" t="s">
        <v>0</v>
      </c>
      <c r="S8" s="168" t="s">
        <v>240</v>
      </c>
      <c r="T8" s="168"/>
      <c r="U8" s="168"/>
      <c r="V8" s="168"/>
      <c r="W8" s="168"/>
      <c r="X8" s="168"/>
      <c r="Y8" s="168"/>
      <c r="Z8" s="168"/>
      <c r="AA8" s="168"/>
      <c r="AB8" s="168"/>
      <c r="AC8" s="168"/>
      <c r="AD8" s="168"/>
      <c r="AE8" s="168"/>
      <c r="AF8" s="168"/>
      <c r="AG8" s="167"/>
    </row>
    <row r="9" spans="2:33" ht="27" customHeight="1" x14ac:dyDescent="0.15">
      <c r="B9" s="780" t="s">
        <v>1314</v>
      </c>
      <c r="C9" s="781"/>
      <c r="D9" s="781"/>
      <c r="E9" s="781"/>
      <c r="F9" s="782"/>
      <c r="G9" s="247"/>
      <c r="H9" s="179" t="s">
        <v>0</v>
      </c>
      <c r="I9" s="168" t="s">
        <v>238</v>
      </c>
      <c r="J9" s="168"/>
      <c r="K9" s="168"/>
      <c r="L9" s="168"/>
      <c r="M9" s="168"/>
      <c r="N9" s="168"/>
      <c r="O9" s="168"/>
      <c r="P9" s="168"/>
      <c r="Q9" s="168"/>
      <c r="R9" s="179" t="s">
        <v>0</v>
      </c>
      <c r="S9" s="168" t="s">
        <v>921</v>
      </c>
      <c r="T9" s="168"/>
      <c r="U9" s="162"/>
      <c r="V9" s="168"/>
      <c r="W9" s="168"/>
      <c r="X9" s="168"/>
      <c r="Y9" s="168"/>
      <c r="Z9" s="168"/>
      <c r="AA9" s="168"/>
      <c r="AB9" s="168"/>
      <c r="AC9" s="168"/>
      <c r="AD9" s="168"/>
      <c r="AE9" s="168"/>
      <c r="AF9" s="168"/>
      <c r="AG9" s="167"/>
    </row>
    <row r="10" spans="2:33" ht="27" customHeight="1" x14ac:dyDescent="0.15">
      <c r="B10" s="780" t="s">
        <v>1499</v>
      </c>
      <c r="C10" s="781"/>
      <c r="D10" s="781"/>
      <c r="E10" s="781"/>
      <c r="F10" s="781"/>
      <c r="G10" s="247"/>
      <c r="H10" s="179" t="s">
        <v>0</v>
      </c>
      <c r="I10" s="168" t="s">
        <v>1498</v>
      </c>
      <c r="J10" s="168"/>
      <c r="K10" s="168"/>
      <c r="L10" s="168"/>
      <c r="M10" s="168"/>
      <c r="N10" s="168"/>
      <c r="O10" s="168"/>
      <c r="P10" s="168"/>
      <c r="Q10" s="168"/>
      <c r="R10" s="179" t="s">
        <v>0</v>
      </c>
      <c r="S10" s="168" t="s">
        <v>1497</v>
      </c>
      <c r="T10" s="168"/>
      <c r="U10" s="168"/>
      <c r="V10" s="168"/>
      <c r="W10" s="168"/>
      <c r="X10" s="168"/>
      <c r="Y10" s="168"/>
      <c r="Z10" s="168"/>
      <c r="AA10" s="168"/>
      <c r="AB10" s="168"/>
      <c r="AC10" s="168"/>
      <c r="AD10" s="168"/>
      <c r="AE10" s="168"/>
      <c r="AF10" s="168"/>
      <c r="AG10" s="167"/>
    </row>
    <row r="11" spans="2:33" s="8" customFormat="1" x14ac:dyDescent="0.15"/>
    <row r="12" spans="2:33" s="8" customFormat="1" ht="10.5" customHeight="1" x14ac:dyDescent="0.15">
      <c r="B12" s="158"/>
      <c r="C12" s="157"/>
      <c r="D12" s="157"/>
      <c r="E12" s="157"/>
      <c r="F12" s="156"/>
      <c r="G12" s="157"/>
      <c r="H12" s="157"/>
      <c r="I12" s="157"/>
      <c r="J12" s="157"/>
      <c r="K12" s="157"/>
      <c r="L12" s="157"/>
      <c r="M12" s="157"/>
      <c r="N12" s="157"/>
      <c r="O12" s="157"/>
      <c r="P12" s="157"/>
      <c r="Q12" s="157"/>
      <c r="R12" s="157"/>
      <c r="S12" s="157"/>
      <c r="T12" s="157"/>
      <c r="U12" s="157"/>
      <c r="V12" s="157"/>
      <c r="W12" s="157"/>
      <c r="X12" s="157"/>
      <c r="Y12" s="157"/>
      <c r="Z12" s="157"/>
      <c r="AA12" s="157"/>
      <c r="AB12" s="157"/>
      <c r="AC12" s="157"/>
      <c r="AD12" s="157"/>
      <c r="AE12" s="158"/>
      <c r="AF12" s="157"/>
      <c r="AG12" s="156"/>
    </row>
    <row r="13" spans="2:33" s="8" customFormat="1" ht="40.5" customHeight="1" x14ac:dyDescent="0.15">
      <c r="B13" s="822" t="s">
        <v>1496</v>
      </c>
      <c r="C13" s="789"/>
      <c r="D13" s="789"/>
      <c r="E13" s="789"/>
      <c r="F13" s="805"/>
      <c r="H13" s="789" t="s">
        <v>1514</v>
      </c>
      <c r="I13" s="789"/>
      <c r="J13" s="789"/>
      <c r="K13" s="789"/>
      <c r="L13" s="789"/>
      <c r="M13" s="789"/>
      <c r="N13" s="789"/>
      <c r="O13" s="789"/>
      <c r="P13" s="789"/>
      <c r="Q13" s="789"/>
      <c r="R13" s="789"/>
      <c r="S13" s="789"/>
      <c r="T13" s="789"/>
      <c r="U13" s="789"/>
      <c r="V13" s="789"/>
      <c r="W13" s="789"/>
      <c r="X13" s="789"/>
      <c r="Y13" s="789"/>
      <c r="Z13" s="789"/>
      <c r="AA13" s="789"/>
      <c r="AB13" s="789"/>
      <c r="AC13" s="789"/>
      <c r="AE13" s="9"/>
      <c r="AG13" s="149"/>
    </row>
    <row r="14" spans="2:33" s="8" customFormat="1" ht="27" customHeight="1" x14ac:dyDescent="0.15">
      <c r="B14" s="822"/>
      <c r="C14" s="789"/>
      <c r="D14" s="789"/>
      <c r="E14" s="789"/>
      <c r="F14" s="805"/>
      <c r="Z14" s="18"/>
      <c r="AA14" s="18"/>
      <c r="AB14" s="18"/>
      <c r="AC14" s="18"/>
      <c r="AE14" s="340" t="s">
        <v>227</v>
      </c>
      <c r="AF14" s="152" t="s">
        <v>217</v>
      </c>
      <c r="AG14" s="339" t="s">
        <v>226</v>
      </c>
    </row>
    <row r="15" spans="2:33" s="8" customFormat="1" ht="30" customHeight="1" x14ac:dyDescent="0.15">
      <c r="B15" s="822"/>
      <c r="C15" s="789"/>
      <c r="D15" s="789"/>
      <c r="E15" s="789"/>
      <c r="F15" s="805"/>
      <c r="H15" s="198" t="s">
        <v>279</v>
      </c>
      <c r="I15" s="1014" t="s">
        <v>1494</v>
      </c>
      <c r="J15" s="1015"/>
      <c r="K15" s="1015"/>
      <c r="L15" s="1015"/>
      <c r="M15" s="1015"/>
      <c r="N15" s="1015"/>
      <c r="O15" s="1015"/>
      <c r="P15" s="1015"/>
      <c r="Q15" s="1015"/>
      <c r="R15" s="1015"/>
      <c r="S15" s="1015"/>
      <c r="T15" s="1015"/>
      <c r="U15" s="1015"/>
      <c r="V15" s="1016"/>
      <c r="W15" s="780"/>
      <c r="X15" s="781"/>
      <c r="Y15" s="176" t="s">
        <v>175</v>
      </c>
      <c r="Z15" s="18"/>
      <c r="AA15" s="18"/>
      <c r="AB15" s="18"/>
      <c r="AC15" s="18"/>
      <c r="AE15" s="9"/>
      <c r="AG15" s="149"/>
    </row>
    <row r="16" spans="2:33" s="8" customFormat="1" ht="30" customHeight="1" x14ac:dyDescent="0.15">
      <c r="B16" s="822"/>
      <c r="C16" s="789"/>
      <c r="D16" s="789"/>
      <c r="E16" s="789"/>
      <c r="F16" s="805"/>
      <c r="H16" s="198" t="s">
        <v>277</v>
      </c>
      <c r="I16" s="1014" t="s">
        <v>1513</v>
      </c>
      <c r="J16" s="1015"/>
      <c r="K16" s="1015"/>
      <c r="L16" s="1015"/>
      <c r="M16" s="1015"/>
      <c r="N16" s="1015"/>
      <c r="O16" s="1015"/>
      <c r="P16" s="1015"/>
      <c r="Q16" s="1015"/>
      <c r="R16" s="1015"/>
      <c r="S16" s="1015"/>
      <c r="T16" s="1015"/>
      <c r="U16" s="1015"/>
      <c r="V16" s="1016"/>
      <c r="W16" s="780"/>
      <c r="X16" s="781"/>
      <c r="Y16" s="176" t="s">
        <v>175</v>
      </c>
      <c r="Z16" s="8" t="s">
        <v>275</v>
      </c>
      <c r="AA16" s="1230" t="s">
        <v>1512</v>
      </c>
      <c r="AB16" s="1230"/>
      <c r="AC16" s="1230"/>
      <c r="AE16" s="291" t="s">
        <v>0</v>
      </c>
      <c r="AF16" s="178" t="s">
        <v>217</v>
      </c>
      <c r="AG16" s="338" t="s">
        <v>0</v>
      </c>
    </row>
    <row r="17" spans="2:33" s="8" customFormat="1" ht="30" customHeight="1" x14ac:dyDescent="0.15">
      <c r="B17" s="822"/>
      <c r="C17" s="789"/>
      <c r="D17" s="789"/>
      <c r="E17" s="789"/>
      <c r="F17" s="805"/>
      <c r="H17" s="198" t="s">
        <v>293</v>
      </c>
      <c r="I17" s="1014" t="s">
        <v>1511</v>
      </c>
      <c r="J17" s="1015"/>
      <c r="K17" s="1015"/>
      <c r="L17" s="1015"/>
      <c r="M17" s="1015"/>
      <c r="N17" s="1015"/>
      <c r="O17" s="1015"/>
      <c r="P17" s="1015"/>
      <c r="Q17" s="1015"/>
      <c r="R17" s="1015"/>
      <c r="S17" s="1015"/>
      <c r="T17" s="1015"/>
      <c r="U17" s="1015"/>
      <c r="V17" s="1016"/>
      <c r="W17" s="780"/>
      <c r="X17" s="781"/>
      <c r="Y17" s="176" t="s">
        <v>175</v>
      </c>
      <c r="Z17" s="8" t="s">
        <v>275</v>
      </c>
      <c r="AA17" s="1230" t="s">
        <v>1510</v>
      </c>
      <c r="AB17" s="1230"/>
      <c r="AC17" s="1230"/>
      <c r="AE17" s="291" t="s">
        <v>0</v>
      </c>
      <c r="AF17" s="178" t="s">
        <v>217</v>
      </c>
      <c r="AG17" s="338" t="s">
        <v>0</v>
      </c>
    </row>
    <row r="18" spans="2:33" s="8" customFormat="1" ht="30" customHeight="1" x14ac:dyDescent="0.15">
      <c r="B18" s="461"/>
      <c r="C18" s="154"/>
      <c r="D18" s="154"/>
      <c r="E18" s="154"/>
      <c r="F18" s="196"/>
      <c r="H18" s="198" t="s">
        <v>513</v>
      </c>
      <c r="I18" s="1014" t="s">
        <v>1489</v>
      </c>
      <c r="J18" s="1015"/>
      <c r="K18" s="1015"/>
      <c r="L18" s="1015"/>
      <c r="M18" s="1015"/>
      <c r="N18" s="1015"/>
      <c r="O18" s="1015"/>
      <c r="P18" s="1015"/>
      <c r="Q18" s="1015"/>
      <c r="R18" s="1015"/>
      <c r="S18" s="1015"/>
      <c r="T18" s="1015"/>
      <c r="U18" s="1015"/>
      <c r="V18" s="1016"/>
      <c r="W18" s="780"/>
      <c r="X18" s="781"/>
      <c r="Y18" s="176" t="s">
        <v>175</v>
      </c>
      <c r="AA18" s="333"/>
      <c r="AB18" s="333"/>
      <c r="AC18" s="333"/>
      <c r="AE18" s="155"/>
      <c r="AF18" s="249"/>
      <c r="AG18" s="486"/>
    </row>
    <row r="19" spans="2:33" s="8" customFormat="1" ht="40.5" customHeight="1" x14ac:dyDescent="0.15">
      <c r="B19" s="337"/>
      <c r="C19" s="265"/>
      <c r="D19" s="265"/>
      <c r="E19" s="265"/>
      <c r="F19" s="336"/>
      <c r="H19" s="198" t="s">
        <v>511</v>
      </c>
      <c r="I19" s="1014" t="s">
        <v>1336</v>
      </c>
      <c r="J19" s="1015"/>
      <c r="K19" s="1015"/>
      <c r="L19" s="1015"/>
      <c r="M19" s="1015"/>
      <c r="N19" s="1015"/>
      <c r="O19" s="1015"/>
      <c r="P19" s="1015"/>
      <c r="Q19" s="1015"/>
      <c r="R19" s="1015"/>
      <c r="S19" s="1015"/>
      <c r="T19" s="1015"/>
      <c r="U19" s="1015"/>
      <c r="V19" s="1016"/>
      <c r="W19" s="780"/>
      <c r="X19" s="781"/>
      <c r="Y19" s="176" t="s">
        <v>175</v>
      </c>
      <c r="Z19" s="8" t="s">
        <v>275</v>
      </c>
      <c r="AA19" s="993" t="s">
        <v>1487</v>
      </c>
      <c r="AB19" s="993"/>
      <c r="AC19" s="993"/>
      <c r="AE19" s="291" t="s">
        <v>0</v>
      </c>
      <c r="AF19" s="178" t="s">
        <v>217</v>
      </c>
      <c r="AG19" s="338" t="s">
        <v>0</v>
      </c>
    </row>
    <row r="20" spans="2:33" s="8" customFormat="1" ht="12" customHeight="1" x14ac:dyDescent="0.15">
      <c r="B20" s="337"/>
      <c r="C20" s="265"/>
      <c r="D20" s="265"/>
      <c r="E20" s="265"/>
      <c r="F20" s="336"/>
      <c r="H20" s="249"/>
      <c r="I20" s="334"/>
      <c r="J20" s="334"/>
      <c r="K20" s="334"/>
      <c r="L20" s="334"/>
      <c r="M20" s="334"/>
      <c r="N20" s="334"/>
      <c r="O20" s="334"/>
      <c r="P20" s="334"/>
      <c r="Q20" s="334"/>
      <c r="R20" s="334"/>
      <c r="S20" s="334"/>
      <c r="T20" s="334"/>
      <c r="U20" s="334"/>
      <c r="V20" s="334"/>
      <c r="Y20" s="18"/>
      <c r="AA20" s="333"/>
      <c r="AB20" s="333"/>
      <c r="AC20" s="333"/>
      <c r="AE20" s="155"/>
      <c r="AF20" s="249"/>
      <c r="AG20" s="486"/>
    </row>
    <row r="21" spans="2:33" s="8" customFormat="1" x14ac:dyDescent="0.15">
      <c r="B21" s="337"/>
      <c r="C21" s="265"/>
      <c r="D21" s="265"/>
      <c r="E21" s="265"/>
      <c r="F21" s="336"/>
      <c r="H21" s="323" t="s">
        <v>1293</v>
      </c>
      <c r="I21" s="334"/>
      <c r="J21" s="334"/>
      <c r="K21" s="334"/>
      <c r="L21" s="334"/>
      <c r="M21" s="334"/>
      <c r="N21" s="334"/>
      <c r="O21" s="334"/>
      <c r="P21" s="334"/>
      <c r="Q21" s="334"/>
      <c r="R21" s="334"/>
      <c r="S21" s="334"/>
      <c r="T21" s="334"/>
      <c r="U21" s="334"/>
      <c r="V21" s="334"/>
      <c r="Y21" s="18"/>
      <c r="AA21" s="333"/>
      <c r="AB21" s="333"/>
      <c r="AC21" s="333"/>
      <c r="AE21" s="155"/>
      <c r="AF21" s="249"/>
      <c r="AG21" s="486"/>
    </row>
    <row r="22" spans="2:33" s="8" customFormat="1" ht="47.25" customHeight="1" x14ac:dyDescent="0.15">
      <c r="B22" s="9"/>
      <c r="G22" s="9"/>
      <c r="H22" s="1066" t="s">
        <v>1486</v>
      </c>
      <c r="I22" s="1067"/>
      <c r="J22" s="1067"/>
      <c r="K22" s="1067"/>
      <c r="L22" s="1068"/>
      <c r="M22" s="533" t="s">
        <v>1291</v>
      </c>
      <c r="N22" s="532"/>
      <c r="O22" s="532"/>
      <c r="P22" s="1211"/>
      <c r="Q22" s="1211"/>
      <c r="R22" s="1211"/>
      <c r="S22" s="1211"/>
      <c r="T22" s="1211"/>
      <c r="U22" s="1211"/>
      <c r="V22" s="1211"/>
      <c r="W22" s="1211"/>
      <c r="X22" s="1211"/>
      <c r="Y22" s="176" t="s">
        <v>175</v>
      </c>
      <c r="Z22" s="8" t="s">
        <v>275</v>
      </c>
      <c r="AA22" s="993" t="s">
        <v>1509</v>
      </c>
      <c r="AB22" s="993"/>
      <c r="AC22" s="993"/>
      <c r="AD22" s="149"/>
      <c r="AE22" s="291" t="s">
        <v>0</v>
      </c>
      <c r="AF22" s="178" t="s">
        <v>217</v>
      </c>
      <c r="AG22" s="338" t="s">
        <v>0</v>
      </c>
    </row>
    <row r="23" spans="2:33" s="8" customFormat="1" ht="18.75" customHeight="1" x14ac:dyDescent="0.15">
      <c r="B23" s="483"/>
      <c r="C23" s="145"/>
      <c r="D23" s="145"/>
      <c r="E23" s="145"/>
      <c r="F23" s="145"/>
      <c r="G23" s="173"/>
      <c r="H23" s="491"/>
      <c r="I23" s="491"/>
      <c r="J23" s="491"/>
      <c r="K23" s="491"/>
      <c r="L23" s="491"/>
      <c r="M23" s="533"/>
      <c r="N23" s="532"/>
      <c r="O23" s="532"/>
      <c r="P23" s="532"/>
      <c r="Q23" s="532"/>
      <c r="R23" s="532"/>
      <c r="S23" s="532"/>
      <c r="T23" s="532"/>
      <c r="U23" s="532"/>
      <c r="V23" s="532"/>
      <c r="W23" s="181"/>
      <c r="X23" s="181"/>
      <c r="Y23" s="177"/>
      <c r="Z23" s="172"/>
      <c r="AA23" s="464"/>
      <c r="AB23" s="464"/>
      <c r="AC23" s="464"/>
      <c r="AD23" s="171"/>
      <c r="AE23" s="465"/>
      <c r="AF23" s="465"/>
      <c r="AG23" s="512"/>
    </row>
    <row r="24" spans="2:33" s="8" customFormat="1" ht="10.5" customHeight="1" x14ac:dyDescent="0.15">
      <c r="B24" s="550"/>
      <c r="C24" s="259"/>
      <c r="D24" s="259"/>
      <c r="E24" s="259"/>
      <c r="F24" s="258"/>
      <c r="G24" s="157"/>
      <c r="H24" s="480"/>
      <c r="I24" s="480"/>
      <c r="J24" s="480"/>
      <c r="K24" s="480"/>
      <c r="L24" s="480"/>
      <c r="M24" s="549"/>
      <c r="N24" s="548"/>
      <c r="O24" s="548"/>
      <c r="P24" s="548"/>
      <c r="Q24" s="548"/>
      <c r="R24" s="548"/>
      <c r="S24" s="548"/>
      <c r="T24" s="548"/>
      <c r="U24" s="548"/>
      <c r="V24" s="548"/>
      <c r="W24" s="157"/>
      <c r="X24" s="157"/>
      <c r="Y24" s="194"/>
      <c r="Z24" s="157"/>
      <c r="AA24" s="479"/>
      <c r="AB24" s="479"/>
      <c r="AC24" s="479"/>
      <c r="AD24" s="157"/>
      <c r="AE24" s="547"/>
      <c r="AF24" s="480"/>
      <c r="AG24" s="546"/>
    </row>
    <row r="25" spans="2:33" s="8" customFormat="1" ht="18.75" customHeight="1" x14ac:dyDescent="0.15">
      <c r="B25" s="461"/>
      <c r="C25" s="154"/>
      <c r="D25" s="154"/>
      <c r="E25" s="154"/>
      <c r="F25" s="196"/>
      <c r="H25" s="323" t="s">
        <v>1333</v>
      </c>
      <c r="I25" s="249"/>
      <c r="J25" s="249"/>
      <c r="K25" s="249"/>
      <c r="L25" s="249"/>
      <c r="M25" s="255"/>
      <c r="N25" s="460"/>
      <c r="O25" s="460"/>
      <c r="P25" s="460"/>
      <c r="Q25" s="460"/>
      <c r="R25" s="460"/>
      <c r="S25" s="460"/>
      <c r="T25" s="460"/>
      <c r="U25" s="460"/>
      <c r="V25" s="460"/>
      <c r="Y25" s="18"/>
      <c r="AA25" s="333"/>
      <c r="AB25" s="333"/>
      <c r="AC25" s="333"/>
      <c r="AE25" s="340" t="s">
        <v>227</v>
      </c>
      <c r="AF25" s="152" t="s">
        <v>217</v>
      </c>
      <c r="AG25" s="339" t="s">
        <v>226</v>
      </c>
    </row>
    <row r="26" spans="2:33" s="8" customFormat="1" ht="18.75" customHeight="1" x14ac:dyDescent="0.15">
      <c r="B26" s="822" t="s">
        <v>1508</v>
      </c>
      <c r="C26" s="789"/>
      <c r="D26" s="789"/>
      <c r="E26" s="789"/>
      <c r="F26" s="805"/>
      <c r="H26" s="323" t="s">
        <v>1331</v>
      </c>
      <c r="I26" s="249"/>
      <c r="J26" s="249"/>
      <c r="K26" s="249"/>
      <c r="L26" s="249"/>
      <c r="M26" s="255"/>
      <c r="N26" s="460"/>
      <c r="O26" s="460"/>
      <c r="P26" s="460"/>
      <c r="Q26" s="460"/>
      <c r="R26" s="460"/>
      <c r="S26" s="460"/>
      <c r="T26" s="460"/>
      <c r="U26" s="460"/>
      <c r="V26" s="460"/>
      <c r="Y26" s="18"/>
      <c r="AA26" s="333"/>
      <c r="AB26" s="333"/>
      <c r="AC26" s="333"/>
      <c r="AE26" s="148"/>
      <c r="AF26" s="255"/>
      <c r="AG26" s="244"/>
    </row>
    <row r="27" spans="2:33" s="8" customFormat="1" ht="18.75" customHeight="1" x14ac:dyDescent="0.15">
      <c r="B27" s="822"/>
      <c r="C27" s="789"/>
      <c r="D27" s="789"/>
      <c r="E27" s="789"/>
      <c r="F27" s="805"/>
      <c r="H27" s="323" t="s">
        <v>1330</v>
      </c>
      <c r="I27" s="249"/>
      <c r="J27" s="249"/>
      <c r="K27" s="249"/>
      <c r="L27" s="249"/>
      <c r="M27" s="255"/>
      <c r="N27" s="460"/>
      <c r="O27" s="460"/>
      <c r="P27" s="460"/>
      <c r="Q27" s="460"/>
      <c r="R27" s="460"/>
      <c r="S27" s="460"/>
      <c r="T27" s="460"/>
      <c r="U27" s="460"/>
      <c r="V27" s="460"/>
      <c r="Y27" s="18"/>
      <c r="AA27" s="333"/>
      <c r="AB27" s="333"/>
      <c r="AC27" s="333"/>
      <c r="AE27" s="291" t="s">
        <v>0</v>
      </c>
      <c r="AF27" s="178" t="s">
        <v>217</v>
      </c>
      <c r="AG27" s="338" t="s">
        <v>0</v>
      </c>
    </row>
    <row r="28" spans="2:33" s="8" customFormat="1" ht="18.75" customHeight="1" x14ac:dyDescent="0.15">
      <c r="B28" s="822"/>
      <c r="C28" s="789"/>
      <c r="D28" s="789"/>
      <c r="E28" s="789"/>
      <c r="F28" s="805"/>
      <c r="H28" s="323" t="s">
        <v>1329</v>
      </c>
      <c r="I28" s="249"/>
      <c r="J28" s="249"/>
      <c r="K28" s="249"/>
      <c r="L28" s="249"/>
      <c r="M28" s="255"/>
      <c r="N28" s="460"/>
      <c r="O28" s="460"/>
      <c r="P28" s="460"/>
      <c r="Q28" s="460"/>
      <c r="R28" s="460"/>
      <c r="S28" s="460"/>
      <c r="T28" s="460"/>
      <c r="U28" s="460"/>
      <c r="V28" s="460"/>
      <c r="Y28" s="18"/>
      <c r="AA28" s="333"/>
      <c r="AB28" s="333"/>
      <c r="AC28" s="333"/>
      <c r="AE28" s="291" t="s">
        <v>0</v>
      </c>
      <c r="AF28" s="178" t="s">
        <v>217</v>
      </c>
      <c r="AG28" s="338" t="s">
        <v>0</v>
      </c>
    </row>
    <row r="29" spans="2:33" s="8" customFormat="1" ht="18.75" customHeight="1" x14ac:dyDescent="0.15">
      <c r="B29" s="822"/>
      <c r="C29" s="789"/>
      <c r="D29" s="789"/>
      <c r="E29" s="789"/>
      <c r="F29" s="805"/>
      <c r="H29" s="323" t="s">
        <v>1328</v>
      </c>
      <c r="I29" s="249"/>
      <c r="J29" s="249"/>
      <c r="K29" s="249"/>
      <c r="L29" s="249"/>
      <c r="M29" s="255"/>
      <c r="N29" s="460"/>
      <c r="O29" s="460"/>
      <c r="P29" s="460"/>
      <c r="Q29" s="460"/>
      <c r="R29" s="460"/>
      <c r="S29" s="460"/>
      <c r="T29" s="460"/>
      <c r="U29" s="460"/>
      <c r="V29" s="460"/>
      <c r="Y29" s="18"/>
      <c r="AA29" s="333"/>
      <c r="AB29" s="333"/>
      <c r="AC29" s="333"/>
      <c r="AE29" s="291" t="s">
        <v>0</v>
      </c>
      <c r="AF29" s="178" t="s">
        <v>217</v>
      </c>
      <c r="AG29" s="338" t="s">
        <v>0</v>
      </c>
    </row>
    <row r="30" spans="2:33" s="8" customFormat="1" ht="18.75" customHeight="1" x14ac:dyDescent="0.15">
      <c r="B30" s="822"/>
      <c r="C30" s="789"/>
      <c r="D30" s="789"/>
      <c r="E30" s="789"/>
      <c r="F30" s="805"/>
      <c r="H30" s="323" t="s">
        <v>1327</v>
      </c>
      <c r="I30" s="249"/>
      <c r="J30" s="249"/>
      <c r="K30" s="249"/>
      <c r="L30" s="249"/>
      <c r="M30" s="255"/>
      <c r="N30" s="460"/>
      <c r="O30" s="460"/>
      <c r="P30" s="460"/>
      <c r="Q30" s="460"/>
      <c r="R30" s="460"/>
      <c r="S30" s="460"/>
      <c r="T30" s="460"/>
      <c r="U30" s="460"/>
      <c r="V30" s="460"/>
      <c r="Y30" s="18"/>
      <c r="AA30" s="333"/>
      <c r="AB30" s="333"/>
      <c r="AC30" s="333"/>
      <c r="AE30" s="291" t="s">
        <v>0</v>
      </c>
      <c r="AF30" s="178" t="s">
        <v>217</v>
      </c>
      <c r="AG30" s="338" t="s">
        <v>0</v>
      </c>
    </row>
    <row r="31" spans="2:33" s="8" customFormat="1" ht="18.75" customHeight="1" x14ac:dyDescent="0.15">
      <c r="B31" s="822"/>
      <c r="C31" s="789"/>
      <c r="D31" s="789"/>
      <c r="E31" s="789"/>
      <c r="F31" s="805"/>
      <c r="H31" s="323" t="s">
        <v>1326</v>
      </c>
      <c r="I31" s="249"/>
      <c r="J31" s="249"/>
      <c r="K31" s="249"/>
      <c r="L31" s="249"/>
      <c r="M31" s="255"/>
      <c r="N31" s="460"/>
      <c r="O31" s="460"/>
      <c r="P31" s="460"/>
      <c r="Q31" s="460"/>
      <c r="R31" s="460"/>
      <c r="S31" s="460"/>
      <c r="T31" s="460"/>
      <c r="U31" s="460"/>
      <c r="V31" s="460"/>
      <c r="W31" s="460"/>
      <c r="Z31" s="18"/>
      <c r="AB31" s="333"/>
      <c r="AC31" s="333"/>
      <c r="AD31" s="249"/>
      <c r="AE31" s="155"/>
      <c r="AF31" s="249"/>
      <c r="AG31" s="149"/>
    </row>
    <row r="32" spans="2:33" s="8" customFormat="1" ht="18.75" customHeight="1" x14ac:dyDescent="0.15">
      <c r="B32" s="822"/>
      <c r="C32" s="789"/>
      <c r="D32" s="789"/>
      <c r="E32" s="789"/>
      <c r="F32" s="805"/>
      <c r="H32" s="323"/>
      <c r="I32" s="1032" t="s">
        <v>232</v>
      </c>
      <c r="J32" s="1032"/>
      <c r="K32" s="1032"/>
      <c r="L32" s="1032"/>
      <c r="M32" s="1032"/>
      <c r="N32" s="1170"/>
      <c r="O32" s="1171"/>
      <c r="P32" s="1171"/>
      <c r="Q32" s="1171"/>
      <c r="R32" s="1171"/>
      <c r="S32" s="1171"/>
      <c r="T32" s="1171"/>
      <c r="U32" s="1171"/>
      <c r="V32" s="1171"/>
      <c r="W32" s="1171"/>
      <c r="X32" s="1171"/>
      <c r="Y32" s="1171"/>
      <c r="Z32" s="1171"/>
      <c r="AA32" s="1171"/>
      <c r="AB32" s="1172"/>
      <c r="AC32" s="527"/>
      <c r="AD32" s="249"/>
      <c r="AE32" s="155"/>
      <c r="AF32" s="249"/>
      <c r="AG32" s="149"/>
    </row>
    <row r="33" spans="1:34" s="8" customFormat="1" ht="18.75" customHeight="1" x14ac:dyDescent="0.15">
      <c r="B33" s="822"/>
      <c r="C33" s="789"/>
      <c r="D33" s="789"/>
      <c r="E33" s="789"/>
      <c r="F33" s="805"/>
      <c r="H33" s="323"/>
      <c r="I33" s="1032" t="s">
        <v>231</v>
      </c>
      <c r="J33" s="1032"/>
      <c r="K33" s="1032"/>
      <c r="L33" s="1032"/>
      <c r="M33" s="1032"/>
      <c r="N33" s="1170"/>
      <c r="O33" s="1171"/>
      <c r="P33" s="1171"/>
      <c r="Q33" s="1171"/>
      <c r="R33" s="1171"/>
      <c r="S33" s="1171"/>
      <c r="T33" s="1171"/>
      <c r="U33" s="1171"/>
      <c r="V33" s="1171"/>
      <c r="W33" s="1171"/>
      <c r="X33" s="1171"/>
      <c r="Y33" s="1171"/>
      <c r="Z33" s="1171"/>
      <c r="AA33" s="1171"/>
      <c r="AB33" s="1172"/>
      <c r="AC33" s="527"/>
      <c r="AD33" s="249"/>
      <c r="AE33" s="155"/>
      <c r="AF33" s="249"/>
      <c r="AG33" s="149"/>
    </row>
    <row r="34" spans="1:34" s="8" customFormat="1" ht="18.75" customHeight="1" x14ac:dyDescent="0.15">
      <c r="B34" s="822"/>
      <c r="C34" s="789"/>
      <c r="D34" s="789"/>
      <c r="E34" s="789"/>
      <c r="F34" s="805"/>
      <c r="H34" s="323"/>
      <c r="I34" s="1032" t="s">
        <v>229</v>
      </c>
      <c r="J34" s="1032"/>
      <c r="K34" s="1032"/>
      <c r="L34" s="1032"/>
      <c r="M34" s="1032"/>
      <c r="N34" s="1170"/>
      <c r="O34" s="1171"/>
      <c r="P34" s="1171"/>
      <c r="Q34" s="1171"/>
      <c r="R34" s="1171"/>
      <c r="S34" s="1171"/>
      <c r="T34" s="1171"/>
      <c r="U34" s="1171"/>
      <c r="V34" s="1171"/>
      <c r="W34" s="1171"/>
      <c r="X34" s="1171"/>
      <c r="Y34" s="1171"/>
      <c r="Z34" s="1171"/>
      <c r="AA34" s="1171"/>
      <c r="AB34" s="1172"/>
      <c r="AC34" s="527"/>
      <c r="AD34" s="249"/>
      <c r="AE34" s="155"/>
      <c r="AF34" s="249"/>
      <c r="AG34" s="149"/>
    </row>
    <row r="35" spans="1:34" s="8" customFormat="1" ht="33.75" customHeight="1" x14ac:dyDescent="0.15">
      <c r="B35" s="822"/>
      <c r="C35" s="789"/>
      <c r="D35" s="789"/>
      <c r="E35" s="789"/>
      <c r="F35" s="805"/>
      <c r="H35" s="905" t="s">
        <v>1507</v>
      </c>
      <c r="I35" s="905"/>
      <c r="J35" s="905"/>
      <c r="K35" s="905"/>
      <c r="L35" s="905"/>
      <c r="M35" s="905"/>
      <c r="N35" s="905"/>
      <c r="O35" s="905"/>
      <c r="P35" s="905"/>
      <c r="Q35" s="905"/>
      <c r="R35" s="905"/>
      <c r="S35" s="905"/>
      <c r="T35" s="905"/>
      <c r="U35" s="905"/>
      <c r="V35" s="905"/>
      <c r="W35" s="905"/>
      <c r="X35" s="905"/>
      <c r="Y35" s="905"/>
      <c r="Z35" s="905"/>
      <c r="AA35" s="905"/>
      <c r="AB35" s="905"/>
      <c r="AC35" s="905"/>
      <c r="AE35" s="155"/>
      <c r="AF35" s="249"/>
      <c r="AG35" s="486"/>
    </row>
    <row r="36" spans="1:34" s="8" customFormat="1" ht="36" customHeight="1" x14ac:dyDescent="0.15">
      <c r="B36" s="822"/>
      <c r="C36" s="789"/>
      <c r="D36" s="789"/>
      <c r="E36" s="789"/>
      <c r="F36" s="805"/>
      <c r="H36" s="993" t="s">
        <v>1506</v>
      </c>
      <c r="I36" s="993"/>
      <c r="J36" s="993"/>
      <c r="K36" s="993"/>
      <c r="L36" s="993"/>
      <c r="M36" s="993"/>
      <c r="N36" s="993"/>
      <c r="O36" s="993"/>
      <c r="P36" s="993"/>
      <c r="Q36" s="993"/>
      <c r="R36" s="993"/>
      <c r="S36" s="993"/>
      <c r="T36" s="993"/>
      <c r="U36" s="993"/>
      <c r="V36" s="993"/>
      <c r="W36" s="993"/>
      <c r="X36" s="993"/>
      <c r="Y36" s="993"/>
      <c r="Z36" s="993"/>
      <c r="AA36" s="993"/>
      <c r="AB36" s="993"/>
      <c r="AC36" s="993"/>
      <c r="AD36" s="994"/>
      <c r="AE36" s="291" t="s">
        <v>0</v>
      </c>
      <c r="AF36" s="178" t="s">
        <v>217</v>
      </c>
      <c r="AG36" s="338" t="s">
        <v>0</v>
      </c>
    </row>
    <row r="37" spans="1:34" s="8" customFormat="1" ht="18.75" customHeight="1" x14ac:dyDescent="0.15">
      <c r="B37" s="822"/>
      <c r="C37" s="789"/>
      <c r="D37" s="789"/>
      <c r="E37" s="789"/>
      <c r="F37" s="805"/>
      <c r="H37" s="323" t="s">
        <v>1505</v>
      </c>
      <c r="I37" s="333"/>
      <c r="J37" s="333"/>
      <c r="K37" s="333"/>
      <c r="L37" s="333"/>
      <c r="M37" s="333"/>
      <c r="N37" s="333"/>
      <c r="O37" s="333"/>
      <c r="P37" s="333"/>
      <c r="Q37" s="333"/>
      <c r="R37" s="333"/>
      <c r="S37" s="333"/>
      <c r="T37" s="333"/>
      <c r="U37" s="333"/>
      <c r="V37" s="333"/>
      <c r="W37" s="333"/>
      <c r="X37" s="333"/>
      <c r="Y37" s="333"/>
      <c r="Z37" s="333"/>
      <c r="AA37" s="333"/>
      <c r="AB37" s="333"/>
      <c r="AC37" s="333"/>
      <c r="AE37" s="291" t="s">
        <v>0</v>
      </c>
      <c r="AF37" s="178" t="s">
        <v>217</v>
      </c>
      <c r="AG37" s="338" t="s">
        <v>0</v>
      </c>
    </row>
    <row r="38" spans="1:34" s="8" customFormat="1" ht="18.75" customHeight="1" x14ac:dyDescent="0.15">
      <c r="A38" s="149"/>
      <c r="B38" s="779"/>
      <c r="C38" s="779"/>
      <c r="D38" s="779"/>
      <c r="E38" s="779"/>
      <c r="F38" s="941"/>
      <c r="G38" s="9"/>
      <c r="H38" s="323" t="s">
        <v>1322</v>
      </c>
      <c r="I38" s="249"/>
      <c r="J38" s="249"/>
      <c r="K38" s="249"/>
      <c r="L38" s="249"/>
      <c r="M38" s="255"/>
      <c r="N38" s="460"/>
      <c r="O38" s="460"/>
      <c r="P38" s="460"/>
      <c r="Q38" s="460"/>
      <c r="R38" s="460"/>
      <c r="S38" s="460"/>
      <c r="T38" s="460"/>
      <c r="U38" s="460"/>
      <c r="V38" s="460"/>
      <c r="Y38" s="18"/>
      <c r="AA38" s="333"/>
      <c r="AB38" s="333"/>
      <c r="AC38" s="333"/>
      <c r="AE38" s="291" t="s">
        <v>0</v>
      </c>
      <c r="AF38" s="178" t="s">
        <v>217</v>
      </c>
      <c r="AG38" s="338" t="s">
        <v>0</v>
      </c>
    </row>
    <row r="39" spans="1:34" s="8" customFormat="1" ht="18.75" customHeight="1" x14ac:dyDescent="0.15">
      <c r="B39" s="822"/>
      <c r="C39" s="938"/>
      <c r="D39" s="789"/>
      <c r="E39" s="789"/>
      <c r="F39" s="805"/>
      <c r="H39" s="323" t="s">
        <v>1321</v>
      </c>
      <c r="I39" s="249"/>
      <c r="J39" s="249"/>
      <c r="K39" s="249"/>
      <c r="L39" s="249"/>
      <c r="M39" s="255"/>
      <c r="N39" s="460"/>
      <c r="O39" s="460"/>
      <c r="P39" s="460"/>
      <c r="Q39" s="460"/>
      <c r="R39" s="460"/>
      <c r="S39" s="460"/>
      <c r="T39" s="460"/>
      <c r="U39" s="460"/>
      <c r="V39" s="460"/>
      <c r="Y39" s="18"/>
      <c r="AA39" s="333"/>
      <c r="AB39" s="333"/>
      <c r="AC39" s="333"/>
      <c r="AE39" s="291" t="s">
        <v>0</v>
      </c>
      <c r="AF39" s="178" t="s">
        <v>217</v>
      </c>
      <c r="AG39" s="338" t="s">
        <v>0</v>
      </c>
    </row>
    <row r="40" spans="1:34" s="8" customFormat="1" ht="18.75" customHeight="1" x14ac:dyDescent="0.15">
      <c r="B40" s="461"/>
      <c r="C40" s="154"/>
      <c r="D40" s="154"/>
      <c r="E40" s="154"/>
      <c r="F40" s="196"/>
      <c r="H40" s="323" t="s">
        <v>1504</v>
      </c>
      <c r="I40" s="249"/>
      <c r="J40" s="249"/>
      <c r="K40" s="249"/>
      <c r="L40" s="249"/>
      <c r="M40" s="255"/>
      <c r="N40" s="460"/>
      <c r="O40" s="460"/>
      <c r="P40" s="460"/>
      <c r="Q40" s="460"/>
      <c r="R40" s="460"/>
      <c r="S40" s="460"/>
      <c r="T40" s="460"/>
      <c r="U40" s="460"/>
      <c r="V40" s="460"/>
      <c r="Y40" s="18"/>
      <c r="AA40" s="333"/>
      <c r="AB40" s="333"/>
      <c r="AC40" s="333"/>
      <c r="AE40" s="291" t="s">
        <v>0</v>
      </c>
      <c r="AF40" s="178" t="s">
        <v>217</v>
      </c>
      <c r="AG40" s="338" t="s">
        <v>0</v>
      </c>
    </row>
    <row r="41" spans="1:34" s="8" customFormat="1" ht="18.75" customHeight="1" x14ac:dyDescent="0.15">
      <c r="B41" s="461"/>
      <c r="C41" s="154"/>
      <c r="D41" s="154"/>
      <c r="E41" s="154"/>
      <c r="F41" s="196"/>
      <c r="H41" s="323" t="s">
        <v>1319</v>
      </c>
      <c r="I41" s="249"/>
      <c r="J41" s="249"/>
      <c r="K41" s="249"/>
      <c r="L41" s="249"/>
      <c r="M41" s="255"/>
      <c r="N41" s="460"/>
      <c r="O41" s="460"/>
      <c r="P41" s="460"/>
      <c r="Q41" s="460"/>
      <c r="R41" s="460"/>
      <c r="S41" s="460"/>
      <c r="T41" s="460"/>
      <c r="U41" s="460"/>
      <c r="V41" s="460"/>
      <c r="Y41" s="18"/>
      <c r="AA41" s="333"/>
      <c r="AB41" s="333"/>
      <c r="AC41" s="333"/>
      <c r="AE41" s="291" t="s">
        <v>0</v>
      </c>
      <c r="AF41" s="178" t="s">
        <v>217</v>
      </c>
      <c r="AG41" s="338" t="s">
        <v>0</v>
      </c>
    </row>
    <row r="42" spans="1:34" s="8" customFormat="1" ht="18.75" customHeight="1" x14ac:dyDescent="0.15">
      <c r="B42" s="483"/>
      <c r="C42" s="145"/>
      <c r="D42" s="145"/>
      <c r="E42" s="145"/>
      <c r="F42" s="257"/>
      <c r="G42" s="172"/>
      <c r="H42" s="515"/>
      <c r="I42" s="465"/>
      <c r="J42" s="465"/>
      <c r="K42" s="465"/>
      <c r="L42" s="465"/>
      <c r="M42" s="544"/>
      <c r="N42" s="514"/>
      <c r="O42" s="514"/>
      <c r="P42" s="514"/>
      <c r="Q42" s="514"/>
      <c r="R42" s="514"/>
      <c r="S42" s="514"/>
      <c r="T42" s="514"/>
      <c r="U42" s="514"/>
      <c r="V42" s="514"/>
      <c r="W42" s="172"/>
      <c r="X42" s="172"/>
      <c r="Y42" s="143"/>
      <c r="Z42" s="172"/>
      <c r="AA42" s="464"/>
      <c r="AB42" s="464"/>
      <c r="AC42" s="464"/>
      <c r="AD42" s="172"/>
      <c r="AE42" s="513"/>
      <c r="AF42" s="465"/>
      <c r="AG42" s="512"/>
    </row>
    <row r="43" spans="1:34" s="8" customFormat="1" ht="33" customHeight="1" x14ac:dyDescent="0.15">
      <c r="B43" s="789" t="s">
        <v>1318</v>
      </c>
      <c r="C43" s="789"/>
      <c r="D43" s="789"/>
      <c r="E43" s="789"/>
      <c r="F43" s="789"/>
      <c r="G43" s="789"/>
      <c r="H43" s="789"/>
      <c r="I43" s="789"/>
      <c r="J43" s="789"/>
      <c r="K43" s="789"/>
      <c r="L43" s="789"/>
      <c r="M43" s="789"/>
      <c r="N43" s="789"/>
      <c r="O43" s="789"/>
      <c r="P43" s="789"/>
      <c r="Q43" s="789"/>
      <c r="R43" s="789"/>
      <c r="S43" s="789"/>
      <c r="T43" s="789"/>
      <c r="U43" s="789"/>
      <c r="V43" s="789"/>
      <c r="W43" s="789"/>
      <c r="X43" s="789"/>
      <c r="Y43" s="789"/>
      <c r="Z43" s="789"/>
      <c r="AA43" s="789"/>
      <c r="AB43" s="789"/>
      <c r="AC43" s="789"/>
      <c r="AD43" s="789"/>
      <c r="AE43" s="789"/>
      <c r="AF43" s="154"/>
    </row>
    <row r="44" spans="1:34" s="8" customFormat="1" ht="47.25" customHeight="1" x14ac:dyDescent="0.15">
      <c r="B44" s="789" t="s">
        <v>1503</v>
      </c>
      <c r="C44" s="789"/>
      <c r="D44" s="789"/>
      <c r="E44" s="789"/>
      <c r="F44" s="789"/>
      <c r="G44" s="789"/>
      <c r="H44" s="789"/>
      <c r="I44" s="789"/>
      <c r="J44" s="789"/>
      <c r="K44" s="789"/>
      <c r="L44" s="789"/>
      <c r="M44" s="789"/>
      <c r="N44" s="789"/>
      <c r="O44" s="789"/>
      <c r="P44" s="789"/>
      <c r="Q44" s="789"/>
      <c r="R44" s="789"/>
      <c r="S44" s="789"/>
      <c r="T44" s="789"/>
      <c r="U44" s="789"/>
      <c r="V44" s="789"/>
      <c r="W44" s="789"/>
      <c r="X44" s="789"/>
      <c r="Y44" s="789"/>
      <c r="Z44" s="789"/>
      <c r="AA44" s="789"/>
      <c r="AB44" s="789"/>
      <c r="AC44" s="789"/>
      <c r="AD44" s="789"/>
      <c r="AE44" s="789"/>
      <c r="AF44" s="789"/>
      <c r="AG44" s="789"/>
    </row>
    <row r="45" spans="1:34" s="8" customFormat="1" ht="27" customHeight="1" x14ac:dyDescent="0.15">
      <c r="B45" s="827" t="s">
        <v>1502</v>
      </c>
      <c r="C45" s="827"/>
      <c r="D45" s="827"/>
      <c r="E45" s="827"/>
      <c r="F45" s="827"/>
      <c r="G45" s="827"/>
      <c r="H45" s="827"/>
      <c r="I45" s="827"/>
      <c r="J45" s="827"/>
      <c r="K45" s="827"/>
      <c r="L45" s="827"/>
      <c r="M45" s="827"/>
      <c r="N45" s="827"/>
      <c r="O45" s="827"/>
      <c r="P45" s="827"/>
      <c r="Q45" s="827"/>
      <c r="R45" s="827"/>
      <c r="S45" s="827"/>
      <c r="T45" s="827"/>
      <c r="U45" s="827"/>
      <c r="V45" s="827"/>
      <c r="W45" s="827"/>
      <c r="X45" s="827"/>
      <c r="Y45" s="827"/>
      <c r="Z45" s="827"/>
      <c r="AA45" s="827"/>
      <c r="AB45" s="827"/>
      <c r="AC45" s="827"/>
      <c r="AD45" s="827"/>
      <c r="AE45" s="827"/>
      <c r="AF45" s="827"/>
      <c r="AG45" s="827"/>
      <c r="AH45" s="827"/>
    </row>
    <row r="46" spans="1:34" x14ac:dyDescent="0.15">
      <c r="B46" s="6"/>
      <c r="C46" s="6"/>
      <c r="D46" s="6"/>
      <c r="E46" s="6"/>
      <c r="F46" s="6"/>
      <c r="G46" s="6"/>
      <c r="H46" s="6"/>
      <c r="I46" s="6"/>
      <c r="J46" s="6"/>
      <c r="K46" s="6"/>
      <c r="L46" s="6"/>
      <c r="M46" s="6"/>
      <c r="N46" s="6"/>
      <c r="O46" s="6"/>
      <c r="P46" s="6"/>
      <c r="Q46" s="6"/>
      <c r="R46" s="6"/>
      <c r="S46" s="6"/>
      <c r="T46" s="6"/>
      <c r="U46" s="6"/>
      <c r="V46" s="6"/>
      <c r="W46" s="6"/>
      <c r="X46" s="6"/>
      <c r="Y46" s="6"/>
      <c r="Z46" s="6"/>
      <c r="AA46" s="6"/>
      <c r="AB46" s="6"/>
      <c r="AC46" s="6"/>
      <c r="AD46" s="6"/>
      <c r="AE46" s="6"/>
      <c r="AF46" s="6"/>
      <c r="AG46" s="6"/>
    </row>
    <row r="47" spans="1:34" x14ac:dyDescent="0.15">
      <c r="B47" s="6"/>
      <c r="C47" s="6"/>
      <c r="D47" s="6"/>
      <c r="E47" s="6"/>
      <c r="F47" s="6"/>
      <c r="G47" s="6"/>
      <c r="H47" s="6"/>
      <c r="I47" s="6"/>
      <c r="J47" s="6"/>
      <c r="K47" s="6"/>
      <c r="L47" s="6"/>
      <c r="M47" s="6"/>
      <c r="N47" s="6"/>
      <c r="O47" s="6"/>
      <c r="P47" s="6"/>
      <c r="Q47" s="6"/>
      <c r="R47" s="6"/>
      <c r="S47" s="6"/>
      <c r="T47" s="6"/>
      <c r="U47" s="6"/>
      <c r="V47" s="6"/>
      <c r="W47" s="6"/>
      <c r="X47" s="6"/>
      <c r="Y47" s="6"/>
      <c r="Z47" s="6"/>
      <c r="AA47" s="6"/>
      <c r="AB47" s="6"/>
      <c r="AC47" s="6"/>
      <c r="AD47" s="6"/>
      <c r="AE47" s="6"/>
      <c r="AF47" s="6"/>
      <c r="AG47" s="6"/>
    </row>
    <row r="122" spans="3:7" x14ac:dyDescent="0.15">
      <c r="C122" s="5"/>
      <c r="D122" s="5"/>
      <c r="E122" s="5"/>
      <c r="F122" s="5"/>
      <c r="G122" s="5"/>
    </row>
    <row r="123" spans="3:7" x14ac:dyDescent="0.15">
      <c r="C123" s="4"/>
    </row>
  </sheetData>
  <mergeCells count="36">
    <mergeCell ref="I18:V18"/>
    <mergeCell ref="W18:X18"/>
    <mergeCell ref="B10:F10"/>
    <mergeCell ref="B5:AG5"/>
    <mergeCell ref="B7:F7"/>
    <mergeCell ref="G7:AG7"/>
    <mergeCell ref="B8:F8"/>
    <mergeCell ref="B9:F9"/>
    <mergeCell ref="AA22:AC22"/>
    <mergeCell ref="H22:L22"/>
    <mergeCell ref="P22:X22"/>
    <mergeCell ref="I19:V19"/>
    <mergeCell ref="W19:X19"/>
    <mergeCell ref="AA19:AC19"/>
    <mergeCell ref="B13:F17"/>
    <mergeCell ref="H13:AC13"/>
    <mergeCell ref="I15:V15"/>
    <mergeCell ref="W15:X15"/>
    <mergeCell ref="I16:V16"/>
    <mergeCell ref="W16:X16"/>
    <mergeCell ref="AA16:AC16"/>
    <mergeCell ref="I17:V17"/>
    <mergeCell ref="W17:X17"/>
    <mergeCell ref="AA17:AC17"/>
    <mergeCell ref="B43:AE43"/>
    <mergeCell ref="B44:AG44"/>
    <mergeCell ref="B45:AH45"/>
    <mergeCell ref="B26:F39"/>
    <mergeCell ref="I32:M32"/>
    <mergeCell ref="N32:AB32"/>
    <mergeCell ref="I33:M33"/>
    <mergeCell ref="N33:AB33"/>
    <mergeCell ref="I34:M34"/>
    <mergeCell ref="N34:AB34"/>
    <mergeCell ref="H35:AC35"/>
    <mergeCell ref="H36:AD36"/>
  </mergeCells>
  <phoneticPr fontId="2"/>
  <dataValidations count="1">
    <dataValidation type="list" allowBlank="1" showInputMessage="1" showErrorMessage="1" sqref="H8:H10 M8 R8:R10 AE16:AE17 AG16:AG17 AE19 AG19 AE22 AG22 AE27:AE30 AG27:AG30 AE36:AE41 AG36:AG41">
      <formula1>"□,■"</formula1>
    </dataValidation>
  </dataValidations>
  <pageMargins left="0.7" right="0.7" top="0.75" bottom="0.75" header="0.3" footer="0.3"/>
  <pageSetup paperSize="9" scale="74" orientation="portrait" r:id="rId1"/>
</worksheet>
</file>

<file path=xl/worksheets/sheet5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Y123"/>
  <sheetViews>
    <sheetView zoomScaleNormal="100" zoomScaleSheetLayoutView="80" workbookViewId="0">
      <selection activeCell="C87" sqref="C87"/>
    </sheetView>
  </sheetViews>
  <sheetFormatPr defaultColWidth="3.5" defaultRowHeight="13.5" x14ac:dyDescent="0.15"/>
  <cols>
    <col min="1" max="1" width="2.375" style="3" customWidth="1"/>
    <col min="2" max="2" width="3" style="140" customWidth="1"/>
    <col min="3" max="7" width="3.5" style="3"/>
    <col min="8" max="24" width="4.5" style="3" customWidth="1"/>
    <col min="25" max="25" width="5.125" style="3" customWidth="1"/>
    <col min="26" max="16384" width="3.5" style="3"/>
  </cols>
  <sheetData>
    <row r="2" spans="2:25" x14ac:dyDescent="0.15">
      <c r="B2" s="3" t="s">
        <v>1538</v>
      </c>
    </row>
    <row r="4" spans="2:25" x14ac:dyDescent="0.15">
      <c r="B4" s="913" t="s">
        <v>1537</v>
      </c>
      <c r="C4" s="913"/>
      <c r="D4" s="913"/>
      <c r="E4" s="913"/>
      <c r="F4" s="913"/>
      <c r="G4" s="913"/>
      <c r="H4" s="913"/>
      <c r="I4" s="913"/>
      <c r="J4" s="913"/>
      <c r="K4" s="913"/>
      <c r="L4" s="913"/>
      <c r="M4" s="913"/>
      <c r="N4" s="913"/>
      <c r="O4" s="913"/>
      <c r="P4" s="913"/>
      <c r="Q4" s="913"/>
      <c r="R4" s="913"/>
      <c r="S4" s="913"/>
      <c r="T4" s="913"/>
      <c r="U4" s="913"/>
      <c r="V4" s="913"/>
      <c r="W4" s="913"/>
      <c r="X4" s="913"/>
      <c r="Y4" s="913"/>
    </row>
    <row r="6" spans="2:25" ht="30" customHeight="1" x14ac:dyDescent="0.15">
      <c r="B6" s="169">
        <v>1</v>
      </c>
      <c r="C6" s="168" t="s">
        <v>211</v>
      </c>
      <c r="D6" s="242"/>
      <c r="E6" s="242"/>
      <c r="F6" s="242"/>
      <c r="G6" s="7"/>
      <c r="H6" s="791"/>
      <c r="I6" s="792"/>
      <c r="J6" s="792"/>
      <c r="K6" s="792"/>
      <c r="L6" s="792"/>
      <c r="M6" s="792"/>
      <c r="N6" s="792"/>
      <c r="O6" s="792"/>
      <c r="P6" s="792"/>
      <c r="Q6" s="792"/>
      <c r="R6" s="792"/>
      <c r="S6" s="792"/>
      <c r="T6" s="792"/>
      <c r="U6" s="792"/>
      <c r="V6" s="792"/>
      <c r="W6" s="792"/>
      <c r="X6" s="792"/>
      <c r="Y6" s="793"/>
    </row>
    <row r="7" spans="2:25" ht="30" customHeight="1" x14ac:dyDescent="0.15">
      <c r="B7" s="169">
        <v>2</v>
      </c>
      <c r="C7" s="168" t="s">
        <v>409</v>
      </c>
      <c r="D7" s="168"/>
      <c r="E7" s="168"/>
      <c r="F7" s="168"/>
      <c r="G7" s="167"/>
      <c r="H7" s="180" t="s">
        <v>0</v>
      </c>
      <c r="I7" s="168" t="s">
        <v>242</v>
      </c>
      <c r="J7" s="168"/>
      <c r="K7" s="168"/>
      <c r="L7" s="168"/>
      <c r="M7" s="179" t="s">
        <v>0</v>
      </c>
      <c r="N7" s="168" t="s">
        <v>241</v>
      </c>
      <c r="O7" s="168"/>
      <c r="P7" s="168"/>
      <c r="Q7" s="168"/>
      <c r="R7" s="179" t="s">
        <v>0</v>
      </c>
      <c r="S7" s="168" t="s">
        <v>240</v>
      </c>
      <c r="T7" s="168"/>
      <c r="U7" s="168"/>
      <c r="V7" s="168"/>
      <c r="W7" s="168"/>
      <c r="X7" s="168"/>
      <c r="Y7" s="167"/>
    </row>
    <row r="8" spans="2:25" ht="30" customHeight="1" x14ac:dyDescent="0.15">
      <c r="B8" s="151">
        <v>3</v>
      </c>
      <c r="C8" s="16" t="s">
        <v>408</v>
      </c>
      <c r="D8" s="16"/>
      <c r="E8" s="16"/>
      <c r="F8" s="16"/>
      <c r="G8" s="150"/>
      <c r="H8" s="178" t="s">
        <v>0</v>
      </c>
      <c r="I8" s="8" t="s">
        <v>1536</v>
      </c>
      <c r="J8" s="16"/>
      <c r="K8" s="16"/>
      <c r="L8" s="16"/>
      <c r="M8" s="16"/>
      <c r="N8" s="16"/>
      <c r="O8" s="16"/>
      <c r="P8" s="178" t="s">
        <v>0</v>
      </c>
      <c r="Q8" s="8" t="s">
        <v>1535</v>
      </c>
      <c r="R8" s="16"/>
      <c r="S8" s="16"/>
      <c r="T8" s="16"/>
      <c r="U8" s="16"/>
      <c r="V8" s="16"/>
      <c r="W8" s="16"/>
      <c r="X8" s="16"/>
      <c r="Y8" s="150"/>
    </row>
    <row r="9" spans="2:25" ht="30" customHeight="1" x14ac:dyDescent="0.15">
      <c r="B9" s="151"/>
      <c r="C9" s="16"/>
      <c r="D9" s="16"/>
      <c r="E9" s="16"/>
      <c r="F9" s="16"/>
      <c r="G9" s="150"/>
      <c r="H9" s="178" t="s">
        <v>0</v>
      </c>
      <c r="I9" s="8" t="s">
        <v>1534</v>
      </c>
      <c r="J9" s="16"/>
      <c r="K9" s="16"/>
      <c r="L9" s="16"/>
      <c r="M9" s="16"/>
      <c r="N9" s="16"/>
      <c r="O9" s="16"/>
      <c r="P9" s="178" t="s">
        <v>0</v>
      </c>
      <c r="Q9" s="8" t="s">
        <v>1533</v>
      </c>
      <c r="R9" s="16"/>
      <c r="S9" s="16"/>
      <c r="T9" s="16"/>
      <c r="W9" s="16"/>
      <c r="X9" s="16"/>
      <c r="Y9" s="150"/>
    </row>
    <row r="10" spans="2:25" ht="30" customHeight="1" x14ac:dyDescent="0.15">
      <c r="B10" s="151"/>
      <c r="C10" s="16"/>
      <c r="D10" s="16"/>
      <c r="E10" s="16"/>
      <c r="F10" s="16"/>
      <c r="G10" s="150"/>
      <c r="M10" s="16"/>
      <c r="N10" s="16"/>
      <c r="O10" s="16"/>
      <c r="P10" s="16"/>
      <c r="Q10" s="8"/>
      <c r="R10" s="16"/>
      <c r="S10" s="16"/>
      <c r="T10" s="16"/>
      <c r="U10" s="16"/>
      <c r="V10" s="16"/>
      <c r="W10" s="16"/>
      <c r="X10" s="16"/>
      <c r="Y10" s="150"/>
    </row>
    <row r="11" spans="2:25" x14ac:dyDescent="0.15">
      <c r="B11" s="241"/>
      <c r="C11" s="4"/>
      <c r="D11" s="4"/>
      <c r="E11" s="4"/>
      <c r="F11" s="4"/>
      <c r="G11" s="82"/>
      <c r="H11" s="240"/>
      <c r="I11" s="4"/>
      <c r="J11" s="4"/>
      <c r="K11" s="4"/>
      <c r="L11" s="4"/>
      <c r="M11" s="4"/>
      <c r="N11" s="4"/>
      <c r="O11" s="4"/>
      <c r="P11" s="4"/>
      <c r="Q11" s="4"/>
      <c r="R11" s="4"/>
      <c r="S11" s="4"/>
      <c r="T11" s="4"/>
      <c r="U11" s="4"/>
      <c r="V11" s="4"/>
      <c r="W11" s="4"/>
      <c r="X11" s="4"/>
      <c r="Y11" s="82"/>
    </row>
    <row r="12" spans="2:25" ht="29.25" customHeight="1" x14ac:dyDescent="0.15">
      <c r="B12" s="237">
        <v>4</v>
      </c>
      <c r="C12" s="914" t="s">
        <v>1532</v>
      </c>
      <c r="D12" s="914"/>
      <c r="E12" s="914"/>
      <c r="F12" s="914"/>
      <c r="G12" s="915"/>
      <c r="H12" s="20" t="s">
        <v>1531</v>
      </c>
      <c r="I12" s="16"/>
      <c r="Y12" s="10"/>
    </row>
    <row r="13" spans="2:25" ht="19.5" customHeight="1" x14ac:dyDescent="0.15">
      <c r="B13" s="147"/>
      <c r="G13" s="10"/>
      <c r="H13" s="142"/>
      <c r="I13" s="16" t="s">
        <v>1530</v>
      </c>
      <c r="J13" s="16"/>
      <c r="K13" s="16"/>
      <c r="L13" s="16"/>
      <c r="M13" s="16"/>
      <c r="N13" s="16"/>
      <c r="O13" s="16"/>
      <c r="P13" s="16"/>
      <c r="Q13" s="16"/>
      <c r="R13" s="16"/>
      <c r="S13" s="16"/>
      <c r="T13" s="16"/>
      <c r="U13" s="16"/>
      <c r="Y13" s="10"/>
    </row>
    <row r="14" spans="2:25" ht="12" customHeight="1" x14ac:dyDescent="0.15">
      <c r="B14" s="147"/>
      <c r="G14" s="10"/>
      <c r="H14" s="142"/>
      <c r="I14" s="790" t="s">
        <v>1529</v>
      </c>
      <c r="J14" s="790"/>
      <c r="K14" s="790"/>
      <c r="L14" s="790"/>
      <c r="M14" s="790"/>
      <c r="N14" s="790"/>
      <c r="O14" s="790"/>
      <c r="P14" s="790"/>
      <c r="Q14" s="783" t="s">
        <v>1528</v>
      </c>
      <c r="R14" s="784"/>
      <c r="S14" s="784"/>
      <c r="T14" s="784"/>
      <c r="U14" s="784"/>
      <c r="V14" s="784"/>
      <c r="W14" s="785"/>
      <c r="Y14" s="10"/>
    </row>
    <row r="15" spans="2:25" ht="12" customHeight="1" x14ac:dyDescent="0.15">
      <c r="B15" s="147"/>
      <c r="G15" s="10"/>
      <c r="H15" s="142"/>
      <c r="I15" s="790"/>
      <c r="J15" s="790"/>
      <c r="K15" s="790"/>
      <c r="L15" s="790"/>
      <c r="M15" s="790"/>
      <c r="N15" s="790"/>
      <c r="O15" s="790"/>
      <c r="P15" s="790"/>
      <c r="Q15" s="786"/>
      <c r="R15" s="787"/>
      <c r="S15" s="787"/>
      <c r="T15" s="787"/>
      <c r="U15" s="787"/>
      <c r="V15" s="787"/>
      <c r="W15" s="788"/>
      <c r="Y15" s="10"/>
    </row>
    <row r="16" spans="2:25" ht="12" customHeight="1" x14ac:dyDescent="0.15">
      <c r="B16" s="147"/>
      <c r="G16" s="10"/>
      <c r="H16" s="142"/>
      <c r="I16" s="790" t="s">
        <v>1527</v>
      </c>
      <c r="J16" s="790"/>
      <c r="K16" s="790"/>
      <c r="L16" s="790"/>
      <c r="M16" s="790"/>
      <c r="N16" s="790"/>
      <c r="O16" s="790"/>
      <c r="P16" s="790"/>
      <c r="Q16" s="906"/>
      <c r="R16" s="907"/>
      <c r="S16" s="907"/>
      <c r="T16" s="907"/>
      <c r="U16" s="907"/>
      <c r="V16" s="907"/>
      <c r="W16" s="908"/>
      <c r="Y16" s="10"/>
    </row>
    <row r="17" spans="2:25" ht="12" customHeight="1" x14ac:dyDescent="0.15">
      <c r="B17" s="147"/>
      <c r="G17" s="10"/>
      <c r="H17" s="142"/>
      <c r="I17" s="790"/>
      <c r="J17" s="790"/>
      <c r="K17" s="790"/>
      <c r="L17" s="790"/>
      <c r="M17" s="790"/>
      <c r="N17" s="790"/>
      <c r="O17" s="790"/>
      <c r="P17" s="790"/>
      <c r="Q17" s="909"/>
      <c r="R17" s="910"/>
      <c r="S17" s="910"/>
      <c r="T17" s="910"/>
      <c r="U17" s="910"/>
      <c r="V17" s="910"/>
      <c r="W17" s="911"/>
      <c r="Y17" s="10"/>
    </row>
    <row r="18" spans="2:25" ht="12" customHeight="1" x14ac:dyDescent="0.15">
      <c r="B18" s="147"/>
      <c r="G18" s="10"/>
      <c r="H18" s="142"/>
      <c r="I18" s="790" t="s">
        <v>1526</v>
      </c>
      <c r="J18" s="790"/>
      <c r="K18" s="790"/>
      <c r="L18" s="790"/>
      <c r="M18" s="790"/>
      <c r="N18" s="790"/>
      <c r="O18" s="790"/>
      <c r="P18" s="790"/>
      <c r="Q18" s="906"/>
      <c r="R18" s="907"/>
      <c r="S18" s="907"/>
      <c r="T18" s="907"/>
      <c r="U18" s="907"/>
      <c r="V18" s="907"/>
      <c r="W18" s="908"/>
      <c r="Y18" s="10"/>
    </row>
    <row r="19" spans="2:25" ht="12" customHeight="1" x14ac:dyDescent="0.15">
      <c r="B19" s="147"/>
      <c r="G19" s="10"/>
      <c r="H19" s="142"/>
      <c r="I19" s="790"/>
      <c r="J19" s="790"/>
      <c r="K19" s="790"/>
      <c r="L19" s="790"/>
      <c r="M19" s="790"/>
      <c r="N19" s="790"/>
      <c r="O19" s="790"/>
      <c r="P19" s="790"/>
      <c r="Q19" s="909"/>
      <c r="R19" s="910"/>
      <c r="S19" s="910"/>
      <c r="T19" s="910"/>
      <c r="U19" s="910"/>
      <c r="V19" s="910"/>
      <c r="W19" s="911"/>
      <c r="Y19" s="10"/>
    </row>
    <row r="20" spans="2:25" ht="12" customHeight="1" x14ac:dyDescent="0.15">
      <c r="B20" s="147"/>
      <c r="G20" s="10"/>
      <c r="H20" s="142"/>
      <c r="I20" s="790" t="s">
        <v>1525</v>
      </c>
      <c r="J20" s="790"/>
      <c r="K20" s="790"/>
      <c r="L20" s="790"/>
      <c r="M20" s="790"/>
      <c r="N20" s="790"/>
      <c r="O20" s="790"/>
      <c r="P20" s="790"/>
      <c r="Q20" s="906"/>
      <c r="R20" s="907"/>
      <c r="S20" s="907"/>
      <c r="T20" s="907"/>
      <c r="U20" s="907"/>
      <c r="V20" s="907"/>
      <c r="W20" s="908"/>
      <c r="Y20" s="10"/>
    </row>
    <row r="21" spans="2:25" ht="12" customHeight="1" x14ac:dyDescent="0.15">
      <c r="B21" s="147"/>
      <c r="G21" s="10"/>
      <c r="H21" s="142"/>
      <c r="I21" s="790"/>
      <c r="J21" s="790"/>
      <c r="K21" s="790"/>
      <c r="L21" s="790"/>
      <c r="M21" s="790"/>
      <c r="N21" s="790"/>
      <c r="O21" s="790"/>
      <c r="P21" s="790"/>
      <c r="Q21" s="909"/>
      <c r="R21" s="910"/>
      <c r="S21" s="910"/>
      <c r="T21" s="910"/>
      <c r="U21" s="910"/>
      <c r="V21" s="910"/>
      <c r="W21" s="911"/>
      <c r="Y21" s="10"/>
    </row>
    <row r="22" spans="2:25" ht="12" customHeight="1" x14ac:dyDescent="0.15">
      <c r="B22" s="147"/>
      <c r="G22" s="10"/>
      <c r="H22" s="142"/>
      <c r="I22" s="790" t="s">
        <v>1524</v>
      </c>
      <c r="J22" s="790"/>
      <c r="K22" s="790"/>
      <c r="L22" s="790"/>
      <c r="M22" s="790"/>
      <c r="N22" s="790"/>
      <c r="O22" s="790"/>
      <c r="P22" s="790"/>
      <c r="Q22" s="906"/>
      <c r="R22" s="907"/>
      <c r="S22" s="907"/>
      <c r="T22" s="907"/>
      <c r="U22" s="907"/>
      <c r="V22" s="907"/>
      <c r="W22" s="908"/>
      <c r="Y22" s="10"/>
    </row>
    <row r="23" spans="2:25" ht="12" customHeight="1" x14ac:dyDescent="0.15">
      <c r="B23" s="147"/>
      <c r="G23" s="10"/>
      <c r="H23" s="142"/>
      <c r="I23" s="790"/>
      <c r="J23" s="790"/>
      <c r="K23" s="790"/>
      <c r="L23" s="790"/>
      <c r="M23" s="790"/>
      <c r="N23" s="790"/>
      <c r="O23" s="790"/>
      <c r="P23" s="790"/>
      <c r="Q23" s="909"/>
      <c r="R23" s="910"/>
      <c r="S23" s="910"/>
      <c r="T23" s="910"/>
      <c r="U23" s="910"/>
      <c r="V23" s="910"/>
      <c r="W23" s="911"/>
      <c r="Y23" s="10"/>
    </row>
    <row r="24" spans="2:25" ht="12" customHeight="1" x14ac:dyDescent="0.15">
      <c r="B24" s="147"/>
      <c r="G24" s="10"/>
      <c r="H24" s="142"/>
      <c r="I24" s="783" t="s">
        <v>1449</v>
      </c>
      <c r="J24" s="784"/>
      <c r="K24" s="784"/>
      <c r="L24" s="784"/>
      <c r="M24" s="784"/>
      <c r="N24" s="784"/>
      <c r="O24" s="784"/>
      <c r="P24" s="785"/>
      <c r="Q24" s="906"/>
      <c r="R24" s="907"/>
      <c r="S24" s="907"/>
      <c r="T24" s="907"/>
      <c r="U24" s="907"/>
      <c r="V24" s="907"/>
      <c r="W24" s="908"/>
      <c r="Y24" s="10"/>
    </row>
    <row r="25" spans="2:25" ht="12" customHeight="1" x14ac:dyDescent="0.15">
      <c r="B25" s="147"/>
      <c r="G25" s="10"/>
      <c r="H25" s="142"/>
      <c r="I25" s="786"/>
      <c r="J25" s="787"/>
      <c r="K25" s="787"/>
      <c r="L25" s="787"/>
      <c r="M25" s="787"/>
      <c r="N25" s="787"/>
      <c r="O25" s="787"/>
      <c r="P25" s="788"/>
      <c r="Q25" s="909"/>
      <c r="R25" s="910"/>
      <c r="S25" s="910"/>
      <c r="T25" s="910"/>
      <c r="U25" s="910"/>
      <c r="V25" s="910"/>
      <c r="W25" s="911"/>
      <c r="Y25" s="10"/>
    </row>
    <row r="26" spans="2:25" ht="12" customHeight="1" x14ac:dyDescent="0.15">
      <c r="B26" s="147"/>
      <c r="G26" s="10"/>
      <c r="H26" s="142"/>
      <c r="I26" s="783"/>
      <c r="J26" s="784"/>
      <c r="K26" s="784"/>
      <c r="L26" s="784"/>
      <c r="M26" s="784"/>
      <c r="N26" s="784"/>
      <c r="O26" s="784"/>
      <c r="P26" s="785"/>
      <c r="Q26" s="906"/>
      <c r="R26" s="907"/>
      <c r="S26" s="907"/>
      <c r="T26" s="907"/>
      <c r="U26" s="907"/>
      <c r="V26" s="907"/>
      <c r="W26" s="908"/>
      <c r="Y26" s="10"/>
    </row>
    <row r="27" spans="2:25" ht="12" customHeight="1" x14ac:dyDescent="0.15">
      <c r="B27" s="147"/>
      <c r="G27" s="10"/>
      <c r="H27" s="142"/>
      <c r="I27" s="786"/>
      <c r="J27" s="787"/>
      <c r="K27" s="787"/>
      <c r="L27" s="787"/>
      <c r="M27" s="787"/>
      <c r="N27" s="787"/>
      <c r="O27" s="787"/>
      <c r="P27" s="788"/>
      <c r="Q27" s="909"/>
      <c r="R27" s="910"/>
      <c r="S27" s="910"/>
      <c r="T27" s="910"/>
      <c r="U27" s="910"/>
      <c r="V27" s="910"/>
      <c r="W27" s="911"/>
      <c r="Y27" s="10"/>
    </row>
    <row r="28" spans="2:25" ht="12" customHeight="1" x14ac:dyDescent="0.15">
      <c r="B28" s="147"/>
      <c r="G28" s="10"/>
      <c r="H28" s="142"/>
      <c r="I28" s="790"/>
      <c r="J28" s="790"/>
      <c r="K28" s="790"/>
      <c r="L28" s="790"/>
      <c r="M28" s="790"/>
      <c r="N28" s="790"/>
      <c r="O28" s="790"/>
      <c r="P28" s="790"/>
      <c r="Q28" s="906"/>
      <c r="R28" s="907"/>
      <c r="S28" s="907"/>
      <c r="T28" s="907"/>
      <c r="U28" s="907"/>
      <c r="V28" s="907"/>
      <c r="W28" s="908"/>
      <c r="Y28" s="10"/>
    </row>
    <row r="29" spans="2:25" s="182" customFormat="1" ht="12" customHeight="1" x14ac:dyDescent="0.15">
      <c r="B29" s="147"/>
      <c r="C29" s="3"/>
      <c r="D29" s="3"/>
      <c r="E29" s="3"/>
      <c r="F29" s="3"/>
      <c r="G29" s="10"/>
      <c r="H29" s="622"/>
      <c r="I29" s="790"/>
      <c r="J29" s="790"/>
      <c r="K29" s="790"/>
      <c r="L29" s="790"/>
      <c r="M29" s="790"/>
      <c r="N29" s="790"/>
      <c r="O29" s="790"/>
      <c r="P29" s="790"/>
      <c r="Q29" s="909"/>
      <c r="R29" s="910"/>
      <c r="S29" s="910"/>
      <c r="T29" s="910"/>
      <c r="U29" s="910"/>
      <c r="V29" s="910"/>
      <c r="W29" s="911"/>
      <c r="Y29" s="621"/>
    </row>
    <row r="30" spans="2:25" ht="15" customHeight="1" x14ac:dyDescent="0.15">
      <c r="B30" s="147"/>
      <c r="G30" s="10"/>
      <c r="H30" s="142"/>
      <c r="I30" s="16"/>
      <c r="J30" s="16"/>
      <c r="K30" s="16"/>
      <c r="L30" s="16"/>
      <c r="M30" s="16"/>
      <c r="N30" s="16"/>
      <c r="O30" s="16"/>
      <c r="P30" s="16"/>
      <c r="Q30" s="16"/>
      <c r="R30" s="16"/>
      <c r="S30" s="16"/>
      <c r="T30" s="16"/>
      <c r="U30" s="16"/>
      <c r="Y30" s="238"/>
    </row>
    <row r="31" spans="2:25" ht="20.25" customHeight="1" x14ac:dyDescent="0.15">
      <c r="B31" s="147"/>
      <c r="G31" s="10"/>
      <c r="H31" s="20" t="s">
        <v>1523</v>
      </c>
      <c r="I31" s="16"/>
      <c r="J31" s="16"/>
      <c r="K31" s="16"/>
      <c r="L31" s="16"/>
      <c r="M31" s="16"/>
      <c r="N31" s="16"/>
      <c r="O31" s="16"/>
      <c r="P31" s="16"/>
      <c r="Q31" s="16"/>
      <c r="R31" s="16"/>
      <c r="S31" s="16"/>
      <c r="T31" s="16"/>
      <c r="U31" s="16"/>
      <c r="Y31" s="238"/>
    </row>
    <row r="32" spans="2:25" ht="9.75" customHeight="1" x14ac:dyDescent="0.15">
      <c r="B32" s="147"/>
      <c r="G32" s="10"/>
      <c r="H32" s="20"/>
      <c r="I32" s="16"/>
      <c r="J32" s="16"/>
      <c r="K32" s="16"/>
      <c r="L32" s="16"/>
      <c r="M32" s="16"/>
      <c r="N32" s="16"/>
      <c r="O32" s="16"/>
      <c r="P32" s="16"/>
      <c r="Q32" s="16"/>
      <c r="R32" s="16"/>
      <c r="S32" s="16"/>
      <c r="T32" s="16"/>
      <c r="U32" s="16"/>
      <c r="Y32" s="238"/>
    </row>
    <row r="33" spans="1:25" ht="22.5" customHeight="1" x14ac:dyDescent="0.15">
      <c r="B33" s="147"/>
      <c r="G33" s="10"/>
      <c r="H33" s="142"/>
      <c r="I33" s="937" t="s">
        <v>1522</v>
      </c>
      <c r="J33" s="938"/>
      <c r="K33" s="938"/>
      <c r="L33" s="938"/>
      <c r="M33" s="938"/>
      <c r="N33" s="938"/>
      <c r="O33" s="938"/>
      <c r="P33" s="938"/>
      <c r="Q33" s="938"/>
      <c r="R33" s="939"/>
      <c r="S33" s="783"/>
      <c r="T33" s="784"/>
      <c r="U33" s="785" t="s">
        <v>175</v>
      </c>
      <c r="Y33" s="10"/>
    </row>
    <row r="34" spans="1:25" ht="22.5" customHeight="1" x14ac:dyDescent="0.15">
      <c r="B34" s="147"/>
      <c r="G34" s="10"/>
      <c r="H34" s="142"/>
      <c r="I34" s="940"/>
      <c r="J34" s="779"/>
      <c r="K34" s="779"/>
      <c r="L34" s="779"/>
      <c r="M34" s="779"/>
      <c r="N34" s="779"/>
      <c r="O34" s="779"/>
      <c r="P34" s="779"/>
      <c r="Q34" s="779"/>
      <c r="R34" s="941"/>
      <c r="S34" s="786"/>
      <c r="T34" s="787"/>
      <c r="U34" s="788"/>
      <c r="Y34" s="10"/>
    </row>
    <row r="35" spans="1:25" ht="11.25" customHeight="1" x14ac:dyDescent="0.15">
      <c r="B35" s="147"/>
      <c r="G35" s="10"/>
      <c r="H35" s="20"/>
      <c r="I35" s="16"/>
      <c r="J35" s="16"/>
      <c r="K35" s="16"/>
      <c r="L35" s="16"/>
      <c r="M35" s="16"/>
      <c r="N35" s="16"/>
      <c r="O35" s="16"/>
      <c r="P35" s="16"/>
      <c r="Q35" s="16"/>
      <c r="R35" s="16"/>
      <c r="S35" s="16"/>
      <c r="T35" s="16"/>
      <c r="U35" s="16"/>
      <c r="Y35" s="238"/>
    </row>
    <row r="36" spans="1:25" ht="27.75" customHeight="1" x14ac:dyDescent="0.15">
      <c r="B36" s="147"/>
      <c r="G36" s="10"/>
      <c r="H36" s="142"/>
      <c r="I36" s="937" t="s">
        <v>1521</v>
      </c>
      <c r="J36" s="938"/>
      <c r="K36" s="938"/>
      <c r="L36" s="938"/>
      <c r="M36" s="938"/>
      <c r="N36" s="938"/>
      <c r="O36" s="938"/>
      <c r="P36" s="938"/>
      <c r="Q36" s="938"/>
      <c r="R36" s="939"/>
      <c r="S36" s="783"/>
      <c r="T36" s="784"/>
      <c r="U36" s="785" t="s">
        <v>175</v>
      </c>
      <c r="V36" s="810" t="s">
        <v>275</v>
      </c>
      <c r="W36" s="918" t="s">
        <v>1520</v>
      </c>
      <c r="X36" s="918"/>
      <c r="Y36" s="1028"/>
    </row>
    <row r="37" spans="1:25" ht="21.75" customHeight="1" x14ac:dyDescent="0.15">
      <c r="B37" s="147"/>
      <c r="G37" s="10"/>
      <c r="H37" s="142"/>
      <c r="I37" s="940"/>
      <c r="J37" s="779"/>
      <c r="K37" s="779"/>
      <c r="L37" s="779"/>
      <c r="M37" s="779"/>
      <c r="N37" s="779"/>
      <c r="O37" s="779"/>
      <c r="P37" s="779"/>
      <c r="Q37" s="779"/>
      <c r="R37" s="941"/>
      <c r="S37" s="786"/>
      <c r="T37" s="787"/>
      <c r="U37" s="788"/>
      <c r="V37" s="810"/>
      <c r="W37" s="918"/>
      <c r="X37" s="918"/>
      <c r="Y37" s="1028"/>
    </row>
    <row r="38" spans="1:25" ht="21.75" customHeight="1" x14ac:dyDescent="0.15">
      <c r="B38" s="147"/>
      <c r="G38" s="10"/>
      <c r="I38" s="145"/>
      <c r="J38" s="145"/>
      <c r="K38" s="145"/>
      <c r="L38" s="145"/>
      <c r="M38" s="145"/>
      <c r="N38" s="145"/>
      <c r="O38" s="145"/>
      <c r="P38" s="145"/>
      <c r="Q38" s="145"/>
      <c r="R38" s="145"/>
      <c r="S38" s="620"/>
      <c r="T38" s="620"/>
      <c r="U38" s="620"/>
      <c r="V38" s="18"/>
      <c r="W38" s="779" t="s">
        <v>1519</v>
      </c>
      <c r="X38" s="779"/>
      <c r="Y38" s="941"/>
    </row>
    <row r="39" spans="1:25" ht="21.75" customHeight="1" x14ac:dyDescent="0.15">
      <c r="A39" s="10"/>
      <c r="H39" s="239"/>
      <c r="I39" s="789" t="s">
        <v>1518</v>
      </c>
      <c r="J39" s="789"/>
      <c r="K39" s="789"/>
      <c r="L39" s="789"/>
      <c r="M39" s="789"/>
      <c r="N39" s="789"/>
      <c r="O39" s="789"/>
      <c r="P39" s="789"/>
      <c r="Q39" s="789"/>
      <c r="R39" s="805"/>
      <c r="S39" s="810"/>
      <c r="T39" s="778"/>
      <c r="U39" s="811" t="s">
        <v>175</v>
      </c>
      <c r="V39" s="18"/>
      <c r="W39" s="789"/>
      <c r="X39" s="789"/>
      <c r="Y39" s="805"/>
    </row>
    <row r="40" spans="1:25" ht="21.75" customHeight="1" x14ac:dyDescent="0.15">
      <c r="B40" s="147"/>
      <c r="G40" s="10"/>
      <c r="H40" s="142"/>
      <c r="I40" s="940"/>
      <c r="J40" s="779"/>
      <c r="K40" s="779"/>
      <c r="L40" s="779"/>
      <c r="M40" s="779"/>
      <c r="N40" s="779"/>
      <c r="O40" s="779"/>
      <c r="P40" s="779"/>
      <c r="Q40" s="779"/>
      <c r="R40" s="941"/>
      <c r="S40" s="786"/>
      <c r="T40" s="787"/>
      <c r="U40" s="788"/>
      <c r="V40" s="18"/>
      <c r="W40" s="789"/>
      <c r="X40" s="789"/>
      <c r="Y40" s="805"/>
    </row>
    <row r="41" spans="1:25" ht="15" customHeight="1" x14ac:dyDescent="0.15">
      <c r="B41" s="147"/>
      <c r="G41" s="10"/>
      <c r="H41" s="142"/>
      <c r="I41" s="16"/>
      <c r="J41" s="16"/>
      <c r="K41" s="16"/>
      <c r="L41" s="16"/>
      <c r="M41" s="16"/>
      <c r="N41" s="16"/>
      <c r="O41" s="16"/>
      <c r="P41" s="16"/>
      <c r="Q41" s="16"/>
      <c r="R41" s="16"/>
      <c r="S41" s="16"/>
      <c r="T41" s="16"/>
      <c r="U41" s="16"/>
      <c r="W41" s="789"/>
      <c r="X41" s="789"/>
      <c r="Y41" s="805"/>
    </row>
    <row r="42" spans="1:25" ht="15" customHeight="1" x14ac:dyDescent="0.15">
      <c r="B42" s="146"/>
      <c r="C42" s="5"/>
      <c r="D42" s="5"/>
      <c r="E42" s="5"/>
      <c r="F42" s="5"/>
      <c r="G42" s="73"/>
      <c r="H42" s="19"/>
      <c r="I42" s="5"/>
      <c r="J42" s="5"/>
      <c r="K42" s="5"/>
      <c r="L42" s="5"/>
      <c r="M42" s="5"/>
      <c r="N42" s="5"/>
      <c r="O42" s="5"/>
      <c r="P42" s="5"/>
      <c r="Q42" s="5"/>
      <c r="R42" s="5"/>
      <c r="S42" s="5"/>
      <c r="T42" s="5"/>
      <c r="U42" s="5"/>
      <c r="V42" s="5"/>
      <c r="W42" s="779"/>
      <c r="X42" s="779"/>
      <c r="Y42" s="941"/>
    </row>
    <row r="43" spans="1:25" ht="15" customHeight="1" x14ac:dyDescent="0.15">
      <c r="Y43" s="14"/>
    </row>
    <row r="44" spans="1:25" x14ac:dyDescent="0.15">
      <c r="B44" s="234" t="s">
        <v>1517</v>
      </c>
      <c r="D44" s="235"/>
      <c r="E44" s="235"/>
      <c r="F44" s="235"/>
      <c r="G44" s="235"/>
      <c r="H44" s="235"/>
      <c r="I44" s="235"/>
      <c r="J44" s="235"/>
      <c r="K44" s="235"/>
      <c r="L44" s="235"/>
      <c r="M44" s="235"/>
      <c r="N44" s="235"/>
      <c r="O44" s="235"/>
      <c r="P44" s="235"/>
      <c r="Q44" s="235"/>
      <c r="R44" s="235"/>
      <c r="S44" s="235"/>
      <c r="T44" s="235"/>
      <c r="U44" s="235"/>
      <c r="V44" s="235"/>
      <c r="W44" s="235"/>
      <c r="X44" s="235"/>
      <c r="Y44" s="235"/>
    </row>
    <row r="45" spans="1:25" x14ac:dyDescent="0.15">
      <c r="B45" s="234" t="s">
        <v>388</v>
      </c>
      <c r="D45" s="235"/>
      <c r="E45" s="235"/>
      <c r="F45" s="235"/>
      <c r="G45" s="235"/>
      <c r="H45" s="235"/>
      <c r="I45" s="235"/>
      <c r="J45" s="235"/>
      <c r="K45" s="235"/>
      <c r="L45" s="235"/>
      <c r="M45" s="235"/>
      <c r="N45" s="235"/>
      <c r="O45" s="235"/>
      <c r="P45" s="235"/>
      <c r="Q45" s="235"/>
      <c r="R45" s="235"/>
      <c r="S45" s="235"/>
      <c r="T45" s="235"/>
      <c r="U45" s="235"/>
      <c r="V45" s="235"/>
      <c r="W45" s="235"/>
      <c r="X45" s="235"/>
      <c r="Y45" s="235"/>
    </row>
    <row r="46" spans="1:25" x14ac:dyDescent="0.15">
      <c r="B46" s="234"/>
      <c r="D46" s="233"/>
      <c r="E46" s="233"/>
      <c r="F46" s="233"/>
      <c r="G46" s="233"/>
      <c r="H46" s="233"/>
      <c r="I46" s="233"/>
      <c r="J46" s="233"/>
      <c r="K46" s="233"/>
      <c r="L46" s="233"/>
      <c r="M46" s="233"/>
      <c r="N46" s="233"/>
      <c r="O46" s="233"/>
      <c r="P46" s="233"/>
      <c r="Q46" s="233"/>
      <c r="R46" s="233"/>
      <c r="S46" s="233"/>
      <c r="T46" s="233"/>
      <c r="U46" s="233"/>
      <c r="V46" s="233"/>
      <c r="W46" s="233"/>
      <c r="X46" s="233"/>
      <c r="Y46" s="233"/>
    </row>
    <row r="122" spans="3:7" x14ac:dyDescent="0.15">
      <c r="C122" s="5"/>
      <c r="D122" s="5"/>
      <c r="E122" s="5"/>
      <c r="F122" s="5"/>
      <c r="G122" s="5"/>
    </row>
    <row r="123" spans="3:7" x14ac:dyDescent="0.15">
      <c r="C123" s="4"/>
    </row>
  </sheetData>
  <mergeCells count="31">
    <mergeCell ref="I16:P17"/>
    <mergeCell ref="Q16:W17"/>
    <mergeCell ref="B4:Y4"/>
    <mergeCell ref="H6:Y6"/>
    <mergeCell ref="C12:G12"/>
    <mergeCell ref="I14:P15"/>
    <mergeCell ref="Q14:W15"/>
    <mergeCell ref="I18:P19"/>
    <mergeCell ref="Q18:W19"/>
    <mergeCell ref="I20:P21"/>
    <mergeCell ref="Q20:W21"/>
    <mergeCell ref="I22:P23"/>
    <mergeCell ref="Q22:W23"/>
    <mergeCell ref="I24:P25"/>
    <mergeCell ref="Q24:W25"/>
    <mergeCell ref="I26:P27"/>
    <mergeCell ref="Q26:W27"/>
    <mergeCell ref="I28:P29"/>
    <mergeCell ref="Q28:W29"/>
    <mergeCell ref="I33:R34"/>
    <mergeCell ref="S33:T34"/>
    <mergeCell ref="U33:U34"/>
    <mergeCell ref="I36:R37"/>
    <mergeCell ref="S36:T37"/>
    <mergeCell ref="U36:U37"/>
    <mergeCell ref="V36:V37"/>
    <mergeCell ref="W36:Y37"/>
    <mergeCell ref="W38:Y42"/>
    <mergeCell ref="I39:R40"/>
    <mergeCell ref="S39:T40"/>
    <mergeCell ref="U39:U40"/>
  </mergeCells>
  <phoneticPr fontId="2"/>
  <dataValidations count="1">
    <dataValidation type="list" allowBlank="1" showInputMessage="1" showErrorMessage="1" sqref="M7 R7 P8:P9 H7:H9">
      <formula1>"□,■"</formula1>
    </dataValidation>
  </dataValidations>
  <pageMargins left="0.7" right="0.7" top="0.75" bottom="0.75" header="0.3" footer="0.3"/>
  <pageSetup paperSize="9" scale="85" orientation="portrait" r:id="rId1"/>
</worksheet>
</file>

<file path=xl/worksheets/sheet5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Z123"/>
  <sheetViews>
    <sheetView zoomScaleNormal="100" workbookViewId="0">
      <selection activeCell="C87" sqref="C87"/>
    </sheetView>
  </sheetViews>
  <sheetFormatPr defaultColWidth="3.5" defaultRowHeight="13.5" x14ac:dyDescent="0.15"/>
  <cols>
    <col min="1" max="1" width="1.75" style="3" customWidth="1"/>
    <col min="2" max="2" width="3" style="140" customWidth="1"/>
    <col min="3" max="18" width="3.5" style="3"/>
    <col min="19" max="19" width="3.875" style="3" customWidth="1"/>
    <col min="20" max="26" width="3.5" style="3"/>
    <col min="27" max="27" width="1.375" style="3" customWidth="1"/>
    <col min="28" max="16384" width="3.5" style="3"/>
  </cols>
  <sheetData>
    <row r="1" spans="2:26" s="8" customFormat="1" x14ac:dyDescent="0.15"/>
    <row r="2" spans="2:26" s="8" customFormat="1" x14ac:dyDescent="0.15">
      <c r="B2" s="8" t="s">
        <v>1550</v>
      </c>
    </row>
    <row r="3" spans="2:26" s="8" customFormat="1" x14ac:dyDescent="0.15"/>
    <row r="4" spans="2:26" s="8" customFormat="1" x14ac:dyDescent="0.15">
      <c r="B4" s="778" t="s">
        <v>1549</v>
      </c>
      <c r="C4" s="778"/>
      <c r="D4" s="778"/>
      <c r="E4" s="778"/>
      <c r="F4" s="778"/>
      <c r="G4" s="778"/>
      <c r="H4" s="778"/>
      <c r="I4" s="778"/>
      <c r="J4" s="778"/>
      <c r="K4" s="778"/>
      <c r="L4" s="778"/>
      <c r="M4" s="778"/>
      <c r="N4" s="778"/>
      <c r="O4" s="778"/>
      <c r="P4" s="778"/>
      <c r="Q4" s="778"/>
      <c r="R4" s="778"/>
      <c r="S4" s="778"/>
      <c r="T4" s="778"/>
      <c r="U4" s="778"/>
      <c r="V4" s="778"/>
      <c r="W4" s="778"/>
      <c r="X4" s="778"/>
      <c r="Y4" s="778"/>
      <c r="Z4" s="778"/>
    </row>
    <row r="5" spans="2:26" s="8" customFormat="1" x14ac:dyDescent="0.15"/>
    <row r="6" spans="2:26" s="8" customFormat="1" ht="31.5" customHeight="1" x14ac:dyDescent="0.15">
      <c r="B6" s="790" t="s">
        <v>244</v>
      </c>
      <c r="C6" s="790"/>
      <c r="D6" s="790"/>
      <c r="E6" s="790"/>
      <c r="F6" s="790"/>
      <c r="G6" s="791"/>
      <c r="H6" s="792"/>
      <c r="I6" s="792"/>
      <c r="J6" s="792"/>
      <c r="K6" s="792"/>
      <c r="L6" s="792"/>
      <c r="M6" s="792"/>
      <c r="N6" s="792"/>
      <c r="O6" s="792"/>
      <c r="P6" s="792"/>
      <c r="Q6" s="792"/>
      <c r="R6" s="792"/>
      <c r="S6" s="792"/>
      <c r="T6" s="792"/>
      <c r="U6" s="792"/>
      <c r="V6" s="792"/>
      <c r="W6" s="792"/>
      <c r="X6" s="792"/>
      <c r="Y6" s="792"/>
      <c r="Z6" s="793"/>
    </row>
    <row r="7" spans="2:26" s="8" customFormat="1" ht="31.5" customHeight="1" x14ac:dyDescent="0.15">
      <c r="B7" s="780" t="s">
        <v>243</v>
      </c>
      <c r="C7" s="781"/>
      <c r="D7" s="781"/>
      <c r="E7" s="781"/>
      <c r="F7" s="782"/>
      <c r="G7" s="180" t="s">
        <v>0</v>
      </c>
      <c r="H7" s="168" t="s">
        <v>242</v>
      </c>
      <c r="I7" s="168"/>
      <c r="J7" s="168"/>
      <c r="K7" s="168"/>
      <c r="L7" s="179" t="s">
        <v>0</v>
      </c>
      <c r="M7" s="168" t="s">
        <v>241</v>
      </c>
      <c r="N7" s="168"/>
      <c r="O7" s="168"/>
      <c r="P7" s="168"/>
      <c r="Q7" s="179" t="s">
        <v>0</v>
      </c>
      <c r="R7" s="168" t="s">
        <v>240</v>
      </c>
      <c r="S7" s="168"/>
      <c r="T7" s="168"/>
      <c r="U7" s="168"/>
      <c r="V7" s="168"/>
      <c r="W7" s="168"/>
      <c r="X7" s="168"/>
      <c r="Y7" s="168"/>
      <c r="Z7" s="167"/>
    </row>
    <row r="8" spans="2:26" s="8" customFormat="1" ht="31.5" customHeight="1" x14ac:dyDescent="0.15">
      <c r="B8" s="780" t="s">
        <v>239</v>
      </c>
      <c r="C8" s="781"/>
      <c r="D8" s="781"/>
      <c r="E8" s="781"/>
      <c r="F8" s="782"/>
      <c r="G8" s="180" t="s">
        <v>0</v>
      </c>
      <c r="H8" s="168" t="s">
        <v>238</v>
      </c>
      <c r="I8" s="168"/>
      <c r="J8" s="168"/>
      <c r="K8" s="168"/>
      <c r="L8" s="168"/>
      <c r="M8" s="168"/>
      <c r="N8" s="168"/>
      <c r="O8" s="168"/>
      <c r="P8" s="168"/>
      <c r="Q8" s="179" t="s">
        <v>0</v>
      </c>
      <c r="R8" s="168" t="s">
        <v>921</v>
      </c>
      <c r="S8" s="168"/>
      <c r="T8" s="168"/>
      <c r="U8" s="168"/>
      <c r="V8" s="168"/>
      <c r="W8" s="162"/>
      <c r="X8" s="162"/>
      <c r="Y8" s="162"/>
      <c r="Z8" s="266"/>
    </row>
    <row r="9" spans="2:26" s="8" customFormat="1" x14ac:dyDescent="0.15"/>
    <row r="10" spans="2:26" s="8" customFormat="1" x14ac:dyDescent="0.15">
      <c r="B10" s="158"/>
      <c r="C10" s="157"/>
      <c r="D10" s="157"/>
      <c r="E10" s="157"/>
      <c r="F10" s="157"/>
      <c r="G10" s="157"/>
      <c r="H10" s="157"/>
      <c r="I10" s="157"/>
      <c r="J10" s="157"/>
      <c r="K10" s="157"/>
      <c r="L10" s="157"/>
      <c r="M10" s="157"/>
      <c r="N10" s="157"/>
      <c r="O10" s="157"/>
      <c r="P10" s="157"/>
      <c r="Q10" s="157"/>
      <c r="R10" s="157"/>
      <c r="S10" s="157"/>
      <c r="T10" s="157"/>
      <c r="U10" s="157"/>
      <c r="V10" s="157"/>
      <c r="W10" s="157"/>
      <c r="X10" s="157"/>
      <c r="Y10" s="157"/>
      <c r="Z10" s="156"/>
    </row>
    <row r="11" spans="2:26" s="8" customFormat="1" x14ac:dyDescent="0.15">
      <c r="B11" s="9" t="s">
        <v>1548</v>
      </c>
      <c r="Z11" s="149"/>
    </row>
    <row r="12" spans="2:26" s="8" customFormat="1" x14ac:dyDescent="0.15">
      <c r="B12" s="9"/>
      <c r="L12" s="18"/>
      <c r="Q12" s="18"/>
      <c r="V12" s="18"/>
      <c r="Z12" s="149"/>
    </row>
    <row r="13" spans="2:26" s="8" customFormat="1" x14ac:dyDescent="0.15">
      <c r="B13" s="9"/>
      <c r="C13" s="8" t="s">
        <v>1547</v>
      </c>
      <c r="Z13" s="149"/>
    </row>
    <row r="14" spans="2:26" s="8" customFormat="1" ht="4.5" customHeight="1" x14ac:dyDescent="0.15">
      <c r="B14" s="9"/>
      <c r="Z14" s="149"/>
    </row>
    <row r="15" spans="2:26" s="8" customFormat="1" ht="24" customHeight="1" x14ac:dyDescent="0.15">
      <c r="B15" s="9"/>
      <c r="C15" s="791"/>
      <c r="D15" s="792"/>
      <c r="E15" s="792"/>
      <c r="F15" s="792"/>
      <c r="G15" s="792"/>
      <c r="H15" s="792"/>
      <c r="I15" s="792"/>
      <c r="J15" s="792"/>
      <c r="K15" s="792"/>
      <c r="L15" s="792"/>
      <c r="M15" s="792"/>
      <c r="N15" s="792"/>
      <c r="O15" s="792"/>
      <c r="P15" s="792"/>
      <c r="Q15" s="792"/>
      <c r="R15" s="792"/>
      <c r="S15" s="792"/>
      <c r="T15" s="792"/>
      <c r="U15" s="792"/>
      <c r="V15" s="792"/>
      <c r="W15" s="792"/>
      <c r="X15" s="792"/>
      <c r="Y15" s="793"/>
      <c r="Z15" s="174"/>
    </row>
    <row r="16" spans="2:26" s="8" customFormat="1" ht="21" customHeight="1" x14ac:dyDescent="0.15">
      <c r="B16" s="9"/>
      <c r="C16" s="791"/>
      <c r="D16" s="792"/>
      <c r="E16" s="792"/>
      <c r="F16" s="792"/>
      <c r="G16" s="792"/>
      <c r="H16" s="792"/>
      <c r="I16" s="792"/>
      <c r="J16" s="792"/>
      <c r="K16" s="792"/>
      <c r="L16" s="792"/>
      <c r="M16" s="792"/>
      <c r="N16" s="792"/>
      <c r="O16" s="792"/>
      <c r="P16" s="792"/>
      <c r="Q16" s="792"/>
      <c r="R16" s="792"/>
      <c r="S16" s="792"/>
      <c r="T16" s="792"/>
      <c r="U16" s="792"/>
      <c r="V16" s="792"/>
      <c r="W16" s="792"/>
      <c r="X16" s="792"/>
      <c r="Y16" s="793"/>
      <c r="Z16" s="149"/>
    </row>
    <row r="17" spans="2:26" s="8" customFormat="1" ht="21" customHeight="1" x14ac:dyDescent="0.15">
      <c r="B17" s="9"/>
      <c r="C17" s="791"/>
      <c r="D17" s="792"/>
      <c r="E17" s="792"/>
      <c r="F17" s="792"/>
      <c r="G17" s="792"/>
      <c r="H17" s="792"/>
      <c r="I17" s="792"/>
      <c r="J17" s="792"/>
      <c r="K17" s="792"/>
      <c r="L17" s="792"/>
      <c r="M17" s="792"/>
      <c r="N17" s="792"/>
      <c r="O17" s="792"/>
      <c r="P17" s="792"/>
      <c r="Q17" s="792"/>
      <c r="R17" s="792"/>
      <c r="S17" s="792"/>
      <c r="T17" s="792"/>
      <c r="U17" s="792"/>
      <c r="V17" s="792"/>
      <c r="W17" s="792"/>
      <c r="X17" s="792"/>
      <c r="Y17" s="793"/>
      <c r="Z17" s="149"/>
    </row>
    <row r="18" spans="2:26" s="8" customFormat="1" x14ac:dyDescent="0.15">
      <c r="B18" s="9"/>
      <c r="C18" s="8" t="s">
        <v>1546</v>
      </c>
      <c r="Z18" s="149"/>
    </row>
    <row r="19" spans="2:26" s="8" customFormat="1" ht="4.5" customHeight="1" x14ac:dyDescent="0.15">
      <c r="B19" s="9"/>
      <c r="Z19" s="149"/>
    </row>
    <row r="20" spans="2:26" s="8" customFormat="1" ht="24" customHeight="1" x14ac:dyDescent="0.15">
      <c r="B20" s="9"/>
      <c r="C20" s="790" t="s">
        <v>1545</v>
      </c>
      <c r="D20" s="790"/>
      <c r="E20" s="790"/>
      <c r="F20" s="790"/>
      <c r="G20" s="790"/>
      <c r="H20" s="790"/>
      <c r="I20" s="790"/>
      <c r="J20" s="790"/>
      <c r="K20" s="790"/>
      <c r="L20" s="790"/>
      <c r="M20" s="790"/>
      <c r="N20" s="790"/>
      <c r="O20" s="790"/>
      <c r="P20" s="790"/>
      <c r="Q20" s="790"/>
      <c r="R20" s="790"/>
      <c r="S20" s="781" t="s">
        <v>1544</v>
      </c>
      <c r="T20" s="781"/>
      <c r="U20" s="781"/>
      <c r="V20" s="781"/>
      <c r="W20" s="781"/>
      <c r="X20" s="781"/>
      <c r="Y20" s="782"/>
      <c r="Z20" s="174"/>
    </row>
    <row r="21" spans="2:26" s="8" customFormat="1" ht="21" customHeight="1" x14ac:dyDescent="0.15">
      <c r="B21" s="9"/>
      <c r="C21" s="780"/>
      <c r="D21" s="781"/>
      <c r="E21" s="781"/>
      <c r="F21" s="781"/>
      <c r="G21" s="781"/>
      <c r="H21" s="781"/>
      <c r="I21" s="781"/>
      <c r="J21" s="781"/>
      <c r="K21" s="781"/>
      <c r="L21" s="781"/>
      <c r="M21" s="781"/>
      <c r="N21" s="781"/>
      <c r="O21" s="781"/>
      <c r="P21" s="781"/>
      <c r="Q21" s="781"/>
      <c r="R21" s="782"/>
      <c r="S21" s="188"/>
      <c r="T21" s="188"/>
      <c r="U21" s="188"/>
      <c r="V21" s="188"/>
      <c r="W21" s="188"/>
      <c r="X21" s="188"/>
      <c r="Y21" s="188"/>
      <c r="Z21" s="149"/>
    </row>
    <row r="22" spans="2:26" s="8" customFormat="1" ht="12" customHeight="1" x14ac:dyDescent="0.15">
      <c r="B22" s="9"/>
      <c r="C22" s="194"/>
      <c r="D22" s="194"/>
      <c r="E22" s="194"/>
      <c r="F22" s="194"/>
      <c r="G22" s="194"/>
      <c r="H22" s="194"/>
      <c r="I22" s="194"/>
      <c r="J22" s="194"/>
      <c r="K22" s="194"/>
      <c r="L22" s="194"/>
      <c r="M22" s="194"/>
      <c r="N22" s="194"/>
      <c r="O22" s="194"/>
      <c r="P22" s="157"/>
      <c r="Q22" s="157"/>
      <c r="R22" s="157"/>
      <c r="S22" s="157"/>
      <c r="T22" s="172"/>
      <c r="U22" s="172"/>
      <c r="V22" s="172"/>
      <c r="W22" s="172"/>
      <c r="X22" s="172"/>
      <c r="Y22" s="172"/>
      <c r="Z22" s="149"/>
    </row>
    <row r="23" spans="2:26" s="8" customFormat="1" ht="21" customHeight="1" x14ac:dyDescent="0.15">
      <c r="B23" s="9"/>
      <c r="C23" s="143"/>
      <c r="D23" s="143"/>
      <c r="E23" s="143"/>
      <c r="F23" s="143"/>
      <c r="G23" s="143"/>
      <c r="H23" s="143"/>
      <c r="I23" s="143"/>
      <c r="J23" s="143"/>
      <c r="K23" s="143"/>
      <c r="L23" s="143"/>
      <c r="M23" s="143"/>
      <c r="N23" s="143"/>
      <c r="O23" s="143"/>
      <c r="P23" s="172"/>
      <c r="Q23" s="172"/>
      <c r="R23" s="172"/>
      <c r="S23" s="172"/>
      <c r="T23" s="1270" t="s">
        <v>227</v>
      </c>
      <c r="U23" s="1268"/>
      <c r="V23" s="1268" t="s">
        <v>217</v>
      </c>
      <c r="W23" s="1268"/>
      <c r="X23" s="1268" t="s">
        <v>226</v>
      </c>
      <c r="Y23" s="1271"/>
      <c r="Z23" s="149"/>
    </row>
    <row r="24" spans="2:26" s="8" customFormat="1" ht="26.25" customHeight="1" x14ac:dyDescent="0.15">
      <c r="B24" s="9"/>
      <c r="C24" s="828" t="s">
        <v>1543</v>
      </c>
      <c r="D24" s="829"/>
      <c r="E24" s="829"/>
      <c r="F24" s="829"/>
      <c r="G24" s="829"/>
      <c r="H24" s="829"/>
      <c r="I24" s="829"/>
      <c r="J24" s="829"/>
      <c r="K24" s="829"/>
      <c r="L24" s="829"/>
      <c r="M24" s="829"/>
      <c r="N24" s="829"/>
      <c r="O24" s="829"/>
      <c r="P24" s="829"/>
      <c r="Q24" s="829"/>
      <c r="R24" s="829"/>
      <c r="S24" s="830"/>
      <c r="T24" s="780" t="s">
        <v>0</v>
      </c>
      <c r="U24" s="781"/>
      <c r="V24" s="1268" t="s">
        <v>217</v>
      </c>
      <c r="W24" s="1268"/>
      <c r="X24" s="781" t="s">
        <v>0</v>
      </c>
      <c r="Y24" s="782"/>
      <c r="Z24" s="149"/>
    </row>
    <row r="25" spans="2:26" s="8" customFormat="1" ht="58.5" customHeight="1" x14ac:dyDescent="0.15">
      <c r="B25" s="9"/>
      <c r="C25" s="1265" t="s">
        <v>1542</v>
      </c>
      <c r="D25" s="1266"/>
      <c r="E25" s="1266"/>
      <c r="F25" s="1266"/>
      <c r="G25" s="1266"/>
      <c r="H25" s="1266"/>
      <c r="I25" s="1266"/>
      <c r="J25" s="1266"/>
      <c r="K25" s="1266"/>
      <c r="L25" s="1266"/>
      <c r="M25" s="1266"/>
      <c r="N25" s="1266"/>
      <c r="O25" s="1266"/>
      <c r="P25" s="1266"/>
      <c r="Q25" s="1266"/>
      <c r="R25" s="1266"/>
      <c r="S25" s="1267"/>
      <c r="T25" s="780" t="s">
        <v>0</v>
      </c>
      <c r="U25" s="781"/>
      <c r="V25" s="1268" t="s">
        <v>217</v>
      </c>
      <c r="W25" s="1268"/>
      <c r="X25" s="781" t="s">
        <v>0</v>
      </c>
      <c r="Y25" s="782"/>
      <c r="Z25" s="149"/>
    </row>
    <row r="26" spans="2:26" s="8" customFormat="1" ht="46.5" customHeight="1" x14ac:dyDescent="0.15">
      <c r="B26" s="9"/>
      <c r="C26" s="828" t="s">
        <v>1541</v>
      </c>
      <c r="D26" s="829"/>
      <c r="E26" s="829"/>
      <c r="F26" s="829"/>
      <c r="G26" s="829"/>
      <c r="H26" s="829"/>
      <c r="I26" s="829"/>
      <c r="J26" s="829"/>
      <c r="K26" s="829"/>
      <c r="L26" s="829"/>
      <c r="M26" s="829"/>
      <c r="N26" s="829"/>
      <c r="O26" s="829"/>
      <c r="P26" s="829"/>
      <c r="Q26" s="829"/>
      <c r="R26" s="829"/>
      <c r="S26" s="830"/>
      <c r="T26" s="780" t="s">
        <v>0</v>
      </c>
      <c r="U26" s="781"/>
      <c r="V26" s="1268" t="s">
        <v>217</v>
      </c>
      <c r="W26" s="1268"/>
      <c r="X26" s="781" t="s">
        <v>0</v>
      </c>
      <c r="Y26" s="782"/>
      <c r="Z26" s="149"/>
    </row>
    <row r="27" spans="2:26" s="8" customFormat="1" ht="26.25" customHeight="1" x14ac:dyDescent="0.15">
      <c r="B27" s="9"/>
      <c r="C27" s="828" t="s">
        <v>1540</v>
      </c>
      <c r="D27" s="829"/>
      <c r="E27" s="829"/>
      <c r="F27" s="829"/>
      <c r="G27" s="829"/>
      <c r="H27" s="829"/>
      <c r="I27" s="829"/>
      <c r="J27" s="829"/>
      <c r="K27" s="829"/>
      <c r="L27" s="829"/>
      <c r="M27" s="829"/>
      <c r="N27" s="829"/>
      <c r="O27" s="829"/>
      <c r="P27" s="829"/>
      <c r="Q27" s="829"/>
      <c r="R27" s="829"/>
      <c r="S27" s="830"/>
      <c r="T27" s="780" t="s">
        <v>0</v>
      </c>
      <c r="U27" s="781"/>
      <c r="V27" s="1268" t="s">
        <v>217</v>
      </c>
      <c r="W27" s="1268"/>
      <c r="X27" s="781" t="s">
        <v>0</v>
      </c>
      <c r="Y27" s="782"/>
      <c r="Z27" s="149"/>
    </row>
    <row r="28" spans="2:26" s="8" customFormat="1" ht="9" customHeight="1" x14ac:dyDescent="0.15">
      <c r="B28" s="173"/>
      <c r="C28" s="172"/>
      <c r="D28" s="172"/>
      <c r="E28" s="172"/>
      <c r="F28" s="172"/>
      <c r="G28" s="172"/>
      <c r="H28" s="172"/>
      <c r="I28" s="172"/>
      <c r="J28" s="172"/>
      <c r="K28" s="172"/>
      <c r="L28" s="172"/>
      <c r="M28" s="172"/>
      <c r="N28" s="172"/>
      <c r="O28" s="172"/>
      <c r="P28" s="172"/>
      <c r="Q28" s="172"/>
      <c r="R28" s="172"/>
      <c r="S28" s="172"/>
      <c r="T28" s="172"/>
      <c r="U28" s="172"/>
      <c r="V28" s="172"/>
      <c r="W28" s="172"/>
      <c r="X28" s="172"/>
      <c r="Y28" s="172"/>
      <c r="Z28" s="171"/>
    </row>
    <row r="29" spans="2:26" s="8" customFormat="1" x14ac:dyDescent="0.15"/>
    <row r="30" spans="2:26" s="8" customFormat="1" ht="13.5" customHeight="1" x14ac:dyDescent="0.15">
      <c r="B30" s="1018" t="s">
        <v>1539</v>
      </c>
      <c r="C30" s="1269"/>
      <c r="D30" s="1269"/>
      <c r="E30" s="1269"/>
      <c r="F30" s="1269"/>
      <c r="G30" s="1269"/>
      <c r="H30" s="1269"/>
      <c r="I30" s="1269"/>
      <c r="J30" s="1269"/>
      <c r="K30" s="1269"/>
      <c r="L30" s="1269"/>
      <c r="M30" s="1269"/>
      <c r="N30" s="1269"/>
      <c r="O30" s="1269"/>
      <c r="P30" s="1269"/>
      <c r="Q30" s="1269"/>
      <c r="R30" s="1269"/>
      <c r="S30" s="1269"/>
      <c r="T30" s="1269"/>
      <c r="U30" s="1269"/>
      <c r="V30" s="1269"/>
      <c r="W30" s="1269"/>
      <c r="X30" s="1269"/>
      <c r="Y30" s="1269"/>
      <c r="Z30" s="1269"/>
    </row>
    <row r="31" spans="2:26" s="6" customFormat="1" ht="73.5" customHeight="1" x14ac:dyDescent="0.15">
      <c r="B31" s="1269"/>
      <c r="C31" s="1269"/>
      <c r="D31" s="1269"/>
      <c r="E31" s="1269"/>
      <c r="F31" s="1269"/>
      <c r="G31" s="1269"/>
      <c r="H31" s="1269"/>
      <c r="I31" s="1269"/>
      <c r="J31" s="1269"/>
      <c r="K31" s="1269"/>
      <c r="L31" s="1269"/>
      <c r="M31" s="1269"/>
      <c r="N31" s="1269"/>
      <c r="O31" s="1269"/>
      <c r="P31" s="1269"/>
      <c r="Q31" s="1269"/>
      <c r="R31" s="1269"/>
      <c r="S31" s="1269"/>
      <c r="T31" s="1269"/>
      <c r="U31" s="1269"/>
      <c r="V31" s="1269"/>
      <c r="W31" s="1269"/>
      <c r="X31" s="1269"/>
      <c r="Y31" s="1269"/>
      <c r="Z31" s="1269"/>
    </row>
    <row r="32" spans="2:26" s="6" customFormat="1" x14ac:dyDescent="0.15">
      <c r="B32" s="182"/>
      <c r="C32" s="182"/>
      <c r="D32" s="182"/>
      <c r="E32" s="182"/>
      <c r="F32" s="182"/>
      <c r="G32" s="182"/>
      <c r="H32" s="182"/>
      <c r="I32" s="182"/>
      <c r="J32" s="182"/>
      <c r="K32" s="182"/>
      <c r="L32" s="182"/>
      <c r="M32" s="182"/>
      <c r="N32" s="182"/>
      <c r="O32" s="182"/>
      <c r="P32" s="182"/>
      <c r="Q32" s="182"/>
      <c r="R32" s="182"/>
      <c r="S32" s="182"/>
      <c r="T32" s="182"/>
      <c r="U32" s="182"/>
      <c r="V32" s="182"/>
      <c r="W32" s="182"/>
      <c r="X32" s="182"/>
      <c r="Y32" s="182"/>
      <c r="Z32" s="182"/>
    </row>
    <row r="33" spans="2:26" s="6" customFormat="1" x14ac:dyDescent="0.15">
      <c r="B33" s="182"/>
      <c r="C33" s="182"/>
      <c r="D33" s="182"/>
      <c r="E33" s="182"/>
      <c r="F33" s="182"/>
      <c r="G33" s="182"/>
      <c r="H33" s="182"/>
      <c r="I33" s="182"/>
      <c r="J33" s="182"/>
      <c r="K33" s="182"/>
      <c r="L33" s="182"/>
      <c r="M33" s="182"/>
      <c r="N33" s="182"/>
      <c r="O33" s="182"/>
      <c r="P33" s="182"/>
      <c r="Q33" s="182"/>
      <c r="R33" s="182"/>
      <c r="S33" s="182"/>
      <c r="T33" s="182"/>
      <c r="U33" s="182"/>
      <c r="V33" s="182"/>
      <c r="W33" s="182"/>
      <c r="X33" s="182"/>
      <c r="Y33" s="182"/>
      <c r="Z33" s="182"/>
    </row>
    <row r="122" spans="3:7" x14ac:dyDescent="0.15">
      <c r="C122" s="5"/>
      <c r="D122" s="5"/>
      <c r="E122" s="5"/>
      <c r="F122" s="5"/>
      <c r="G122" s="5"/>
    </row>
    <row r="123" spans="3:7" x14ac:dyDescent="0.15">
      <c r="C123" s="4"/>
    </row>
  </sheetData>
  <mergeCells count="31">
    <mergeCell ref="B4:Z4"/>
    <mergeCell ref="B6:F6"/>
    <mergeCell ref="G6:Z6"/>
    <mergeCell ref="B7:F7"/>
    <mergeCell ref="B8:F8"/>
    <mergeCell ref="C15:Y15"/>
    <mergeCell ref="C16:Y16"/>
    <mergeCell ref="C24:S24"/>
    <mergeCell ref="T24:U24"/>
    <mergeCell ref="V24:W24"/>
    <mergeCell ref="X24:Y24"/>
    <mergeCell ref="C17:Y17"/>
    <mergeCell ref="C20:R20"/>
    <mergeCell ref="S20:Y20"/>
    <mergeCell ref="C21:R21"/>
    <mergeCell ref="T23:U23"/>
    <mergeCell ref="V23:W23"/>
    <mergeCell ref="X23:Y23"/>
    <mergeCell ref="C25:S25"/>
    <mergeCell ref="T25:U25"/>
    <mergeCell ref="V25:W25"/>
    <mergeCell ref="X25:Y25"/>
    <mergeCell ref="B30:Z31"/>
    <mergeCell ref="C26:S26"/>
    <mergeCell ref="T26:U26"/>
    <mergeCell ref="V26:W26"/>
    <mergeCell ref="X26:Y26"/>
    <mergeCell ref="C27:S27"/>
    <mergeCell ref="T27:U27"/>
    <mergeCell ref="V27:W27"/>
    <mergeCell ref="X27:Y27"/>
  </mergeCells>
  <phoneticPr fontId="2"/>
  <dataValidations count="1">
    <dataValidation type="list" allowBlank="1" showInputMessage="1" showErrorMessage="1" sqref="G7:G8 L7 Q7:Q8 T24:U27 X24:Y27">
      <formula1>"□,■"</formula1>
    </dataValidation>
  </dataValidations>
  <pageMargins left="0.7" right="0.7" top="0.75" bottom="0.75" header="0.3" footer="0.3"/>
  <pageSetup paperSize="9"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X969"/>
  <sheetViews>
    <sheetView zoomScaleNormal="100" zoomScaleSheetLayoutView="55" workbookViewId="0">
      <selection activeCell="B87" sqref="B87:R87"/>
    </sheetView>
  </sheetViews>
  <sheetFormatPr defaultRowHeight="18.75" x14ac:dyDescent="0.15"/>
  <cols>
    <col min="1" max="1" width="1.625" style="99" customWidth="1"/>
    <col min="2" max="2" width="9.625" style="99" customWidth="1"/>
    <col min="3" max="3" width="8.625" style="99" customWidth="1"/>
    <col min="4" max="4" width="5.625" style="99" customWidth="1"/>
    <col min="5" max="6" width="15.625" style="99" customWidth="1"/>
    <col min="7" max="7" width="5.625" style="99" customWidth="1"/>
    <col min="8" max="8" width="16.625" style="99" customWidth="1"/>
    <col min="9" max="9" width="5.625" style="99" customWidth="1"/>
    <col min="10" max="10" width="15.625" style="99" customWidth="1"/>
    <col min="11" max="11" width="5.625" style="99" customWidth="1"/>
    <col min="12" max="12" width="3.125" style="99" customWidth="1"/>
    <col min="13" max="18" width="4.625" style="99" customWidth="1"/>
    <col min="19" max="19" width="1.625" style="99" customWidth="1"/>
    <col min="20" max="21" width="9" style="99"/>
    <col min="22" max="22" width="18.5" style="99" bestFit="1" customWidth="1"/>
    <col min="23" max="23" width="29.875" style="99" bestFit="1" customWidth="1"/>
    <col min="24" max="24" width="30.375" style="99" bestFit="1" customWidth="1"/>
    <col min="25" max="16384" width="9" style="99"/>
  </cols>
  <sheetData>
    <row r="1" spans="2:24" x14ac:dyDescent="0.15">
      <c r="B1" s="99" t="s">
        <v>213</v>
      </c>
      <c r="K1" s="136" t="s">
        <v>12</v>
      </c>
      <c r="L1" s="772"/>
      <c r="M1" s="772"/>
      <c r="N1" s="105" t="s">
        <v>11</v>
      </c>
      <c r="O1" s="119"/>
      <c r="P1" s="105" t="s">
        <v>10</v>
      </c>
      <c r="Q1" s="119"/>
      <c r="R1" s="105" t="s">
        <v>20</v>
      </c>
    </row>
    <row r="2" spans="2:24" ht="25.5" x14ac:dyDescent="0.15">
      <c r="B2" s="773" t="s">
        <v>212</v>
      </c>
      <c r="C2" s="773"/>
      <c r="D2" s="773"/>
      <c r="E2" s="773"/>
      <c r="F2" s="773"/>
      <c r="G2" s="773"/>
      <c r="H2" s="773"/>
      <c r="I2" s="773"/>
      <c r="J2" s="773"/>
      <c r="K2" s="773"/>
      <c r="L2" s="773"/>
      <c r="M2" s="773"/>
      <c r="N2" s="773"/>
      <c r="O2" s="773"/>
      <c r="P2" s="773"/>
      <c r="Q2" s="773"/>
      <c r="R2" s="773"/>
    </row>
    <row r="3" spans="2:24" ht="7.5" customHeight="1" x14ac:dyDescent="0.15">
      <c r="B3" s="139"/>
      <c r="C3" s="139"/>
      <c r="D3" s="139"/>
      <c r="E3" s="139"/>
      <c r="F3" s="139"/>
      <c r="G3" s="139"/>
      <c r="H3" s="139"/>
      <c r="I3" s="139"/>
      <c r="J3" s="139"/>
      <c r="K3" s="139"/>
      <c r="L3" s="139"/>
      <c r="M3" s="139"/>
      <c r="N3" s="139"/>
      <c r="O3" s="139"/>
      <c r="P3" s="139"/>
      <c r="Q3" s="139"/>
      <c r="R3" s="139"/>
    </row>
    <row r="4" spans="2:24" ht="24.95" customHeight="1" x14ac:dyDescent="0.15">
      <c r="I4" s="136" t="s">
        <v>211</v>
      </c>
      <c r="J4" s="774"/>
      <c r="K4" s="774"/>
      <c r="L4" s="774"/>
      <c r="M4" s="774"/>
      <c r="N4" s="774"/>
      <c r="O4" s="774"/>
      <c r="P4" s="774"/>
      <c r="Q4" s="774"/>
      <c r="R4" s="774"/>
    </row>
    <row r="5" spans="2:24" ht="24.95" customHeight="1" x14ac:dyDescent="0.15">
      <c r="I5" s="136" t="s">
        <v>57</v>
      </c>
      <c r="J5" s="775"/>
      <c r="K5" s="775"/>
      <c r="L5" s="775"/>
      <c r="M5" s="775"/>
      <c r="N5" s="775"/>
      <c r="O5" s="775"/>
      <c r="P5" s="775"/>
      <c r="Q5" s="775"/>
      <c r="R5" s="775"/>
    </row>
    <row r="6" spans="2:24" ht="24.95" customHeight="1" x14ac:dyDescent="0.15">
      <c r="I6" s="136" t="s">
        <v>210</v>
      </c>
      <c r="J6" s="775"/>
      <c r="K6" s="775"/>
      <c r="L6" s="775"/>
      <c r="M6" s="775"/>
      <c r="N6" s="775"/>
      <c r="O6" s="775"/>
      <c r="P6" s="775"/>
      <c r="Q6" s="775"/>
      <c r="R6" s="775"/>
    </row>
    <row r="7" spans="2:24" ht="9" customHeight="1" x14ac:dyDescent="0.15">
      <c r="I7" s="136"/>
      <c r="J7" s="138"/>
      <c r="K7" s="138"/>
      <c r="L7" s="138"/>
      <c r="M7" s="138"/>
      <c r="N7" s="138"/>
      <c r="O7" s="138"/>
      <c r="P7" s="138"/>
      <c r="Q7" s="138"/>
      <c r="R7" s="138"/>
    </row>
    <row r="8" spans="2:24" x14ac:dyDescent="0.15">
      <c r="B8" s="776" t="s">
        <v>209</v>
      </c>
      <c r="C8" s="776"/>
      <c r="D8" s="776"/>
      <c r="E8" s="137"/>
      <c r="F8" s="777" t="s">
        <v>199</v>
      </c>
      <c r="G8" s="777"/>
      <c r="H8" s="777"/>
      <c r="I8" s="777"/>
    </row>
    <row r="9" spans="2:24" hidden="1" x14ac:dyDescent="0.15">
      <c r="E9" s="137"/>
      <c r="F9" s="733" t="s">
        <v>208</v>
      </c>
      <c r="G9" s="733"/>
      <c r="H9" s="733"/>
      <c r="I9" s="733"/>
    </row>
    <row r="10" spans="2:24" ht="9" customHeight="1" x14ac:dyDescent="0.15"/>
    <row r="11" spans="2:24" x14ac:dyDescent="0.15">
      <c r="B11" s="134" t="s">
        <v>207</v>
      </c>
      <c r="F11" s="771" t="s">
        <v>206</v>
      </c>
      <c r="G11" s="771"/>
      <c r="H11" s="771"/>
      <c r="I11" s="771"/>
      <c r="J11" s="136" t="s">
        <v>205</v>
      </c>
      <c r="K11" s="135"/>
    </row>
    <row r="12" spans="2:24" ht="9" customHeight="1" x14ac:dyDescent="0.15"/>
    <row r="13" spans="2:24" x14ac:dyDescent="0.15">
      <c r="B13" s="134" t="s">
        <v>204</v>
      </c>
    </row>
    <row r="14" spans="2:24" x14ac:dyDescent="0.15">
      <c r="B14" s="119" t="s">
        <v>0</v>
      </c>
      <c r="C14" s="758" t="s">
        <v>203</v>
      </c>
      <c r="D14" s="758"/>
      <c r="E14" s="758"/>
      <c r="F14" s="758"/>
      <c r="G14" s="758"/>
      <c r="H14" s="758"/>
      <c r="I14" s="758"/>
      <c r="J14" s="758"/>
      <c r="K14" s="758"/>
      <c r="M14" s="759" t="s">
        <v>184</v>
      </c>
      <c r="N14" s="760"/>
      <c r="O14" s="760"/>
      <c r="P14" s="760"/>
      <c r="Q14" s="760"/>
      <c r="R14" s="761"/>
    </row>
    <row r="15" spans="2:24" ht="80.099999999999994" customHeight="1" x14ac:dyDescent="0.15">
      <c r="B15" s="118"/>
      <c r="C15" s="762" t="s">
        <v>183</v>
      </c>
      <c r="D15" s="762"/>
      <c r="E15" s="118"/>
      <c r="F15" s="763" t="s">
        <v>182</v>
      </c>
      <c r="G15" s="763"/>
      <c r="H15" s="764" t="s">
        <v>181</v>
      </c>
      <c r="I15" s="764"/>
      <c r="J15" s="762" t="s">
        <v>180</v>
      </c>
      <c r="K15" s="762"/>
      <c r="M15" s="765" t="str">
        <f>F8</f>
        <v>介護福祉士</v>
      </c>
      <c r="N15" s="766"/>
      <c r="O15" s="767"/>
      <c r="P15" s="765" t="str">
        <f>F9</f>
        <v>介護職員</v>
      </c>
      <c r="Q15" s="766"/>
      <c r="R15" s="767"/>
    </row>
    <row r="16" spans="2:24" ht="26.1" customHeight="1" x14ac:dyDescent="0.15">
      <c r="B16" s="117" t="s">
        <v>179</v>
      </c>
      <c r="C16" s="749"/>
      <c r="D16" s="750" t="s">
        <v>174</v>
      </c>
      <c r="E16" s="133" t="str">
        <f>$F$8</f>
        <v>介護福祉士</v>
      </c>
      <c r="F16" s="111"/>
      <c r="G16" s="115" t="s">
        <v>175</v>
      </c>
      <c r="H16" s="111"/>
      <c r="I16" s="115" t="s">
        <v>174</v>
      </c>
      <c r="J16" s="111"/>
      <c r="K16" s="115" t="s">
        <v>174</v>
      </c>
      <c r="M16" s="752" t="str">
        <f>IF(C16="","",F16+ROUNDDOWN((H16+J16)/C16,1))</f>
        <v/>
      </c>
      <c r="N16" s="753"/>
      <c r="O16" s="754"/>
      <c r="P16" s="752" t="str">
        <f>IF(C16="","",F17+ROUNDDOWN((H17+J17)/C16,1))</f>
        <v/>
      </c>
      <c r="Q16" s="753"/>
      <c r="R16" s="754"/>
      <c r="V16" s="131"/>
      <c r="W16" s="132" t="s">
        <v>202</v>
      </c>
      <c r="X16" s="132" t="s">
        <v>201</v>
      </c>
    </row>
    <row r="17" spans="2:24" ht="26.1" customHeight="1" x14ac:dyDescent="0.15">
      <c r="B17" s="128" t="s">
        <v>178</v>
      </c>
      <c r="C17" s="749"/>
      <c r="D17" s="751"/>
      <c r="E17" s="127" t="str">
        <f>$F$9</f>
        <v>介護職員</v>
      </c>
      <c r="F17" s="107"/>
      <c r="G17" s="106" t="s">
        <v>175</v>
      </c>
      <c r="H17" s="107"/>
      <c r="I17" s="106" t="s">
        <v>174</v>
      </c>
      <c r="J17" s="107"/>
      <c r="K17" s="106" t="s">
        <v>174</v>
      </c>
      <c r="M17" s="755"/>
      <c r="N17" s="756"/>
      <c r="O17" s="757"/>
      <c r="P17" s="755"/>
      <c r="Q17" s="756"/>
      <c r="R17" s="757"/>
      <c r="V17" s="768" t="s">
        <v>200</v>
      </c>
      <c r="W17" s="131" t="s">
        <v>199</v>
      </c>
      <c r="X17" s="131" t="s">
        <v>198</v>
      </c>
    </row>
    <row r="18" spans="2:24" ht="26.1" customHeight="1" x14ac:dyDescent="0.15">
      <c r="B18" s="130"/>
      <c r="C18" s="749"/>
      <c r="D18" s="750" t="s">
        <v>174</v>
      </c>
      <c r="E18" s="129" t="str">
        <f>$F$8</f>
        <v>介護福祉士</v>
      </c>
      <c r="F18" s="112"/>
      <c r="G18" s="110" t="s">
        <v>175</v>
      </c>
      <c r="H18" s="111"/>
      <c r="I18" s="110" t="s">
        <v>174</v>
      </c>
      <c r="J18" s="111"/>
      <c r="K18" s="110" t="s">
        <v>174</v>
      </c>
      <c r="M18" s="752" t="str">
        <f>IF(C18="","",F18+ROUNDDOWN((H18+J18)/C18,1))</f>
        <v/>
      </c>
      <c r="N18" s="753"/>
      <c r="O18" s="754"/>
      <c r="P18" s="752" t="str">
        <f>IF(C18="","",F19+ROUNDDOWN((H19+J19)/C18,1))</f>
        <v/>
      </c>
      <c r="Q18" s="753"/>
      <c r="R18" s="754"/>
      <c r="V18" s="769"/>
      <c r="W18" s="131" t="s">
        <v>197</v>
      </c>
      <c r="X18" s="131" t="s">
        <v>196</v>
      </c>
    </row>
    <row r="19" spans="2:24" ht="26.1" customHeight="1" x14ac:dyDescent="0.15">
      <c r="B19" s="128" t="s">
        <v>177</v>
      </c>
      <c r="C19" s="749"/>
      <c r="D19" s="751"/>
      <c r="E19" s="127" t="str">
        <f>$F$9</f>
        <v>介護職員</v>
      </c>
      <c r="F19" s="107"/>
      <c r="G19" s="106" t="s">
        <v>175</v>
      </c>
      <c r="H19" s="107"/>
      <c r="I19" s="106" t="s">
        <v>174</v>
      </c>
      <c r="J19" s="107"/>
      <c r="K19" s="106" t="s">
        <v>174</v>
      </c>
      <c r="M19" s="755"/>
      <c r="N19" s="756"/>
      <c r="O19" s="757"/>
      <c r="P19" s="755"/>
      <c r="Q19" s="756"/>
      <c r="R19" s="757"/>
      <c r="V19" s="769"/>
      <c r="W19" s="131" t="s">
        <v>195</v>
      </c>
      <c r="X19" s="131" t="s">
        <v>194</v>
      </c>
    </row>
    <row r="20" spans="2:24" ht="26.1" customHeight="1" x14ac:dyDescent="0.15">
      <c r="B20" s="130"/>
      <c r="C20" s="749"/>
      <c r="D20" s="750" t="s">
        <v>174</v>
      </c>
      <c r="E20" s="129" t="str">
        <f>$F$8</f>
        <v>介護福祉士</v>
      </c>
      <c r="F20" s="112"/>
      <c r="G20" s="110" t="s">
        <v>175</v>
      </c>
      <c r="H20" s="111"/>
      <c r="I20" s="110" t="s">
        <v>174</v>
      </c>
      <c r="J20" s="111"/>
      <c r="K20" s="110" t="s">
        <v>174</v>
      </c>
      <c r="M20" s="752" t="str">
        <f>IF(C20="","",F20+ROUNDDOWN((H20+J20)/C20,1))</f>
        <v/>
      </c>
      <c r="N20" s="753"/>
      <c r="O20" s="754"/>
      <c r="P20" s="752" t="str">
        <f>IF(C20="","",F21+ROUNDDOWN((H21+J21)/C20,1))</f>
        <v/>
      </c>
      <c r="Q20" s="753"/>
      <c r="R20" s="754"/>
      <c r="V20" s="769"/>
      <c r="W20" s="131" t="s">
        <v>194</v>
      </c>
      <c r="X20" s="131" t="s">
        <v>194</v>
      </c>
    </row>
    <row r="21" spans="2:24" ht="26.1" customHeight="1" x14ac:dyDescent="0.15">
      <c r="B21" s="128" t="s">
        <v>176</v>
      </c>
      <c r="C21" s="749"/>
      <c r="D21" s="751"/>
      <c r="E21" s="127" t="str">
        <f>$F$9</f>
        <v>介護職員</v>
      </c>
      <c r="F21" s="107"/>
      <c r="G21" s="106" t="s">
        <v>175</v>
      </c>
      <c r="H21" s="107"/>
      <c r="I21" s="106" t="s">
        <v>174</v>
      </c>
      <c r="J21" s="107"/>
      <c r="K21" s="106" t="s">
        <v>174</v>
      </c>
      <c r="M21" s="755"/>
      <c r="N21" s="756"/>
      <c r="O21" s="757"/>
      <c r="P21" s="755"/>
      <c r="Q21" s="756"/>
      <c r="R21" s="757"/>
      <c r="V21" s="769"/>
      <c r="W21" s="131" t="s">
        <v>194</v>
      </c>
      <c r="X21" s="131" t="s">
        <v>194</v>
      </c>
    </row>
    <row r="22" spans="2:24" ht="26.1" customHeight="1" x14ac:dyDescent="0.15">
      <c r="B22" s="130"/>
      <c r="C22" s="749"/>
      <c r="D22" s="750" t="s">
        <v>174</v>
      </c>
      <c r="E22" s="129" t="str">
        <f>$F$8</f>
        <v>介護福祉士</v>
      </c>
      <c r="F22" s="112"/>
      <c r="G22" s="110" t="s">
        <v>175</v>
      </c>
      <c r="H22" s="111"/>
      <c r="I22" s="110" t="s">
        <v>174</v>
      </c>
      <c r="J22" s="111"/>
      <c r="K22" s="110" t="s">
        <v>174</v>
      </c>
      <c r="M22" s="752" t="str">
        <f>IF(C22="","",F22+ROUNDDOWN((H22+J22)/C22,1))</f>
        <v/>
      </c>
      <c r="N22" s="753"/>
      <c r="O22" s="754"/>
      <c r="P22" s="752" t="str">
        <f>IF(C22="","",F23+ROUNDDOWN((H23+J23)/C22,1))</f>
        <v/>
      </c>
      <c r="Q22" s="753"/>
      <c r="R22" s="754"/>
      <c r="V22" s="770"/>
      <c r="W22" s="131" t="s">
        <v>194</v>
      </c>
      <c r="X22" s="131" t="s">
        <v>194</v>
      </c>
    </row>
    <row r="23" spans="2:24" ht="26.1" customHeight="1" x14ac:dyDescent="0.15">
      <c r="B23" s="128" t="s">
        <v>193</v>
      </c>
      <c r="C23" s="749"/>
      <c r="D23" s="751"/>
      <c r="E23" s="127" t="str">
        <f>$F$9</f>
        <v>介護職員</v>
      </c>
      <c r="F23" s="107"/>
      <c r="G23" s="106" t="s">
        <v>175</v>
      </c>
      <c r="H23" s="107"/>
      <c r="I23" s="106" t="s">
        <v>174</v>
      </c>
      <c r="J23" s="107"/>
      <c r="K23" s="106" t="s">
        <v>174</v>
      </c>
      <c r="M23" s="755"/>
      <c r="N23" s="756"/>
      <c r="O23" s="757"/>
      <c r="P23" s="755"/>
      <c r="Q23" s="756"/>
      <c r="R23" s="757"/>
    </row>
    <row r="24" spans="2:24" ht="26.1" customHeight="1" x14ac:dyDescent="0.15">
      <c r="B24" s="130"/>
      <c r="C24" s="749"/>
      <c r="D24" s="750" t="s">
        <v>174</v>
      </c>
      <c r="E24" s="129" t="str">
        <f>$F$8</f>
        <v>介護福祉士</v>
      </c>
      <c r="F24" s="112"/>
      <c r="G24" s="110" t="s">
        <v>175</v>
      </c>
      <c r="H24" s="111"/>
      <c r="I24" s="110" t="s">
        <v>174</v>
      </c>
      <c r="J24" s="111"/>
      <c r="K24" s="110" t="s">
        <v>174</v>
      </c>
      <c r="M24" s="752" t="str">
        <f>IF(C24="","",F24+ROUNDDOWN((H24+J24)/C24,1))</f>
        <v/>
      </c>
      <c r="N24" s="753"/>
      <c r="O24" s="754"/>
      <c r="P24" s="752" t="str">
        <f>IF(C24="","",F25+ROUNDDOWN((H25+J25)/C24,1))</f>
        <v/>
      </c>
      <c r="Q24" s="753"/>
      <c r="R24" s="754"/>
    </row>
    <row r="25" spans="2:24" ht="26.1" customHeight="1" x14ac:dyDescent="0.15">
      <c r="B25" s="128" t="s">
        <v>192</v>
      </c>
      <c r="C25" s="749"/>
      <c r="D25" s="751"/>
      <c r="E25" s="127" t="str">
        <f>$F$9</f>
        <v>介護職員</v>
      </c>
      <c r="F25" s="107"/>
      <c r="G25" s="106" t="s">
        <v>175</v>
      </c>
      <c r="H25" s="107"/>
      <c r="I25" s="106" t="s">
        <v>174</v>
      </c>
      <c r="J25" s="107"/>
      <c r="K25" s="106" t="s">
        <v>174</v>
      </c>
      <c r="M25" s="755"/>
      <c r="N25" s="756"/>
      <c r="O25" s="757"/>
      <c r="P25" s="755"/>
      <c r="Q25" s="756"/>
      <c r="R25" s="757"/>
    </row>
    <row r="26" spans="2:24" ht="26.1" customHeight="1" x14ac:dyDescent="0.15">
      <c r="B26" s="130"/>
      <c r="C26" s="749"/>
      <c r="D26" s="750" t="s">
        <v>174</v>
      </c>
      <c r="E26" s="129" t="str">
        <f>$F$8</f>
        <v>介護福祉士</v>
      </c>
      <c r="F26" s="112"/>
      <c r="G26" s="110" t="s">
        <v>175</v>
      </c>
      <c r="H26" s="111"/>
      <c r="I26" s="110" t="s">
        <v>174</v>
      </c>
      <c r="J26" s="111"/>
      <c r="K26" s="110" t="s">
        <v>174</v>
      </c>
      <c r="M26" s="752" t="str">
        <f>IF(C26="","",F26+ROUNDDOWN((H26+J26)/C26,1))</f>
        <v/>
      </c>
      <c r="N26" s="753"/>
      <c r="O26" s="754"/>
      <c r="P26" s="752" t="str">
        <f>IF(C26="","",F27+ROUNDDOWN((H27+J27)/C26,1))</f>
        <v/>
      </c>
      <c r="Q26" s="753"/>
      <c r="R26" s="754"/>
    </row>
    <row r="27" spans="2:24" ht="26.1" customHeight="1" x14ac:dyDescent="0.15">
      <c r="B27" s="128" t="s">
        <v>191</v>
      </c>
      <c r="C27" s="749"/>
      <c r="D27" s="751"/>
      <c r="E27" s="127" t="str">
        <f>$F$9</f>
        <v>介護職員</v>
      </c>
      <c r="F27" s="107"/>
      <c r="G27" s="106" t="s">
        <v>175</v>
      </c>
      <c r="H27" s="107"/>
      <c r="I27" s="106" t="s">
        <v>174</v>
      </c>
      <c r="J27" s="107"/>
      <c r="K27" s="106" t="s">
        <v>174</v>
      </c>
      <c r="M27" s="755"/>
      <c r="N27" s="756"/>
      <c r="O27" s="757"/>
      <c r="P27" s="755"/>
      <c r="Q27" s="756"/>
      <c r="R27" s="757"/>
    </row>
    <row r="28" spans="2:24" ht="26.1" customHeight="1" x14ac:dyDescent="0.15">
      <c r="B28" s="130"/>
      <c r="C28" s="749"/>
      <c r="D28" s="750" t="s">
        <v>174</v>
      </c>
      <c r="E28" s="129" t="str">
        <f>$F$8</f>
        <v>介護福祉士</v>
      </c>
      <c r="F28" s="112"/>
      <c r="G28" s="110" t="s">
        <v>175</v>
      </c>
      <c r="H28" s="111"/>
      <c r="I28" s="110" t="s">
        <v>174</v>
      </c>
      <c r="J28" s="111"/>
      <c r="K28" s="110" t="s">
        <v>174</v>
      </c>
      <c r="M28" s="752" t="str">
        <f>IF(C28="","",F28+ROUNDDOWN((H28+J28)/C28,1))</f>
        <v/>
      </c>
      <c r="N28" s="753"/>
      <c r="O28" s="754"/>
      <c r="P28" s="752" t="str">
        <f>IF(C28="","",F29+ROUNDDOWN((H29+J29)/C28,1))</f>
        <v/>
      </c>
      <c r="Q28" s="753"/>
      <c r="R28" s="754"/>
    </row>
    <row r="29" spans="2:24" ht="26.1" customHeight="1" x14ac:dyDescent="0.15">
      <c r="B29" s="128" t="s">
        <v>190</v>
      </c>
      <c r="C29" s="749"/>
      <c r="D29" s="751"/>
      <c r="E29" s="127" t="str">
        <f>$F$9</f>
        <v>介護職員</v>
      </c>
      <c r="F29" s="107"/>
      <c r="G29" s="106" t="s">
        <v>175</v>
      </c>
      <c r="H29" s="107"/>
      <c r="I29" s="106" t="s">
        <v>174</v>
      </c>
      <c r="J29" s="107"/>
      <c r="K29" s="106" t="s">
        <v>174</v>
      </c>
      <c r="M29" s="755"/>
      <c r="N29" s="756"/>
      <c r="O29" s="757"/>
      <c r="P29" s="755"/>
      <c r="Q29" s="756"/>
      <c r="R29" s="757"/>
    </row>
    <row r="30" spans="2:24" ht="26.1" customHeight="1" x14ac:dyDescent="0.15">
      <c r="B30" s="130"/>
      <c r="C30" s="749"/>
      <c r="D30" s="750" t="s">
        <v>174</v>
      </c>
      <c r="E30" s="129" t="str">
        <f>$F$8</f>
        <v>介護福祉士</v>
      </c>
      <c r="F30" s="112"/>
      <c r="G30" s="110" t="s">
        <v>175</v>
      </c>
      <c r="H30" s="111"/>
      <c r="I30" s="110" t="s">
        <v>174</v>
      </c>
      <c r="J30" s="111"/>
      <c r="K30" s="110" t="s">
        <v>174</v>
      </c>
      <c r="M30" s="752" t="str">
        <f>IF(C30="","",F30+ROUNDDOWN((H30+J30)/C30,1))</f>
        <v/>
      </c>
      <c r="N30" s="753"/>
      <c r="O30" s="754"/>
      <c r="P30" s="752" t="str">
        <f>IF(C30="","",F31+ROUNDDOWN((H31+J31)/C30,1))</f>
        <v/>
      </c>
      <c r="Q30" s="753"/>
      <c r="R30" s="754"/>
    </row>
    <row r="31" spans="2:24" ht="26.1" customHeight="1" x14ac:dyDescent="0.15">
      <c r="B31" s="128" t="s">
        <v>189</v>
      </c>
      <c r="C31" s="749"/>
      <c r="D31" s="751"/>
      <c r="E31" s="127" t="str">
        <f>$F$9</f>
        <v>介護職員</v>
      </c>
      <c r="F31" s="107"/>
      <c r="G31" s="106" t="s">
        <v>175</v>
      </c>
      <c r="H31" s="107"/>
      <c r="I31" s="106" t="s">
        <v>174</v>
      </c>
      <c r="J31" s="107"/>
      <c r="K31" s="106" t="s">
        <v>174</v>
      </c>
      <c r="M31" s="755"/>
      <c r="N31" s="756"/>
      <c r="O31" s="757"/>
      <c r="P31" s="755"/>
      <c r="Q31" s="756"/>
      <c r="R31" s="757"/>
    </row>
    <row r="32" spans="2:24" ht="26.1" customHeight="1" x14ac:dyDescent="0.15">
      <c r="B32" s="130"/>
      <c r="C32" s="749"/>
      <c r="D32" s="750" t="s">
        <v>174</v>
      </c>
      <c r="E32" s="129" t="str">
        <f>$F$8</f>
        <v>介護福祉士</v>
      </c>
      <c r="F32" s="112"/>
      <c r="G32" s="110" t="s">
        <v>175</v>
      </c>
      <c r="H32" s="111"/>
      <c r="I32" s="110" t="s">
        <v>174</v>
      </c>
      <c r="J32" s="111"/>
      <c r="K32" s="110" t="s">
        <v>174</v>
      </c>
      <c r="M32" s="752" t="str">
        <f>IF(C32="","",F32+ROUNDDOWN((H32+J32)/C32,1))</f>
        <v/>
      </c>
      <c r="N32" s="753"/>
      <c r="O32" s="754"/>
      <c r="P32" s="752" t="str">
        <f>IF(C32="","",F33+ROUNDDOWN((H33+J33)/C32,1))</f>
        <v/>
      </c>
      <c r="Q32" s="753"/>
      <c r="R32" s="754"/>
    </row>
    <row r="33" spans="2:19" ht="26.1" customHeight="1" x14ac:dyDescent="0.15">
      <c r="B33" s="128" t="s">
        <v>188</v>
      </c>
      <c r="C33" s="749"/>
      <c r="D33" s="751"/>
      <c r="E33" s="127" t="str">
        <f>$F$9</f>
        <v>介護職員</v>
      </c>
      <c r="F33" s="107"/>
      <c r="G33" s="106" t="s">
        <v>175</v>
      </c>
      <c r="H33" s="107"/>
      <c r="I33" s="106" t="s">
        <v>174</v>
      </c>
      <c r="J33" s="107"/>
      <c r="K33" s="106" t="s">
        <v>174</v>
      </c>
      <c r="M33" s="755"/>
      <c r="N33" s="756"/>
      <c r="O33" s="757"/>
      <c r="P33" s="755"/>
      <c r="Q33" s="756"/>
      <c r="R33" s="757"/>
    </row>
    <row r="34" spans="2:19" ht="26.1" customHeight="1" x14ac:dyDescent="0.15">
      <c r="B34" s="117" t="s">
        <v>179</v>
      </c>
      <c r="C34" s="749"/>
      <c r="D34" s="750" t="s">
        <v>174</v>
      </c>
      <c r="E34" s="129" t="str">
        <f>$F$8</f>
        <v>介護福祉士</v>
      </c>
      <c r="F34" s="112"/>
      <c r="G34" s="110" t="s">
        <v>175</v>
      </c>
      <c r="H34" s="111"/>
      <c r="I34" s="110" t="s">
        <v>174</v>
      </c>
      <c r="J34" s="111"/>
      <c r="K34" s="110" t="s">
        <v>174</v>
      </c>
      <c r="M34" s="752" t="str">
        <f>IF(C34="","",F34+ROUNDDOWN((H34+J34)/C34,1))</f>
        <v/>
      </c>
      <c r="N34" s="753"/>
      <c r="O34" s="754"/>
      <c r="P34" s="752" t="str">
        <f>IF(C34="","",F35+ROUNDDOWN((H35+J35)/C34,1))</f>
        <v/>
      </c>
      <c r="Q34" s="753"/>
      <c r="R34" s="754"/>
    </row>
    <row r="35" spans="2:19" ht="26.1" customHeight="1" x14ac:dyDescent="0.15">
      <c r="B35" s="128" t="s">
        <v>187</v>
      </c>
      <c r="C35" s="749"/>
      <c r="D35" s="751"/>
      <c r="E35" s="127" t="str">
        <f>$F$9</f>
        <v>介護職員</v>
      </c>
      <c r="F35" s="107"/>
      <c r="G35" s="106" t="s">
        <v>175</v>
      </c>
      <c r="H35" s="107"/>
      <c r="I35" s="106" t="s">
        <v>174</v>
      </c>
      <c r="J35" s="107"/>
      <c r="K35" s="106" t="s">
        <v>174</v>
      </c>
      <c r="M35" s="755"/>
      <c r="N35" s="756"/>
      <c r="O35" s="757"/>
      <c r="P35" s="755"/>
      <c r="Q35" s="756"/>
      <c r="R35" s="757"/>
    </row>
    <row r="36" spans="2:19" ht="26.1" customHeight="1" x14ac:dyDescent="0.15">
      <c r="B36" s="130"/>
      <c r="C36" s="749"/>
      <c r="D36" s="750" t="s">
        <v>174</v>
      </c>
      <c r="E36" s="129" t="str">
        <f>$F$8</f>
        <v>介護福祉士</v>
      </c>
      <c r="F36" s="112"/>
      <c r="G36" s="110" t="s">
        <v>175</v>
      </c>
      <c r="H36" s="111"/>
      <c r="I36" s="110" t="s">
        <v>174</v>
      </c>
      <c r="J36" s="111"/>
      <c r="K36" s="110" t="s">
        <v>174</v>
      </c>
      <c r="M36" s="752" t="str">
        <f>IF(C36="","",F36+ROUNDDOWN((H36+J36)/C36,1))</f>
        <v/>
      </c>
      <c r="N36" s="753"/>
      <c r="O36" s="754"/>
      <c r="P36" s="752" t="str">
        <f>IF(C36="","",F37+ROUNDDOWN((H37+J37)/C36,1))</f>
        <v/>
      </c>
      <c r="Q36" s="753"/>
      <c r="R36" s="754"/>
    </row>
    <row r="37" spans="2:19" ht="26.1" customHeight="1" x14ac:dyDescent="0.15">
      <c r="B37" s="128" t="s">
        <v>186</v>
      </c>
      <c r="C37" s="749"/>
      <c r="D37" s="751"/>
      <c r="E37" s="127" t="str">
        <f>$F$9</f>
        <v>介護職員</v>
      </c>
      <c r="F37" s="107"/>
      <c r="G37" s="106" t="s">
        <v>175</v>
      </c>
      <c r="H37" s="107"/>
      <c r="I37" s="106" t="s">
        <v>174</v>
      </c>
      <c r="J37" s="107"/>
      <c r="K37" s="106" t="s">
        <v>174</v>
      </c>
      <c r="M37" s="755"/>
      <c r="N37" s="756"/>
      <c r="O37" s="757"/>
      <c r="P37" s="755"/>
      <c r="Q37" s="756"/>
      <c r="R37" s="757"/>
    </row>
    <row r="38" spans="2:19" ht="6.75" customHeight="1" x14ac:dyDescent="0.15">
      <c r="B38" s="125"/>
      <c r="C38" s="126"/>
      <c r="D38" s="125"/>
      <c r="E38" s="124"/>
      <c r="F38" s="123"/>
      <c r="G38" s="102"/>
      <c r="H38" s="123"/>
      <c r="I38" s="102"/>
      <c r="J38" s="122"/>
      <c r="K38" s="101"/>
      <c r="L38" s="101"/>
      <c r="M38" s="121"/>
      <c r="N38" s="121"/>
      <c r="O38" s="121"/>
      <c r="P38" s="121"/>
      <c r="Q38" s="121"/>
      <c r="R38" s="121"/>
    </row>
    <row r="39" spans="2:19" ht="20.100000000000001" customHeight="1" x14ac:dyDescent="0.15">
      <c r="H39" s="105"/>
      <c r="J39" s="751" t="s">
        <v>173</v>
      </c>
      <c r="K39" s="751"/>
      <c r="L39" s="751"/>
      <c r="M39" s="755" t="str">
        <f>IF(SUM(M16:O37)=0,"",SUM(M16:O37))</f>
        <v/>
      </c>
      <c r="N39" s="756"/>
      <c r="O39" s="757"/>
      <c r="P39" s="755" t="str">
        <f>IF(SUM(P16:R37)=0,"",SUM(P16:R37))</f>
        <v/>
      </c>
      <c r="Q39" s="756"/>
      <c r="R39" s="756"/>
      <c r="S39" s="120"/>
    </row>
    <row r="40" spans="2:19" ht="20.100000000000001" customHeight="1" x14ac:dyDescent="0.15">
      <c r="H40" s="105"/>
      <c r="J40" s="733" t="s">
        <v>172</v>
      </c>
      <c r="K40" s="733"/>
      <c r="L40" s="733"/>
      <c r="M40" s="734" t="str">
        <f>IF(M39="","",ROUNDDOWN(M39/$K$11,1))</f>
        <v/>
      </c>
      <c r="N40" s="735"/>
      <c r="O40" s="736"/>
      <c r="P40" s="734" t="str">
        <f>IF(P39="","",ROUNDDOWN(P39/$K$11,1))</f>
        <v/>
      </c>
      <c r="Q40" s="735"/>
      <c r="R40" s="736"/>
    </row>
    <row r="41" spans="2:19" ht="18.75" customHeight="1" x14ac:dyDescent="0.15">
      <c r="J41" s="737" t="str">
        <f>$M$15</f>
        <v>介護福祉士</v>
      </c>
      <c r="K41" s="738"/>
      <c r="L41" s="738"/>
      <c r="M41" s="738"/>
      <c r="N41" s="738"/>
      <c r="O41" s="739"/>
      <c r="P41" s="740" t="str">
        <f>IF(M40="","",M40/P40)</f>
        <v/>
      </c>
      <c r="Q41" s="741"/>
      <c r="R41" s="742"/>
    </row>
    <row r="42" spans="2:19" ht="18.75" customHeight="1" x14ac:dyDescent="0.15">
      <c r="J42" s="746" t="s">
        <v>171</v>
      </c>
      <c r="K42" s="747"/>
      <c r="L42" s="747"/>
      <c r="M42" s="747"/>
      <c r="N42" s="747"/>
      <c r="O42" s="748"/>
      <c r="P42" s="743"/>
      <c r="Q42" s="744"/>
      <c r="R42" s="745"/>
    </row>
    <row r="43" spans="2:19" ht="18.75" customHeight="1" x14ac:dyDescent="0.15">
      <c r="J43" s="105"/>
      <c r="K43" s="105"/>
      <c r="L43" s="105"/>
      <c r="M43" s="105"/>
      <c r="N43" s="105"/>
      <c r="O43" s="105"/>
      <c r="P43" s="105"/>
      <c r="Q43" s="105"/>
      <c r="R43" s="104"/>
    </row>
    <row r="44" spans="2:19" ht="18.75" customHeight="1" x14ac:dyDescent="0.15">
      <c r="B44" s="119" t="s">
        <v>0</v>
      </c>
      <c r="C44" s="758" t="s">
        <v>185</v>
      </c>
      <c r="D44" s="758"/>
      <c r="E44" s="758"/>
      <c r="F44" s="758"/>
      <c r="G44" s="758"/>
      <c r="H44" s="758"/>
      <c r="I44" s="758"/>
      <c r="J44" s="758"/>
      <c r="K44" s="758"/>
      <c r="M44" s="759" t="s">
        <v>184</v>
      </c>
      <c r="N44" s="760"/>
      <c r="O44" s="760"/>
      <c r="P44" s="760"/>
      <c r="Q44" s="760"/>
      <c r="R44" s="761"/>
    </row>
    <row r="45" spans="2:19" ht="79.5" customHeight="1" x14ac:dyDescent="0.15">
      <c r="B45" s="118"/>
      <c r="C45" s="762" t="s">
        <v>183</v>
      </c>
      <c r="D45" s="762"/>
      <c r="E45" s="118"/>
      <c r="F45" s="763" t="s">
        <v>182</v>
      </c>
      <c r="G45" s="763"/>
      <c r="H45" s="764" t="s">
        <v>181</v>
      </c>
      <c r="I45" s="764"/>
      <c r="J45" s="762" t="s">
        <v>180</v>
      </c>
      <c r="K45" s="762"/>
      <c r="M45" s="765" t="str">
        <f>F8</f>
        <v>介護福祉士</v>
      </c>
      <c r="N45" s="766"/>
      <c r="O45" s="767"/>
      <c r="P45" s="765" t="str">
        <f>F9</f>
        <v>介護職員</v>
      </c>
      <c r="Q45" s="766"/>
      <c r="R45" s="767"/>
    </row>
    <row r="46" spans="2:19" ht="25.5" customHeight="1" x14ac:dyDescent="0.15">
      <c r="B46" s="117" t="s">
        <v>179</v>
      </c>
      <c r="C46" s="749"/>
      <c r="D46" s="750" t="s">
        <v>174</v>
      </c>
      <c r="E46" s="116" t="str">
        <f>$F$8</f>
        <v>介護福祉士</v>
      </c>
      <c r="F46" s="111"/>
      <c r="G46" s="115" t="s">
        <v>175</v>
      </c>
      <c r="H46" s="111"/>
      <c r="I46" s="115" t="s">
        <v>174</v>
      </c>
      <c r="J46" s="111"/>
      <c r="K46" s="115" t="s">
        <v>174</v>
      </c>
      <c r="M46" s="752" t="str">
        <f>IF(C46="","",F46+ROUNDDOWN((H46+J46)/C46,1))</f>
        <v/>
      </c>
      <c r="N46" s="753"/>
      <c r="O46" s="754"/>
      <c r="P46" s="752" t="str">
        <f>IF(C46="","",F47+ROUNDDOWN((H47+J47)/C46,1))</f>
        <v/>
      </c>
      <c r="Q46" s="753"/>
      <c r="R46" s="754"/>
    </row>
    <row r="47" spans="2:19" ht="25.5" customHeight="1" x14ac:dyDescent="0.15">
      <c r="B47" s="109" t="s">
        <v>178</v>
      </c>
      <c r="C47" s="749"/>
      <c r="D47" s="751"/>
      <c r="E47" s="108" t="str">
        <f>$F$9</f>
        <v>介護職員</v>
      </c>
      <c r="F47" s="107"/>
      <c r="G47" s="106" t="s">
        <v>175</v>
      </c>
      <c r="H47" s="107"/>
      <c r="I47" s="106" t="s">
        <v>174</v>
      </c>
      <c r="J47" s="107"/>
      <c r="K47" s="106" t="s">
        <v>174</v>
      </c>
      <c r="M47" s="755"/>
      <c r="N47" s="756"/>
      <c r="O47" s="757"/>
      <c r="P47" s="755"/>
      <c r="Q47" s="756"/>
      <c r="R47" s="757"/>
    </row>
    <row r="48" spans="2:19" ht="25.5" customHeight="1" x14ac:dyDescent="0.15">
      <c r="B48" s="114"/>
      <c r="C48" s="749"/>
      <c r="D48" s="750" t="s">
        <v>174</v>
      </c>
      <c r="E48" s="113" t="str">
        <f>$F$8</f>
        <v>介護福祉士</v>
      </c>
      <c r="F48" s="112"/>
      <c r="G48" s="110" t="s">
        <v>175</v>
      </c>
      <c r="H48" s="111"/>
      <c r="I48" s="110" t="s">
        <v>174</v>
      </c>
      <c r="J48" s="111"/>
      <c r="K48" s="110" t="s">
        <v>174</v>
      </c>
      <c r="M48" s="752" t="str">
        <f>IF(C48="","",F48+ROUNDDOWN((H48+J48)/C48,1))</f>
        <v/>
      </c>
      <c r="N48" s="753"/>
      <c r="O48" s="754"/>
      <c r="P48" s="752" t="str">
        <f>IF(C48="","",F49+ROUNDDOWN((H49+J49)/C48,1))</f>
        <v/>
      </c>
      <c r="Q48" s="753"/>
      <c r="R48" s="754"/>
    </row>
    <row r="49" spans="2:18" ht="25.5" customHeight="1" x14ac:dyDescent="0.15">
      <c r="B49" s="109" t="s">
        <v>177</v>
      </c>
      <c r="C49" s="749"/>
      <c r="D49" s="751"/>
      <c r="E49" s="108" t="str">
        <f>$F$9</f>
        <v>介護職員</v>
      </c>
      <c r="F49" s="107"/>
      <c r="G49" s="106" t="s">
        <v>175</v>
      </c>
      <c r="H49" s="107"/>
      <c r="I49" s="106" t="s">
        <v>174</v>
      </c>
      <c r="J49" s="107"/>
      <c r="K49" s="106" t="s">
        <v>174</v>
      </c>
      <c r="M49" s="755"/>
      <c r="N49" s="756"/>
      <c r="O49" s="757"/>
      <c r="P49" s="755"/>
      <c r="Q49" s="756"/>
      <c r="R49" s="757"/>
    </row>
    <row r="50" spans="2:18" ht="25.5" customHeight="1" x14ac:dyDescent="0.15">
      <c r="B50" s="114"/>
      <c r="C50" s="749"/>
      <c r="D50" s="750" t="s">
        <v>174</v>
      </c>
      <c r="E50" s="113" t="str">
        <f>$F$8</f>
        <v>介護福祉士</v>
      </c>
      <c r="F50" s="112"/>
      <c r="G50" s="110" t="s">
        <v>175</v>
      </c>
      <c r="H50" s="111"/>
      <c r="I50" s="110" t="s">
        <v>174</v>
      </c>
      <c r="J50" s="111"/>
      <c r="K50" s="110" t="s">
        <v>174</v>
      </c>
      <c r="M50" s="752" t="str">
        <f>IF(C50="","",F50+ROUNDDOWN((H50+J50)/C50,1))</f>
        <v/>
      </c>
      <c r="N50" s="753"/>
      <c r="O50" s="754"/>
      <c r="P50" s="752" t="str">
        <f>IF(C50="","",F51+ROUNDDOWN((H51+J51)/C50,1))</f>
        <v/>
      </c>
      <c r="Q50" s="753"/>
      <c r="R50" s="754"/>
    </row>
    <row r="51" spans="2:18" ht="25.5" customHeight="1" x14ac:dyDescent="0.15">
      <c r="B51" s="109" t="s">
        <v>176</v>
      </c>
      <c r="C51" s="749"/>
      <c r="D51" s="751"/>
      <c r="E51" s="108" t="str">
        <f>$F$9</f>
        <v>介護職員</v>
      </c>
      <c r="F51" s="107"/>
      <c r="G51" s="106" t="s">
        <v>175</v>
      </c>
      <c r="H51" s="107"/>
      <c r="I51" s="106" t="s">
        <v>174</v>
      </c>
      <c r="J51" s="107"/>
      <c r="K51" s="106" t="s">
        <v>174</v>
      </c>
      <c r="M51" s="755"/>
      <c r="N51" s="756"/>
      <c r="O51" s="757"/>
      <c r="P51" s="755"/>
      <c r="Q51" s="756"/>
      <c r="R51" s="757"/>
    </row>
    <row r="52" spans="2:18" ht="6.75" customHeight="1" x14ac:dyDescent="0.15">
      <c r="J52" s="105"/>
      <c r="K52" s="105"/>
      <c r="L52" s="105"/>
      <c r="M52" s="105"/>
      <c r="N52" s="105"/>
      <c r="O52" s="105"/>
      <c r="P52" s="105"/>
      <c r="Q52" s="105"/>
      <c r="R52" s="104"/>
    </row>
    <row r="53" spans="2:18" ht="20.100000000000001" customHeight="1" x14ac:dyDescent="0.15">
      <c r="J53" s="733" t="s">
        <v>173</v>
      </c>
      <c r="K53" s="733"/>
      <c r="L53" s="733"/>
      <c r="M53" s="734" t="str">
        <f>IF(SUM(M46:O51)=0,"",SUM(M46:O51))</f>
        <v/>
      </c>
      <c r="N53" s="735"/>
      <c r="O53" s="736"/>
      <c r="P53" s="734" t="str">
        <f>IF(SUM(P46:R51)=0,"",SUM(P46:R51))</f>
        <v/>
      </c>
      <c r="Q53" s="735"/>
      <c r="R53" s="736"/>
    </row>
    <row r="54" spans="2:18" ht="20.100000000000001" customHeight="1" x14ac:dyDescent="0.15">
      <c r="J54" s="733" t="s">
        <v>172</v>
      </c>
      <c r="K54" s="733"/>
      <c r="L54" s="733"/>
      <c r="M54" s="734" t="str">
        <f>IF(M53="","",ROUNDDOWN(M53/3,1))</f>
        <v/>
      </c>
      <c r="N54" s="735"/>
      <c r="O54" s="736"/>
      <c r="P54" s="734" t="str">
        <f>IF(P53="","",ROUNDDOWN(P53/3,1))</f>
        <v/>
      </c>
      <c r="Q54" s="735"/>
      <c r="R54" s="736"/>
    </row>
    <row r="55" spans="2:18" ht="18.75" customHeight="1" x14ac:dyDescent="0.15">
      <c r="J55" s="737" t="str">
        <f>$M$15</f>
        <v>介護福祉士</v>
      </c>
      <c r="K55" s="738"/>
      <c r="L55" s="738"/>
      <c r="M55" s="738"/>
      <c r="N55" s="738"/>
      <c r="O55" s="739"/>
      <c r="P55" s="740" t="str">
        <f>IF(M54="","",M54/P54)</f>
        <v/>
      </c>
      <c r="Q55" s="741"/>
      <c r="R55" s="742"/>
    </row>
    <row r="56" spans="2:18" ht="18.75" customHeight="1" x14ac:dyDescent="0.15">
      <c r="J56" s="746" t="s">
        <v>171</v>
      </c>
      <c r="K56" s="747"/>
      <c r="L56" s="747"/>
      <c r="M56" s="747"/>
      <c r="N56" s="747"/>
      <c r="O56" s="748"/>
      <c r="P56" s="743"/>
      <c r="Q56" s="744"/>
      <c r="R56" s="745"/>
    </row>
    <row r="57" spans="2:18" ht="18.75" customHeight="1" x14ac:dyDescent="0.15">
      <c r="J57" s="105"/>
      <c r="K57" s="105"/>
      <c r="L57" s="105"/>
      <c r="M57" s="105"/>
      <c r="N57" s="105"/>
      <c r="O57" s="105"/>
      <c r="P57" s="105"/>
      <c r="Q57" s="105"/>
      <c r="R57" s="104"/>
    </row>
    <row r="59" spans="2:18" x14ac:dyDescent="0.15">
      <c r="B59" s="99" t="s">
        <v>170</v>
      </c>
    </row>
    <row r="60" spans="2:18" x14ac:dyDescent="0.15">
      <c r="B60" s="731" t="s">
        <v>169</v>
      </c>
      <c r="C60" s="731"/>
      <c r="D60" s="731"/>
      <c r="E60" s="731"/>
      <c r="F60" s="731"/>
      <c r="G60" s="731"/>
      <c r="H60" s="731"/>
      <c r="I60" s="731"/>
      <c r="J60" s="731"/>
      <c r="K60" s="731"/>
      <c r="L60" s="731"/>
      <c r="M60" s="731"/>
      <c r="N60" s="731"/>
      <c r="O60" s="731"/>
      <c r="P60" s="731"/>
      <c r="Q60" s="731"/>
      <c r="R60" s="731"/>
    </row>
    <row r="61" spans="2:18" x14ac:dyDescent="0.15">
      <c r="B61" s="731" t="s">
        <v>168</v>
      </c>
      <c r="C61" s="731"/>
      <c r="D61" s="731"/>
      <c r="E61" s="731"/>
      <c r="F61" s="731"/>
      <c r="G61" s="731"/>
      <c r="H61" s="731"/>
      <c r="I61" s="731"/>
      <c r="J61" s="731"/>
      <c r="K61" s="731"/>
      <c r="L61" s="731"/>
      <c r="M61" s="731"/>
      <c r="N61" s="731"/>
      <c r="O61" s="731"/>
      <c r="P61" s="731"/>
      <c r="Q61" s="731"/>
      <c r="R61" s="731"/>
    </row>
    <row r="62" spans="2:18" x14ac:dyDescent="0.15">
      <c r="B62" s="731" t="s">
        <v>167</v>
      </c>
      <c r="C62" s="731"/>
      <c r="D62" s="731"/>
      <c r="E62" s="731"/>
      <c r="F62" s="731"/>
      <c r="G62" s="731"/>
      <c r="H62" s="731"/>
      <c r="I62" s="731"/>
      <c r="J62" s="731"/>
      <c r="K62" s="731"/>
      <c r="L62" s="731"/>
      <c r="M62" s="731"/>
      <c r="N62" s="731"/>
      <c r="O62" s="731"/>
      <c r="P62" s="731"/>
      <c r="Q62" s="731"/>
      <c r="R62" s="731"/>
    </row>
    <row r="63" spans="2:18" x14ac:dyDescent="0.15">
      <c r="B63" s="103" t="s">
        <v>166</v>
      </c>
      <c r="C63" s="103"/>
      <c r="D63" s="103"/>
      <c r="E63" s="103"/>
      <c r="F63" s="103"/>
      <c r="G63" s="103"/>
      <c r="H63" s="103"/>
      <c r="I63" s="103"/>
      <c r="J63" s="103"/>
      <c r="K63" s="103"/>
      <c r="L63" s="103"/>
      <c r="M63" s="103"/>
      <c r="N63" s="103"/>
      <c r="O63" s="103"/>
      <c r="P63" s="103"/>
      <c r="Q63" s="103"/>
      <c r="R63" s="103"/>
    </row>
    <row r="64" spans="2:18" x14ac:dyDescent="0.15">
      <c r="B64" s="731" t="s">
        <v>165</v>
      </c>
      <c r="C64" s="731"/>
      <c r="D64" s="731"/>
      <c r="E64" s="731"/>
      <c r="F64" s="731"/>
      <c r="G64" s="731"/>
      <c r="H64" s="731"/>
      <c r="I64" s="731"/>
      <c r="J64" s="731"/>
      <c r="K64" s="731"/>
      <c r="L64" s="731"/>
      <c r="M64" s="731"/>
      <c r="N64" s="731"/>
      <c r="O64" s="731"/>
      <c r="P64" s="731"/>
      <c r="Q64" s="731"/>
      <c r="R64" s="731"/>
    </row>
    <row r="65" spans="2:18" x14ac:dyDescent="0.15">
      <c r="B65" s="731" t="s">
        <v>164</v>
      </c>
      <c r="C65" s="731"/>
      <c r="D65" s="731"/>
      <c r="E65" s="731"/>
      <c r="F65" s="731"/>
      <c r="G65" s="731"/>
      <c r="H65" s="731"/>
      <c r="I65" s="731"/>
      <c r="J65" s="731"/>
      <c r="K65" s="731"/>
      <c r="L65" s="731"/>
      <c r="M65" s="731"/>
      <c r="N65" s="731"/>
      <c r="O65" s="731"/>
      <c r="P65" s="731"/>
      <c r="Q65" s="731"/>
      <c r="R65" s="731"/>
    </row>
    <row r="66" spans="2:18" x14ac:dyDescent="0.15">
      <c r="B66" s="731" t="s">
        <v>163</v>
      </c>
      <c r="C66" s="731"/>
      <c r="D66" s="731"/>
      <c r="E66" s="731"/>
      <c r="F66" s="731"/>
      <c r="G66" s="731"/>
      <c r="H66" s="731"/>
      <c r="I66" s="731"/>
      <c r="J66" s="731"/>
      <c r="K66" s="731"/>
      <c r="L66" s="731"/>
      <c r="M66" s="731"/>
      <c r="N66" s="731"/>
      <c r="O66" s="731"/>
      <c r="P66" s="731"/>
      <c r="Q66" s="731"/>
      <c r="R66" s="731"/>
    </row>
    <row r="67" spans="2:18" x14ac:dyDescent="0.15">
      <c r="B67" s="731" t="s">
        <v>162</v>
      </c>
      <c r="C67" s="731"/>
      <c r="D67" s="731"/>
      <c r="E67" s="731"/>
      <c r="F67" s="731"/>
      <c r="G67" s="731"/>
      <c r="H67" s="731"/>
      <c r="I67" s="731"/>
      <c r="J67" s="731"/>
      <c r="K67" s="731"/>
      <c r="L67" s="731"/>
      <c r="M67" s="731"/>
      <c r="N67" s="731"/>
      <c r="O67" s="731"/>
      <c r="P67" s="731"/>
      <c r="Q67" s="731"/>
      <c r="R67" s="731"/>
    </row>
    <row r="68" spans="2:18" x14ac:dyDescent="0.15">
      <c r="B68" s="731" t="s">
        <v>161</v>
      </c>
      <c r="C68" s="731"/>
      <c r="D68" s="731"/>
      <c r="E68" s="731"/>
      <c r="F68" s="731"/>
      <c r="G68" s="731"/>
      <c r="H68" s="731"/>
      <c r="I68" s="731"/>
      <c r="J68" s="731"/>
      <c r="K68" s="731"/>
      <c r="L68" s="731"/>
      <c r="M68" s="731"/>
      <c r="N68" s="731"/>
      <c r="O68" s="731"/>
      <c r="P68" s="731"/>
      <c r="Q68" s="731"/>
      <c r="R68" s="731"/>
    </row>
    <row r="69" spans="2:18" x14ac:dyDescent="0.15">
      <c r="B69" s="731" t="s">
        <v>160</v>
      </c>
      <c r="C69" s="731"/>
      <c r="D69" s="731"/>
      <c r="E69" s="731"/>
      <c r="F69" s="731"/>
      <c r="G69" s="731"/>
      <c r="H69" s="731"/>
      <c r="I69" s="731"/>
      <c r="J69" s="731"/>
      <c r="K69" s="731"/>
      <c r="L69" s="731"/>
      <c r="M69" s="731"/>
      <c r="N69" s="731"/>
      <c r="O69" s="731"/>
      <c r="P69" s="731"/>
      <c r="Q69" s="731"/>
      <c r="R69" s="731"/>
    </row>
    <row r="70" spans="2:18" x14ac:dyDescent="0.15">
      <c r="B70" s="731" t="s">
        <v>159</v>
      </c>
      <c r="C70" s="731"/>
      <c r="D70" s="731"/>
      <c r="E70" s="731"/>
      <c r="F70" s="731"/>
      <c r="G70" s="731"/>
      <c r="H70" s="731"/>
      <c r="I70" s="731"/>
      <c r="J70" s="731"/>
      <c r="K70" s="731"/>
      <c r="L70" s="731"/>
      <c r="M70" s="731"/>
      <c r="N70" s="731"/>
      <c r="O70" s="731"/>
      <c r="P70" s="731"/>
      <c r="Q70" s="731"/>
      <c r="R70" s="731"/>
    </row>
    <row r="71" spans="2:18" x14ac:dyDescent="0.15">
      <c r="B71" s="731" t="s">
        <v>158</v>
      </c>
      <c r="C71" s="731"/>
      <c r="D71" s="731"/>
      <c r="E71" s="731"/>
      <c r="F71" s="731"/>
      <c r="G71" s="731"/>
      <c r="H71" s="731"/>
      <c r="I71" s="731"/>
      <c r="J71" s="731"/>
      <c r="K71" s="731"/>
      <c r="L71" s="731"/>
      <c r="M71" s="731"/>
      <c r="N71" s="731"/>
      <c r="O71" s="731"/>
      <c r="P71" s="731"/>
      <c r="Q71" s="731"/>
      <c r="R71" s="731"/>
    </row>
    <row r="72" spans="2:18" x14ac:dyDescent="0.15">
      <c r="B72" s="731" t="s">
        <v>157</v>
      </c>
      <c r="C72" s="731"/>
      <c r="D72" s="731"/>
      <c r="E72" s="731"/>
      <c r="F72" s="731"/>
      <c r="G72" s="731"/>
      <c r="H72" s="731"/>
      <c r="I72" s="731"/>
      <c r="J72" s="731"/>
      <c r="K72" s="731"/>
      <c r="L72" s="731"/>
      <c r="M72" s="731"/>
      <c r="N72" s="731"/>
      <c r="O72" s="731"/>
      <c r="P72" s="731"/>
      <c r="Q72" s="731"/>
      <c r="R72" s="731"/>
    </row>
    <row r="73" spans="2:18" x14ac:dyDescent="0.15">
      <c r="B73" s="731" t="s">
        <v>156</v>
      </c>
      <c r="C73" s="731"/>
      <c r="D73" s="731"/>
      <c r="E73" s="731"/>
      <c r="F73" s="731"/>
      <c r="G73" s="731"/>
      <c r="H73" s="731"/>
      <c r="I73" s="731"/>
      <c r="J73" s="731"/>
      <c r="K73" s="731"/>
      <c r="L73" s="731"/>
      <c r="M73" s="731"/>
      <c r="N73" s="731"/>
      <c r="O73" s="731"/>
      <c r="P73" s="731"/>
      <c r="Q73" s="731"/>
      <c r="R73" s="731"/>
    </row>
    <row r="74" spans="2:18" x14ac:dyDescent="0.15">
      <c r="B74" s="731" t="s">
        <v>155</v>
      </c>
      <c r="C74" s="731"/>
      <c r="D74" s="731"/>
      <c r="E74" s="731"/>
      <c r="F74" s="731"/>
      <c r="G74" s="731"/>
      <c r="H74" s="731"/>
      <c r="I74" s="731"/>
      <c r="J74" s="731"/>
      <c r="K74" s="731"/>
      <c r="L74" s="731"/>
      <c r="M74" s="731"/>
      <c r="N74" s="731"/>
      <c r="O74" s="731"/>
      <c r="P74" s="731"/>
      <c r="Q74" s="731"/>
      <c r="R74" s="731"/>
    </row>
    <row r="75" spans="2:18" x14ac:dyDescent="0.15">
      <c r="B75" s="731" t="s">
        <v>154</v>
      </c>
      <c r="C75" s="731"/>
      <c r="D75" s="731"/>
      <c r="E75" s="731"/>
      <c r="F75" s="731"/>
      <c r="G75" s="731"/>
      <c r="H75" s="731"/>
      <c r="I75" s="731"/>
      <c r="J75" s="731"/>
      <c r="K75" s="731"/>
      <c r="L75" s="731"/>
      <c r="M75" s="731"/>
      <c r="N75" s="731"/>
      <c r="O75" s="731"/>
      <c r="P75" s="731"/>
      <c r="Q75" s="731"/>
      <c r="R75" s="731"/>
    </row>
    <row r="76" spans="2:18" x14ac:dyDescent="0.15">
      <c r="B76" s="731" t="s">
        <v>153</v>
      </c>
      <c r="C76" s="731"/>
      <c r="D76" s="731"/>
      <c r="E76" s="731"/>
      <c r="F76" s="731"/>
      <c r="G76" s="731"/>
      <c r="H76" s="731"/>
      <c r="I76" s="731"/>
      <c r="J76" s="731"/>
      <c r="K76" s="731"/>
      <c r="L76" s="731"/>
      <c r="M76" s="731"/>
      <c r="N76" s="731"/>
      <c r="O76" s="731"/>
      <c r="P76" s="731"/>
      <c r="Q76" s="731"/>
      <c r="R76" s="731"/>
    </row>
    <row r="77" spans="2:18" x14ac:dyDescent="0.15">
      <c r="B77" s="731" t="s">
        <v>152</v>
      </c>
      <c r="C77" s="731"/>
      <c r="D77" s="731"/>
      <c r="E77" s="731"/>
      <c r="F77" s="731"/>
      <c r="G77" s="731"/>
      <c r="H77" s="731"/>
      <c r="I77" s="731"/>
      <c r="J77" s="731"/>
      <c r="K77" s="731"/>
      <c r="L77" s="731"/>
      <c r="M77" s="731"/>
      <c r="N77" s="731"/>
      <c r="O77" s="731"/>
      <c r="P77" s="731"/>
      <c r="Q77" s="731"/>
      <c r="R77" s="731"/>
    </row>
    <row r="78" spans="2:18" x14ac:dyDescent="0.15">
      <c r="B78" s="731" t="s">
        <v>151</v>
      </c>
      <c r="C78" s="731"/>
      <c r="D78" s="731"/>
      <c r="E78" s="731"/>
      <c r="F78" s="731"/>
      <c r="G78" s="731"/>
      <c r="H78" s="731"/>
      <c r="I78" s="731"/>
      <c r="J78" s="731"/>
      <c r="K78" s="731"/>
      <c r="L78" s="731"/>
      <c r="M78" s="731"/>
      <c r="N78" s="731"/>
      <c r="O78" s="731"/>
      <c r="P78" s="731"/>
      <c r="Q78" s="731"/>
      <c r="R78" s="731"/>
    </row>
    <row r="79" spans="2:18" x14ac:dyDescent="0.15">
      <c r="B79" s="731" t="s">
        <v>150</v>
      </c>
      <c r="C79" s="731"/>
      <c r="D79" s="731"/>
      <c r="E79" s="731"/>
      <c r="F79" s="731"/>
      <c r="G79" s="731"/>
      <c r="H79" s="731"/>
      <c r="I79" s="731"/>
      <c r="J79" s="731"/>
      <c r="K79" s="731"/>
      <c r="L79" s="731"/>
      <c r="M79" s="731"/>
      <c r="N79" s="731"/>
      <c r="O79" s="731"/>
      <c r="P79" s="731"/>
      <c r="Q79" s="731"/>
      <c r="R79" s="731"/>
    </row>
    <row r="80" spans="2:18" x14ac:dyDescent="0.15">
      <c r="B80" s="731" t="s">
        <v>149</v>
      </c>
      <c r="C80" s="731"/>
      <c r="D80" s="731"/>
      <c r="E80" s="731"/>
      <c r="F80" s="731"/>
      <c r="G80" s="731"/>
      <c r="H80" s="731"/>
      <c r="I80" s="731"/>
      <c r="J80" s="731"/>
      <c r="K80" s="731"/>
      <c r="L80" s="731"/>
      <c r="M80" s="731"/>
      <c r="N80" s="731"/>
      <c r="O80" s="731"/>
      <c r="P80" s="731"/>
      <c r="Q80" s="731"/>
      <c r="R80" s="731"/>
    </row>
    <row r="81" spans="2:18" x14ac:dyDescent="0.15">
      <c r="B81" s="731" t="s">
        <v>148</v>
      </c>
      <c r="C81" s="731"/>
      <c r="D81" s="731"/>
      <c r="E81" s="731"/>
      <c r="F81" s="731"/>
      <c r="G81" s="731"/>
      <c r="H81" s="731"/>
      <c r="I81" s="731"/>
      <c r="J81" s="731"/>
      <c r="K81" s="731"/>
      <c r="L81" s="731"/>
      <c r="M81" s="731"/>
      <c r="N81" s="731"/>
      <c r="O81" s="731"/>
      <c r="P81" s="731"/>
      <c r="Q81" s="731"/>
      <c r="R81" s="731"/>
    </row>
    <row r="82" spans="2:18" x14ac:dyDescent="0.15">
      <c r="B82" s="731" t="s">
        <v>147</v>
      </c>
      <c r="C82" s="731"/>
      <c r="D82" s="731"/>
      <c r="E82" s="731"/>
      <c r="F82" s="731"/>
      <c r="G82" s="731"/>
      <c r="H82" s="731"/>
      <c r="I82" s="731"/>
      <c r="J82" s="731"/>
      <c r="K82" s="731"/>
      <c r="L82" s="731"/>
      <c r="M82" s="731"/>
      <c r="N82" s="731"/>
      <c r="O82" s="731"/>
      <c r="P82" s="731"/>
      <c r="Q82" s="731"/>
      <c r="R82" s="731"/>
    </row>
    <row r="83" spans="2:18" x14ac:dyDescent="0.15">
      <c r="B83" s="732" t="s">
        <v>146</v>
      </c>
      <c r="C83" s="731"/>
      <c r="D83" s="731"/>
      <c r="E83" s="731"/>
      <c r="F83" s="731"/>
      <c r="G83" s="731"/>
      <c r="H83" s="731"/>
      <c r="I83" s="731"/>
      <c r="J83" s="731"/>
      <c r="K83" s="731"/>
      <c r="L83" s="731"/>
      <c r="M83" s="731"/>
      <c r="N83" s="731"/>
      <c r="O83" s="731"/>
      <c r="P83" s="731"/>
      <c r="Q83" s="731"/>
      <c r="R83" s="731"/>
    </row>
    <row r="84" spans="2:18" x14ac:dyDescent="0.15">
      <c r="B84" s="731" t="s">
        <v>145</v>
      </c>
      <c r="C84" s="731"/>
      <c r="D84" s="731"/>
      <c r="E84" s="731"/>
      <c r="F84" s="731"/>
      <c r="G84" s="731"/>
      <c r="H84" s="731"/>
      <c r="I84" s="731"/>
      <c r="J84" s="731"/>
      <c r="K84" s="731"/>
      <c r="L84" s="731"/>
      <c r="M84" s="731"/>
      <c r="N84" s="731"/>
      <c r="O84" s="731"/>
      <c r="P84" s="731"/>
      <c r="Q84" s="731"/>
      <c r="R84" s="731"/>
    </row>
    <row r="85" spans="2:18" x14ac:dyDescent="0.15">
      <c r="B85" s="731" t="s">
        <v>144</v>
      </c>
      <c r="C85" s="731"/>
      <c r="D85" s="731"/>
      <c r="E85" s="731"/>
      <c r="F85" s="731"/>
      <c r="G85" s="731"/>
      <c r="H85" s="731"/>
      <c r="I85" s="731"/>
      <c r="J85" s="731"/>
      <c r="K85" s="731"/>
      <c r="L85" s="731"/>
      <c r="M85" s="731"/>
      <c r="N85" s="731"/>
      <c r="O85" s="731"/>
      <c r="P85" s="731"/>
      <c r="Q85" s="731"/>
      <c r="R85" s="731"/>
    </row>
    <row r="86" spans="2:18" x14ac:dyDescent="0.15">
      <c r="B86" s="731"/>
      <c r="C86" s="731"/>
      <c r="D86" s="731"/>
      <c r="E86" s="731"/>
      <c r="F86" s="731"/>
      <c r="G86" s="731"/>
      <c r="H86" s="731"/>
      <c r="I86" s="731"/>
      <c r="J86" s="731"/>
      <c r="K86" s="731"/>
      <c r="L86" s="731"/>
      <c r="M86" s="731"/>
      <c r="N86" s="731"/>
      <c r="O86" s="731"/>
      <c r="P86" s="731"/>
      <c r="Q86" s="731"/>
      <c r="R86" s="731"/>
    </row>
    <row r="87" spans="2:18" x14ac:dyDescent="0.15">
      <c r="B87" s="731"/>
      <c r="C87" s="731"/>
      <c r="D87" s="731"/>
      <c r="E87" s="731"/>
      <c r="F87" s="731"/>
      <c r="G87" s="731"/>
      <c r="H87" s="731"/>
      <c r="I87" s="731"/>
      <c r="J87" s="731"/>
      <c r="K87" s="731"/>
      <c r="L87" s="731"/>
      <c r="M87" s="731"/>
      <c r="N87" s="731"/>
      <c r="O87" s="731"/>
      <c r="P87" s="731"/>
      <c r="Q87" s="731"/>
      <c r="R87" s="731"/>
    </row>
    <row r="88" spans="2:18" x14ac:dyDescent="0.15">
      <c r="B88" s="731"/>
      <c r="C88" s="731"/>
      <c r="D88" s="731"/>
      <c r="E88" s="731"/>
      <c r="F88" s="731"/>
      <c r="G88" s="731"/>
      <c r="H88" s="731"/>
      <c r="I88" s="731"/>
      <c r="J88" s="731"/>
      <c r="K88" s="731"/>
      <c r="L88" s="731"/>
      <c r="M88" s="731"/>
      <c r="N88" s="731"/>
      <c r="O88" s="731"/>
      <c r="P88" s="731"/>
      <c r="Q88" s="731"/>
      <c r="R88" s="731"/>
    </row>
    <row r="89" spans="2:18" x14ac:dyDescent="0.15">
      <c r="B89" s="731"/>
      <c r="C89" s="731"/>
      <c r="D89" s="731"/>
      <c r="E89" s="731"/>
      <c r="F89" s="731"/>
      <c r="G89" s="731"/>
      <c r="H89" s="731"/>
      <c r="I89" s="731"/>
      <c r="J89" s="731"/>
      <c r="K89" s="731"/>
      <c r="L89" s="731"/>
      <c r="M89" s="731"/>
      <c r="N89" s="731"/>
      <c r="O89" s="731"/>
      <c r="P89" s="731"/>
      <c r="Q89" s="731"/>
      <c r="R89" s="731"/>
    </row>
    <row r="90" spans="2:18" x14ac:dyDescent="0.15">
      <c r="B90" s="731"/>
      <c r="C90" s="731"/>
      <c r="D90" s="731"/>
      <c r="E90" s="731"/>
      <c r="F90" s="731"/>
      <c r="G90" s="731"/>
      <c r="H90" s="731"/>
      <c r="I90" s="731"/>
      <c r="J90" s="731"/>
      <c r="K90" s="731"/>
      <c r="L90" s="731"/>
      <c r="M90" s="731"/>
      <c r="N90" s="731"/>
      <c r="O90" s="731"/>
      <c r="P90" s="731"/>
      <c r="Q90" s="731"/>
      <c r="R90" s="731"/>
    </row>
    <row r="91" spans="2:18" x14ac:dyDescent="0.15">
      <c r="B91" s="731"/>
      <c r="C91" s="731"/>
      <c r="D91" s="731"/>
      <c r="E91" s="731"/>
      <c r="F91" s="731"/>
      <c r="G91" s="731"/>
      <c r="H91" s="731"/>
      <c r="I91" s="731"/>
      <c r="J91" s="731"/>
      <c r="K91" s="731"/>
      <c r="L91" s="731"/>
      <c r="M91" s="731"/>
      <c r="N91" s="731"/>
      <c r="O91" s="731"/>
      <c r="P91" s="731"/>
      <c r="Q91" s="731"/>
      <c r="R91" s="731"/>
    </row>
    <row r="92" spans="2:18" x14ac:dyDescent="0.15">
      <c r="B92" s="731"/>
      <c r="C92" s="731"/>
      <c r="D92" s="731"/>
      <c r="E92" s="731"/>
      <c r="F92" s="731"/>
      <c r="G92" s="731"/>
      <c r="H92" s="731"/>
      <c r="I92" s="731"/>
      <c r="J92" s="731"/>
      <c r="K92" s="731"/>
      <c r="L92" s="731"/>
      <c r="M92" s="731"/>
      <c r="N92" s="731"/>
      <c r="O92" s="731"/>
      <c r="P92" s="731"/>
      <c r="Q92" s="731"/>
      <c r="R92" s="731"/>
    </row>
    <row r="93" spans="2:18" x14ac:dyDescent="0.15">
      <c r="B93" s="731"/>
      <c r="C93" s="731"/>
      <c r="D93" s="731"/>
      <c r="E93" s="731"/>
      <c r="F93" s="731"/>
      <c r="G93" s="731"/>
      <c r="H93" s="731"/>
      <c r="I93" s="731"/>
      <c r="J93" s="731"/>
      <c r="K93" s="731"/>
      <c r="L93" s="731"/>
      <c r="M93" s="731"/>
      <c r="N93" s="731"/>
      <c r="O93" s="731"/>
      <c r="P93" s="731"/>
      <c r="Q93" s="731"/>
      <c r="R93" s="731"/>
    </row>
    <row r="94" spans="2:18" x14ac:dyDescent="0.15">
      <c r="B94" s="731"/>
      <c r="C94" s="731"/>
      <c r="D94" s="731"/>
      <c r="E94" s="731"/>
      <c r="F94" s="731"/>
      <c r="G94" s="731"/>
      <c r="H94" s="731"/>
      <c r="I94" s="731"/>
      <c r="J94" s="731"/>
      <c r="K94" s="731"/>
      <c r="L94" s="731"/>
      <c r="M94" s="731"/>
      <c r="N94" s="731"/>
      <c r="O94" s="731"/>
      <c r="P94" s="731"/>
      <c r="Q94" s="731"/>
      <c r="R94" s="731"/>
    </row>
    <row r="122" spans="1:7" x14ac:dyDescent="0.15">
      <c r="A122" s="101"/>
      <c r="C122" s="101"/>
      <c r="D122" s="101"/>
      <c r="E122" s="101"/>
      <c r="F122" s="101"/>
      <c r="G122" s="101"/>
    </row>
    <row r="123" spans="1:7" x14ac:dyDescent="0.15">
      <c r="C123" s="102"/>
    </row>
    <row r="151" spans="1:1" x14ac:dyDescent="0.15">
      <c r="A151" s="101"/>
    </row>
    <row r="187" spans="1:1" x14ac:dyDescent="0.15">
      <c r="A187" s="100"/>
    </row>
    <row r="238" spans="1:1" x14ac:dyDescent="0.15">
      <c r="A238" s="100"/>
    </row>
    <row r="287" spans="1:1" x14ac:dyDescent="0.15">
      <c r="A287" s="100"/>
    </row>
    <row r="314" spans="1:1" x14ac:dyDescent="0.15">
      <c r="A314" s="101"/>
    </row>
    <row r="364" spans="1:1" x14ac:dyDescent="0.15">
      <c r="A364" s="100"/>
    </row>
    <row r="388" spans="1:1" x14ac:dyDescent="0.15">
      <c r="A388" s="101"/>
    </row>
    <row r="416" spans="1:1" x14ac:dyDescent="0.15">
      <c r="A416" s="101"/>
    </row>
    <row r="444" spans="1:1" x14ac:dyDescent="0.15">
      <c r="A444" s="101"/>
    </row>
    <row r="468" spans="1:1" x14ac:dyDescent="0.15">
      <c r="A468" s="101"/>
    </row>
    <row r="497" spans="1:1" x14ac:dyDescent="0.15">
      <c r="A497" s="101"/>
    </row>
    <row r="526" spans="1:1" x14ac:dyDescent="0.15">
      <c r="A526" s="101"/>
    </row>
    <row r="575" spans="1:1" x14ac:dyDescent="0.15">
      <c r="A575" s="100"/>
    </row>
    <row r="606" spans="1:1" x14ac:dyDescent="0.15">
      <c r="A606" s="100"/>
    </row>
    <row r="650" spans="1:1" x14ac:dyDescent="0.15">
      <c r="A650" s="100"/>
    </row>
    <row r="686" spans="1:1" x14ac:dyDescent="0.15">
      <c r="A686" s="101"/>
    </row>
    <row r="725" spans="1:1" x14ac:dyDescent="0.15">
      <c r="A725" s="100"/>
    </row>
    <row r="754" spans="1:1" x14ac:dyDescent="0.15">
      <c r="A754" s="100"/>
    </row>
    <row r="793" spans="1:1" x14ac:dyDescent="0.15">
      <c r="A793" s="100"/>
    </row>
    <row r="832" spans="1:1" x14ac:dyDescent="0.15">
      <c r="A832" s="100"/>
    </row>
    <row r="860" spans="1:1" x14ac:dyDescent="0.15">
      <c r="A860" s="100"/>
    </row>
    <row r="900" spans="1:1" x14ac:dyDescent="0.15">
      <c r="A900" s="100"/>
    </row>
    <row r="940" spans="1:1" x14ac:dyDescent="0.15">
      <c r="A940" s="100"/>
    </row>
    <row r="969" spans="1:1" x14ac:dyDescent="0.15">
      <c r="A969" s="100"/>
    </row>
  </sheetData>
  <mergeCells count="134">
    <mergeCell ref="F9:I9"/>
    <mergeCell ref="F11:I11"/>
    <mergeCell ref="L1:M1"/>
    <mergeCell ref="B2:R2"/>
    <mergeCell ref="J4:R4"/>
    <mergeCell ref="J5:R5"/>
    <mergeCell ref="J6:R6"/>
    <mergeCell ref="B8:D8"/>
    <mergeCell ref="F8:I8"/>
    <mergeCell ref="C14:K14"/>
    <mergeCell ref="M14:R14"/>
    <mergeCell ref="C15:D15"/>
    <mergeCell ref="F15:G15"/>
    <mergeCell ref="H15:I15"/>
    <mergeCell ref="J15:K15"/>
    <mergeCell ref="P22:R23"/>
    <mergeCell ref="V17:V22"/>
    <mergeCell ref="C18:C19"/>
    <mergeCell ref="D18:D19"/>
    <mergeCell ref="M18:O19"/>
    <mergeCell ref="P18:R19"/>
    <mergeCell ref="C20:C21"/>
    <mergeCell ref="M15:O15"/>
    <mergeCell ref="P15:R15"/>
    <mergeCell ref="C16:C17"/>
    <mergeCell ref="D16:D17"/>
    <mergeCell ref="M16:O17"/>
    <mergeCell ref="P16:R17"/>
    <mergeCell ref="C26:C27"/>
    <mergeCell ref="D26:D27"/>
    <mergeCell ref="M26:O27"/>
    <mergeCell ref="P26:R27"/>
    <mergeCell ref="D20:D21"/>
    <mergeCell ref="M20:O21"/>
    <mergeCell ref="P20:R21"/>
    <mergeCell ref="C22:C23"/>
    <mergeCell ref="D22:D23"/>
    <mergeCell ref="M22:O23"/>
    <mergeCell ref="C24:C25"/>
    <mergeCell ref="D24:D25"/>
    <mergeCell ref="M24:O25"/>
    <mergeCell ref="P24:R25"/>
    <mergeCell ref="C28:C29"/>
    <mergeCell ref="D28:D29"/>
    <mergeCell ref="M28:O29"/>
    <mergeCell ref="P28:R29"/>
    <mergeCell ref="C30:C31"/>
    <mergeCell ref="D30:D31"/>
    <mergeCell ref="M30:O31"/>
    <mergeCell ref="P30:R31"/>
    <mergeCell ref="C32:C33"/>
    <mergeCell ref="D32:D33"/>
    <mergeCell ref="M32:O33"/>
    <mergeCell ref="P32:R33"/>
    <mergeCell ref="C34:C35"/>
    <mergeCell ref="D34:D35"/>
    <mergeCell ref="M34:O35"/>
    <mergeCell ref="P34:R35"/>
    <mergeCell ref="C36:C37"/>
    <mergeCell ref="D36:D37"/>
    <mergeCell ref="M36:O37"/>
    <mergeCell ref="P36:R37"/>
    <mergeCell ref="J39:L39"/>
    <mergeCell ref="M39:O39"/>
    <mergeCell ref="P39:R39"/>
    <mergeCell ref="J40:L40"/>
    <mergeCell ref="M40:O40"/>
    <mergeCell ref="P40:R40"/>
    <mergeCell ref="J41:O41"/>
    <mergeCell ref="P41:R42"/>
    <mergeCell ref="J42:O42"/>
    <mergeCell ref="C44:K44"/>
    <mergeCell ref="M44:R44"/>
    <mergeCell ref="C45:D45"/>
    <mergeCell ref="F45:G45"/>
    <mergeCell ref="H45:I45"/>
    <mergeCell ref="J45:K45"/>
    <mergeCell ref="M45:O45"/>
    <mergeCell ref="P45:R45"/>
    <mergeCell ref="C46:C47"/>
    <mergeCell ref="D46:D47"/>
    <mergeCell ref="M46:O47"/>
    <mergeCell ref="P46:R47"/>
    <mergeCell ref="C48:C49"/>
    <mergeCell ref="D48:D49"/>
    <mergeCell ref="M48:O49"/>
    <mergeCell ref="P48:R49"/>
    <mergeCell ref="C50:C51"/>
    <mergeCell ref="D50:D51"/>
    <mergeCell ref="M50:O51"/>
    <mergeCell ref="P50:R51"/>
    <mergeCell ref="J53:L53"/>
    <mergeCell ref="M53:O53"/>
    <mergeCell ref="P53:R53"/>
    <mergeCell ref="J54:L54"/>
    <mergeCell ref="M54:O54"/>
    <mergeCell ref="P54:R54"/>
    <mergeCell ref="J55:O55"/>
    <mergeCell ref="P55:R56"/>
    <mergeCell ref="J56:O56"/>
    <mergeCell ref="B60:R60"/>
    <mergeCell ref="B61:R61"/>
    <mergeCell ref="B62:R62"/>
    <mergeCell ref="B64:R64"/>
    <mergeCell ref="B65:R65"/>
    <mergeCell ref="B66:R66"/>
    <mergeCell ref="B67:R67"/>
    <mergeCell ref="B68:R68"/>
    <mergeCell ref="B69:R69"/>
    <mergeCell ref="B70:R70"/>
    <mergeCell ref="B71:R71"/>
    <mergeCell ref="B72:R72"/>
    <mergeCell ref="B73:R73"/>
    <mergeCell ref="B74:R74"/>
    <mergeCell ref="B75:R75"/>
    <mergeCell ref="B76:R76"/>
    <mergeCell ref="B77:R77"/>
    <mergeCell ref="B78:R78"/>
    <mergeCell ref="B94:R94"/>
    <mergeCell ref="B85:R85"/>
    <mergeCell ref="B86:R86"/>
    <mergeCell ref="B87:R87"/>
    <mergeCell ref="B88:R88"/>
    <mergeCell ref="B89:R89"/>
    <mergeCell ref="B90:R90"/>
    <mergeCell ref="B79:R79"/>
    <mergeCell ref="B80:R80"/>
    <mergeCell ref="B81:R81"/>
    <mergeCell ref="B82:R82"/>
    <mergeCell ref="B83:R83"/>
    <mergeCell ref="B84:R84"/>
    <mergeCell ref="B91:R91"/>
    <mergeCell ref="B92:R92"/>
    <mergeCell ref="B93:R93"/>
  </mergeCells>
  <phoneticPr fontId="2"/>
  <dataValidations count="3">
    <dataValidation type="list" allowBlank="1" showInputMessage="1" showErrorMessage="1" sqref="F8:I8"/>
    <dataValidation type="list" allowBlank="1" showInputMessage="1" showErrorMessage="1" sqref="F11">
      <formula1>"前年度（３月を除く）,届出日の属する月の前３月"</formula1>
    </dataValidation>
    <dataValidation type="list" allowBlank="1" showInputMessage="1" showErrorMessage="1" sqref="B14 B44">
      <formula1>"□,■"</formula1>
    </dataValidation>
  </dataValidations>
  <pageMargins left="0.7" right="0.7" top="0.75" bottom="0.75" header="0.3" footer="0.3"/>
  <pageSetup paperSize="9" scale="60" orientation="portrait" r:id="rId1"/>
  <rowBreaks count="1" manualBreakCount="1">
    <brk id="42" max="16383" man="1"/>
  </rowBreaks>
</worksheet>
</file>

<file path=xl/worksheets/sheet6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AI69"/>
  <sheetViews>
    <sheetView zoomScaleNormal="100" workbookViewId="0">
      <selection activeCell="C87" sqref="C87"/>
    </sheetView>
  </sheetViews>
  <sheetFormatPr defaultColWidth="4" defaultRowHeight="13.5" x14ac:dyDescent="0.15"/>
  <cols>
    <col min="1" max="1" width="2.875" style="8" customWidth="1"/>
    <col min="2" max="2" width="2.375" style="8" customWidth="1"/>
    <col min="3" max="3" width="3.5" style="8" customWidth="1"/>
    <col min="4" max="15" width="3.625" style="8" customWidth="1"/>
    <col min="16" max="16" width="1.5" style="8" customWidth="1"/>
    <col min="17" max="18" width="3.625" style="8" customWidth="1"/>
    <col min="19" max="19" width="2.75" style="8" customWidth="1"/>
    <col min="20" max="25" width="3.625" style="8" customWidth="1"/>
    <col min="26" max="26" width="9.5" style="8" customWidth="1"/>
    <col min="27" max="30" width="3.625" style="8" customWidth="1"/>
    <col min="31" max="31" width="6.625" style="8" customWidth="1"/>
    <col min="32" max="16384" width="4" style="8"/>
  </cols>
  <sheetData>
    <row r="2" spans="2:31" x14ac:dyDescent="0.15">
      <c r="B2" s="8" t="s">
        <v>1586</v>
      </c>
    </row>
    <row r="3" spans="2:31" x14ac:dyDescent="0.15">
      <c r="U3" s="16"/>
      <c r="X3" s="17" t="s">
        <v>12</v>
      </c>
      <c r="Y3" s="778"/>
      <c r="Z3" s="778"/>
      <c r="AA3" s="17" t="s">
        <v>11</v>
      </c>
      <c r="AB3" s="18"/>
      <c r="AC3" s="17" t="s">
        <v>21</v>
      </c>
      <c r="AD3" s="18"/>
      <c r="AE3" s="17" t="s">
        <v>20</v>
      </c>
    </row>
    <row r="4" spans="2:31" x14ac:dyDescent="0.15">
      <c r="T4" s="182"/>
      <c r="U4" s="182"/>
      <c r="V4" s="182"/>
    </row>
    <row r="5" spans="2:31" x14ac:dyDescent="0.15">
      <c r="B5" s="778" t="s">
        <v>1585</v>
      </c>
      <c r="C5" s="778"/>
      <c r="D5" s="778"/>
      <c r="E5" s="778"/>
      <c r="F5" s="778"/>
      <c r="G5" s="778"/>
      <c r="H5" s="778"/>
      <c r="I5" s="778"/>
      <c r="J5" s="778"/>
      <c r="K5" s="778"/>
      <c r="L5" s="778"/>
      <c r="M5" s="778"/>
      <c r="N5" s="778"/>
      <c r="O5" s="778"/>
      <c r="P5" s="778"/>
      <c r="Q5" s="778"/>
      <c r="R5" s="778"/>
      <c r="S5" s="778"/>
      <c r="T5" s="778"/>
      <c r="U5" s="778"/>
      <c r="V5" s="778"/>
      <c r="W5" s="778"/>
      <c r="X5" s="778"/>
      <c r="Y5" s="778"/>
      <c r="Z5" s="778"/>
      <c r="AA5" s="778"/>
      <c r="AB5" s="778"/>
      <c r="AC5" s="778"/>
      <c r="AD5" s="778"/>
      <c r="AE5" s="778"/>
    </row>
    <row r="7" spans="2:31" ht="23.25" customHeight="1" x14ac:dyDescent="0.15">
      <c r="B7" s="254" t="s">
        <v>244</v>
      </c>
      <c r="C7" s="254"/>
      <c r="D7" s="254"/>
      <c r="E7" s="254"/>
      <c r="F7" s="780"/>
      <c r="G7" s="781"/>
      <c r="H7" s="781"/>
      <c r="I7" s="781"/>
      <c r="J7" s="781"/>
      <c r="K7" s="781"/>
      <c r="L7" s="781"/>
      <c r="M7" s="781"/>
      <c r="N7" s="781"/>
      <c r="O7" s="781"/>
      <c r="P7" s="781"/>
      <c r="Q7" s="781"/>
      <c r="R7" s="781"/>
      <c r="S7" s="781"/>
      <c r="T7" s="781"/>
      <c r="U7" s="781"/>
      <c r="V7" s="781"/>
      <c r="W7" s="781"/>
      <c r="X7" s="781"/>
      <c r="Y7" s="781"/>
      <c r="Z7" s="781"/>
      <c r="AA7" s="781"/>
      <c r="AB7" s="781"/>
      <c r="AC7" s="781"/>
      <c r="AD7" s="781"/>
      <c r="AE7" s="782"/>
    </row>
    <row r="8" spans="2:31" ht="23.25" customHeight="1" x14ac:dyDescent="0.15">
      <c r="B8" s="254" t="s">
        <v>481</v>
      </c>
      <c r="C8" s="254"/>
      <c r="D8" s="254"/>
      <c r="E8" s="254"/>
      <c r="F8" s="169" t="s">
        <v>0</v>
      </c>
      <c r="G8" s="168" t="s">
        <v>480</v>
      </c>
      <c r="H8" s="168"/>
      <c r="I8" s="168"/>
      <c r="J8" s="168"/>
      <c r="K8" s="177" t="s">
        <v>0</v>
      </c>
      <c r="L8" s="168" t="s">
        <v>479</v>
      </c>
      <c r="M8" s="168"/>
      <c r="N8" s="168"/>
      <c r="O8" s="168"/>
      <c r="P8" s="168"/>
      <c r="Q8" s="177" t="s">
        <v>0</v>
      </c>
      <c r="R8" s="168" t="s">
        <v>478</v>
      </c>
      <c r="S8" s="168"/>
      <c r="T8" s="168"/>
      <c r="U8" s="168"/>
      <c r="V8" s="168"/>
      <c r="W8" s="168"/>
      <c r="X8" s="168"/>
      <c r="Y8" s="168"/>
      <c r="Z8" s="168"/>
      <c r="AA8" s="168"/>
      <c r="AB8" s="168"/>
      <c r="AC8" s="168"/>
      <c r="AD8" s="181"/>
      <c r="AE8" s="197"/>
    </row>
    <row r="9" spans="2:31" ht="24.95" customHeight="1" x14ac:dyDescent="0.15">
      <c r="B9" s="783" t="s">
        <v>477</v>
      </c>
      <c r="C9" s="784"/>
      <c r="D9" s="784"/>
      <c r="E9" s="785"/>
      <c r="F9" s="18" t="s">
        <v>0</v>
      </c>
      <c r="G9" s="255" t="s">
        <v>1584</v>
      </c>
      <c r="H9" s="16"/>
      <c r="I9" s="16"/>
      <c r="J9" s="16"/>
      <c r="K9" s="16"/>
      <c r="L9" s="16"/>
      <c r="M9" s="16"/>
      <c r="N9" s="16"/>
      <c r="O9" s="16"/>
      <c r="Q9" s="157"/>
      <c r="R9" s="194" t="s">
        <v>0</v>
      </c>
      <c r="S9" s="16" t="s">
        <v>1583</v>
      </c>
      <c r="T9" s="16"/>
      <c r="U9" s="16"/>
      <c r="V9" s="16"/>
      <c r="W9" s="166"/>
      <c r="X9" s="166"/>
      <c r="Y9" s="166"/>
      <c r="Z9" s="166"/>
      <c r="AA9" s="166"/>
      <c r="AB9" s="166"/>
      <c r="AC9" s="166"/>
      <c r="AD9" s="157"/>
      <c r="AE9" s="156"/>
    </row>
    <row r="10" spans="2:31" ht="24.95" customHeight="1" x14ac:dyDescent="0.15">
      <c r="B10" s="810"/>
      <c r="C10" s="778"/>
      <c r="D10" s="778"/>
      <c r="E10" s="811"/>
      <c r="F10" s="18" t="s">
        <v>0</v>
      </c>
      <c r="G10" s="255" t="s">
        <v>1582</v>
      </c>
      <c r="H10" s="16"/>
      <c r="I10" s="16"/>
      <c r="J10" s="16"/>
      <c r="K10" s="16"/>
      <c r="L10" s="16"/>
      <c r="M10" s="16"/>
      <c r="N10" s="16"/>
      <c r="O10" s="16"/>
      <c r="R10" s="18" t="s">
        <v>0</v>
      </c>
      <c r="S10" s="16" t="s">
        <v>1581</v>
      </c>
      <c r="T10" s="16"/>
      <c r="U10" s="16"/>
      <c r="V10" s="16"/>
      <c r="W10" s="16"/>
      <c r="X10" s="16"/>
      <c r="Y10" s="16"/>
      <c r="Z10" s="16"/>
      <c r="AA10" s="16"/>
      <c r="AB10" s="16"/>
      <c r="AC10" s="16"/>
      <c r="AE10" s="149"/>
    </row>
    <row r="11" spans="2:31" ht="24.95" customHeight="1" x14ac:dyDescent="0.15">
      <c r="B11" s="786"/>
      <c r="C11" s="787"/>
      <c r="D11" s="787"/>
      <c r="E11" s="788"/>
      <c r="F11" s="18" t="s">
        <v>0</v>
      </c>
      <c r="G11" s="16" t="s">
        <v>1580</v>
      </c>
      <c r="H11" s="16"/>
      <c r="I11" s="16"/>
      <c r="J11" s="16"/>
      <c r="K11" s="16"/>
      <c r="L11" s="16"/>
      <c r="M11" s="16"/>
      <c r="N11" s="16"/>
      <c r="O11" s="16"/>
      <c r="R11" s="18"/>
      <c r="S11" s="16"/>
      <c r="T11" s="16"/>
      <c r="U11" s="16"/>
      <c r="V11" s="16"/>
      <c r="W11" s="16"/>
      <c r="X11" s="16"/>
      <c r="Y11" s="16"/>
      <c r="Z11" s="16"/>
      <c r="AA11" s="16"/>
      <c r="AB11" s="16"/>
      <c r="AC11" s="16"/>
      <c r="AE11" s="149"/>
    </row>
    <row r="12" spans="2:31" ht="30.75" customHeight="1" x14ac:dyDescent="0.15">
      <c r="B12" s="254" t="s">
        <v>318</v>
      </c>
      <c r="C12" s="254"/>
      <c r="D12" s="254"/>
      <c r="E12" s="254"/>
      <c r="F12" s="169" t="s">
        <v>0</v>
      </c>
      <c r="G12" s="168" t="s">
        <v>1579</v>
      </c>
      <c r="H12" s="253"/>
      <c r="I12" s="253"/>
      <c r="J12" s="253"/>
      <c r="K12" s="253"/>
      <c r="L12" s="253"/>
      <c r="M12" s="253"/>
      <c r="N12" s="253"/>
      <c r="O12" s="253"/>
      <c r="P12" s="253"/>
      <c r="Q12" s="181"/>
      <c r="R12" s="177" t="s">
        <v>0</v>
      </c>
      <c r="S12" s="168" t="s">
        <v>1578</v>
      </c>
      <c r="T12" s="253"/>
      <c r="U12" s="253"/>
      <c r="V12" s="253"/>
      <c r="W12" s="253"/>
      <c r="X12" s="253"/>
      <c r="Y12" s="253"/>
      <c r="Z12" s="253"/>
      <c r="AA12" s="253"/>
      <c r="AB12" s="253"/>
      <c r="AC12" s="253"/>
      <c r="AD12" s="181"/>
      <c r="AE12" s="197"/>
    </row>
    <row r="14" spans="2:31" x14ac:dyDescent="0.15">
      <c r="B14" s="252"/>
      <c r="C14" s="181"/>
      <c r="D14" s="181"/>
      <c r="E14" s="181"/>
      <c r="F14" s="181"/>
      <c r="G14" s="181"/>
      <c r="H14" s="181"/>
      <c r="I14" s="181"/>
      <c r="J14" s="181"/>
      <c r="K14" s="181"/>
      <c r="L14" s="181"/>
      <c r="M14" s="181"/>
      <c r="N14" s="181"/>
      <c r="O14" s="181"/>
      <c r="P14" s="181"/>
      <c r="Q14" s="181"/>
      <c r="R14" s="181"/>
      <c r="S14" s="181"/>
      <c r="T14" s="181"/>
      <c r="U14" s="181"/>
      <c r="V14" s="181"/>
      <c r="W14" s="181"/>
      <c r="X14" s="181"/>
      <c r="Y14" s="181"/>
      <c r="Z14" s="197"/>
      <c r="AA14" s="169"/>
      <c r="AB14" s="177" t="s">
        <v>227</v>
      </c>
      <c r="AC14" s="177" t="s">
        <v>217</v>
      </c>
      <c r="AD14" s="177" t="s">
        <v>226</v>
      </c>
      <c r="AE14" s="197"/>
    </row>
    <row r="15" spans="2:31" x14ac:dyDescent="0.15">
      <c r="B15" s="158" t="s">
        <v>1577</v>
      </c>
      <c r="C15" s="157"/>
      <c r="D15" s="157"/>
      <c r="E15" s="157"/>
      <c r="F15" s="157"/>
      <c r="G15" s="157"/>
      <c r="H15" s="157"/>
      <c r="I15" s="157"/>
      <c r="J15" s="157"/>
      <c r="K15" s="157"/>
      <c r="L15" s="157"/>
      <c r="M15" s="157"/>
      <c r="N15" s="157"/>
      <c r="O15" s="157"/>
      <c r="P15" s="157"/>
      <c r="Q15" s="157"/>
      <c r="R15" s="157"/>
      <c r="S15" s="157"/>
      <c r="T15" s="157"/>
      <c r="U15" s="157"/>
      <c r="V15" s="157"/>
      <c r="W15" s="157"/>
      <c r="X15" s="157"/>
      <c r="Y15" s="157"/>
      <c r="Z15" s="251"/>
      <c r="AA15" s="250"/>
      <c r="AB15" s="194"/>
      <c r="AC15" s="194"/>
      <c r="AD15" s="157"/>
      <c r="AE15" s="156"/>
    </row>
    <row r="16" spans="2:31" x14ac:dyDescent="0.15">
      <c r="B16" s="9"/>
      <c r="C16" s="245" t="s">
        <v>443</v>
      </c>
      <c r="D16" s="8" t="s">
        <v>1576</v>
      </c>
      <c r="Z16" s="244"/>
      <c r="AA16" s="155"/>
      <c r="AB16" s="18" t="s">
        <v>0</v>
      </c>
      <c r="AC16" s="18" t="s">
        <v>217</v>
      </c>
      <c r="AD16" s="18" t="s">
        <v>0</v>
      </c>
      <c r="AE16" s="149"/>
    </row>
    <row r="17" spans="2:31" x14ac:dyDescent="0.15">
      <c r="B17" s="9"/>
      <c r="D17" s="8" t="s">
        <v>468</v>
      </c>
      <c r="Z17" s="150"/>
      <c r="AA17" s="151"/>
      <c r="AB17" s="18"/>
      <c r="AC17" s="18"/>
      <c r="AE17" s="149"/>
    </row>
    <row r="18" spans="2:31" ht="6" customHeight="1" x14ac:dyDescent="0.15">
      <c r="B18" s="9"/>
      <c r="Z18" s="150"/>
      <c r="AA18" s="151"/>
      <c r="AB18" s="18"/>
      <c r="AC18" s="18"/>
      <c r="AE18" s="149"/>
    </row>
    <row r="19" spans="2:31" x14ac:dyDescent="0.15">
      <c r="B19" s="9"/>
      <c r="D19" s="247" t="s">
        <v>493</v>
      </c>
      <c r="E19" s="168"/>
      <c r="F19" s="168"/>
      <c r="G19" s="168"/>
      <c r="H19" s="168"/>
      <c r="I19" s="168"/>
      <c r="J19" s="168"/>
      <c r="K19" s="168"/>
      <c r="L19" s="168"/>
      <c r="M19" s="168"/>
      <c r="N19" s="168"/>
      <c r="O19" s="181"/>
      <c r="P19" s="181"/>
      <c r="Q19" s="181"/>
      <c r="R19" s="181"/>
      <c r="S19" s="168"/>
      <c r="T19" s="168"/>
      <c r="U19" s="780"/>
      <c r="V19" s="781"/>
      <c r="W19" s="781"/>
      <c r="X19" s="181" t="s">
        <v>435</v>
      </c>
      <c r="Y19" s="9"/>
      <c r="Z19" s="150"/>
      <c r="AA19" s="151"/>
      <c r="AB19" s="18"/>
      <c r="AC19" s="18"/>
      <c r="AE19" s="149"/>
    </row>
    <row r="20" spans="2:31" x14ac:dyDescent="0.15">
      <c r="B20" s="9"/>
      <c r="D20" s="247" t="s">
        <v>467</v>
      </c>
      <c r="E20" s="168"/>
      <c r="F20" s="168"/>
      <c r="G20" s="168"/>
      <c r="H20" s="168"/>
      <c r="I20" s="168"/>
      <c r="J20" s="168"/>
      <c r="K20" s="168"/>
      <c r="L20" s="168"/>
      <c r="M20" s="168"/>
      <c r="N20" s="168"/>
      <c r="O20" s="181"/>
      <c r="P20" s="181"/>
      <c r="Q20" s="181"/>
      <c r="R20" s="181"/>
      <c r="S20" s="168"/>
      <c r="T20" s="168"/>
      <c r="U20" s="780"/>
      <c r="V20" s="781"/>
      <c r="W20" s="781"/>
      <c r="X20" s="181" t="s">
        <v>435</v>
      </c>
      <c r="Y20" s="9"/>
      <c r="Z20" s="149"/>
      <c r="AA20" s="151"/>
      <c r="AB20" s="18"/>
      <c r="AC20" s="18"/>
      <c r="AE20" s="149"/>
    </row>
    <row r="21" spans="2:31" x14ac:dyDescent="0.15">
      <c r="B21" s="9"/>
      <c r="D21" s="247" t="s">
        <v>434</v>
      </c>
      <c r="E21" s="168"/>
      <c r="F21" s="168"/>
      <c r="G21" s="168"/>
      <c r="H21" s="168"/>
      <c r="I21" s="168"/>
      <c r="J21" s="168"/>
      <c r="K21" s="168"/>
      <c r="L21" s="168"/>
      <c r="M21" s="168"/>
      <c r="N21" s="168"/>
      <c r="O21" s="181"/>
      <c r="P21" s="181"/>
      <c r="Q21" s="181"/>
      <c r="R21" s="181"/>
      <c r="S21" s="168"/>
      <c r="T21" s="246" t="str">
        <f>(IFERROR(ROUNDDOWN(T20/T19*100,0),""))</f>
        <v/>
      </c>
      <c r="U21" s="1063" t="str">
        <f>(IFERROR(ROUNDDOWN(U20/U19*100,0),""))</f>
        <v/>
      </c>
      <c r="V21" s="1064"/>
      <c r="W21" s="1064"/>
      <c r="X21" s="181" t="s">
        <v>339</v>
      </c>
      <c r="Y21" s="9"/>
      <c r="Z21" s="174"/>
      <c r="AA21" s="151"/>
      <c r="AB21" s="18"/>
      <c r="AC21" s="18"/>
      <c r="AE21" s="149"/>
    </row>
    <row r="22" spans="2:31" x14ac:dyDescent="0.15">
      <c r="B22" s="9"/>
      <c r="D22" s="8" t="s">
        <v>1575</v>
      </c>
      <c r="Z22" s="174"/>
      <c r="AA22" s="151"/>
      <c r="AB22" s="18"/>
      <c r="AC22" s="18"/>
      <c r="AE22" s="149"/>
    </row>
    <row r="23" spans="2:31" x14ac:dyDescent="0.15">
      <c r="B23" s="9"/>
      <c r="E23" s="8" t="s">
        <v>1574</v>
      </c>
      <c r="Z23" s="174"/>
      <c r="AA23" s="151"/>
      <c r="AB23" s="18"/>
      <c r="AC23" s="18"/>
      <c r="AE23" s="149"/>
    </row>
    <row r="24" spans="2:31" x14ac:dyDescent="0.15">
      <c r="B24" s="9"/>
      <c r="Z24" s="174"/>
      <c r="AA24" s="151"/>
      <c r="AB24" s="18"/>
      <c r="AC24" s="18"/>
      <c r="AE24" s="149"/>
    </row>
    <row r="25" spans="2:31" x14ac:dyDescent="0.15">
      <c r="B25" s="9"/>
      <c r="C25" s="245" t="s">
        <v>440</v>
      </c>
      <c r="D25" s="8" t="s">
        <v>1573</v>
      </c>
      <c r="Z25" s="244"/>
      <c r="AA25" s="151"/>
      <c r="AB25" s="18" t="s">
        <v>0</v>
      </c>
      <c r="AC25" s="18" t="s">
        <v>217</v>
      </c>
      <c r="AD25" s="18" t="s">
        <v>0</v>
      </c>
      <c r="AE25" s="149"/>
    </row>
    <row r="26" spans="2:31" x14ac:dyDescent="0.15">
      <c r="B26" s="9"/>
      <c r="C26" s="245"/>
      <c r="D26" s="8" t="s">
        <v>1572</v>
      </c>
      <c r="Z26" s="244"/>
      <c r="AA26" s="151"/>
      <c r="AB26" s="18"/>
      <c r="AC26" s="18"/>
      <c r="AD26" s="18"/>
      <c r="AE26" s="149"/>
    </row>
    <row r="27" spans="2:31" x14ac:dyDescent="0.15">
      <c r="B27" s="9"/>
      <c r="C27" s="245"/>
      <c r="D27" s="8" t="s">
        <v>1571</v>
      </c>
      <c r="Z27" s="244"/>
      <c r="AA27" s="151"/>
      <c r="AB27" s="18"/>
      <c r="AC27" s="18"/>
      <c r="AD27" s="18"/>
      <c r="AE27" s="149"/>
    </row>
    <row r="28" spans="2:31" x14ac:dyDescent="0.15">
      <c r="B28" s="9"/>
      <c r="C28" s="245"/>
      <c r="D28" s="8" t="s">
        <v>1570</v>
      </c>
      <c r="Z28" s="244"/>
      <c r="AA28" s="151"/>
      <c r="AB28" s="18"/>
      <c r="AC28" s="18"/>
      <c r="AD28" s="18"/>
      <c r="AE28" s="149"/>
    </row>
    <row r="29" spans="2:31" ht="6" customHeight="1" x14ac:dyDescent="0.15">
      <c r="B29" s="9"/>
      <c r="Z29" s="174"/>
      <c r="AA29" s="151"/>
      <c r="AB29" s="18"/>
      <c r="AC29" s="18"/>
      <c r="AE29" s="149"/>
    </row>
    <row r="30" spans="2:31" x14ac:dyDescent="0.15">
      <c r="B30" s="9"/>
      <c r="C30" s="245"/>
      <c r="D30" s="279" t="s">
        <v>1569</v>
      </c>
      <c r="E30" s="166"/>
      <c r="F30" s="166"/>
      <c r="G30" s="166"/>
      <c r="H30" s="166"/>
      <c r="I30" s="166"/>
      <c r="J30" s="166"/>
      <c r="K30" s="166"/>
      <c r="L30" s="166"/>
      <c r="M30" s="166"/>
      <c r="N30" s="166"/>
      <c r="O30" s="157"/>
      <c r="P30" s="157"/>
      <c r="Q30" s="157"/>
      <c r="R30" s="157"/>
      <c r="S30" s="157"/>
      <c r="T30" s="156"/>
      <c r="U30" s="783"/>
      <c r="V30" s="784"/>
      <c r="W30" s="784"/>
      <c r="X30" s="785" t="s">
        <v>435</v>
      </c>
      <c r="Z30" s="174"/>
      <c r="AA30" s="151"/>
      <c r="AB30" s="18"/>
      <c r="AC30" s="18"/>
      <c r="AE30" s="149"/>
    </row>
    <row r="31" spans="2:31" x14ac:dyDescent="0.15">
      <c r="B31" s="9"/>
      <c r="C31" s="245"/>
      <c r="D31" s="626" t="s">
        <v>1568</v>
      </c>
      <c r="E31" s="16"/>
      <c r="F31" s="16"/>
      <c r="G31" s="16"/>
      <c r="H31" s="16"/>
      <c r="I31" s="16"/>
      <c r="J31" s="16"/>
      <c r="K31" s="16"/>
      <c r="L31" s="16"/>
      <c r="M31" s="16"/>
      <c r="N31" s="16"/>
      <c r="T31" s="149"/>
      <c r="U31" s="810"/>
      <c r="V31" s="778"/>
      <c r="W31" s="778"/>
      <c r="X31" s="811"/>
      <c r="Z31" s="174"/>
      <c r="AA31" s="151"/>
      <c r="AB31" s="18"/>
      <c r="AC31" s="18"/>
      <c r="AE31" s="149"/>
    </row>
    <row r="32" spans="2:31" x14ac:dyDescent="0.15">
      <c r="B32" s="9"/>
      <c r="C32" s="245"/>
      <c r="D32" s="626" t="s">
        <v>1567</v>
      </c>
      <c r="E32" s="16"/>
      <c r="F32" s="16"/>
      <c r="G32" s="16"/>
      <c r="H32" s="16"/>
      <c r="I32" s="16"/>
      <c r="J32" s="16"/>
      <c r="K32" s="16"/>
      <c r="L32" s="16"/>
      <c r="M32" s="16"/>
      <c r="N32" s="16"/>
      <c r="T32" s="149"/>
      <c r="U32" s="810"/>
      <c r="V32" s="778"/>
      <c r="W32" s="778"/>
      <c r="X32" s="811"/>
      <c r="Z32" s="174"/>
      <c r="AA32" s="151"/>
      <c r="AB32" s="18"/>
      <c r="AC32" s="18"/>
      <c r="AE32" s="149"/>
    </row>
    <row r="33" spans="2:35" x14ac:dyDescent="0.15">
      <c r="B33" s="9"/>
      <c r="C33" s="245"/>
      <c r="D33" s="624" t="s">
        <v>1566</v>
      </c>
      <c r="E33" s="162"/>
      <c r="F33" s="162"/>
      <c r="G33" s="162"/>
      <c r="H33" s="162"/>
      <c r="I33" s="162"/>
      <c r="J33" s="162"/>
      <c r="K33" s="162"/>
      <c r="L33" s="162"/>
      <c r="M33" s="162"/>
      <c r="N33" s="162"/>
      <c r="O33" s="172"/>
      <c r="P33" s="172"/>
      <c r="Q33" s="172"/>
      <c r="R33" s="172"/>
      <c r="S33" s="172"/>
      <c r="T33" s="171"/>
      <c r="U33" s="786"/>
      <c r="V33" s="787"/>
      <c r="W33" s="787"/>
      <c r="X33" s="788"/>
      <c r="Z33" s="174"/>
      <c r="AA33" s="151"/>
      <c r="AB33" s="18"/>
      <c r="AC33" s="18"/>
      <c r="AE33" s="149"/>
    </row>
    <row r="34" spans="2:35" ht="4.5" customHeight="1" x14ac:dyDescent="0.15">
      <c r="B34" s="9"/>
      <c r="C34" s="245"/>
      <c r="D34" s="16"/>
      <c r="E34" s="16"/>
      <c r="F34" s="16"/>
      <c r="G34" s="16"/>
      <c r="H34" s="16"/>
      <c r="I34" s="16"/>
      <c r="J34" s="16"/>
      <c r="K34" s="16"/>
      <c r="L34" s="16"/>
      <c r="M34" s="16"/>
      <c r="N34" s="16"/>
      <c r="U34" s="18"/>
      <c r="V34" s="18"/>
      <c r="W34" s="18"/>
      <c r="Z34" s="174"/>
      <c r="AA34" s="151"/>
      <c r="AB34" s="18"/>
      <c r="AC34" s="18"/>
      <c r="AE34" s="149"/>
    </row>
    <row r="35" spans="2:35" x14ac:dyDescent="0.15">
      <c r="B35" s="9"/>
      <c r="C35" s="245"/>
      <c r="J35" s="778"/>
      <c r="K35" s="778"/>
      <c r="L35" s="778"/>
      <c r="M35" s="778"/>
      <c r="N35" s="778"/>
      <c r="O35" s="778"/>
      <c r="P35" s="778"/>
      <c r="Q35" s="778"/>
      <c r="R35" s="778"/>
      <c r="S35" s="778"/>
      <c r="T35" s="778"/>
      <c r="U35" s="778"/>
      <c r="V35" s="778"/>
      <c r="Z35" s="150"/>
      <c r="AA35" s="151"/>
      <c r="AB35" s="18"/>
      <c r="AC35" s="18"/>
      <c r="AE35" s="149"/>
    </row>
    <row r="36" spans="2:35" x14ac:dyDescent="0.15">
      <c r="B36" s="9"/>
      <c r="C36" s="245" t="s">
        <v>432</v>
      </c>
      <c r="D36" s="8" t="s">
        <v>1565</v>
      </c>
      <c r="Z36" s="244"/>
      <c r="AA36" s="155"/>
      <c r="AB36" s="18" t="s">
        <v>0</v>
      </c>
      <c r="AC36" s="18" t="s">
        <v>217</v>
      </c>
      <c r="AD36" s="18" t="s">
        <v>0</v>
      </c>
      <c r="AE36" s="149"/>
    </row>
    <row r="37" spans="2:35" x14ac:dyDescent="0.15">
      <c r="B37" s="9"/>
      <c r="D37" s="8" t="s">
        <v>1564</v>
      </c>
      <c r="E37" s="16"/>
      <c r="F37" s="16"/>
      <c r="G37" s="16"/>
      <c r="H37" s="16"/>
      <c r="I37" s="16"/>
      <c r="J37" s="16"/>
      <c r="K37" s="16"/>
      <c r="L37" s="16"/>
      <c r="M37" s="16"/>
      <c r="N37" s="16"/>
      <c r="O37" s="14"/>
      <c r="P37" s="14"/>
      <c r="Q37" s="14"/>
      <c r="Z37" s="174"/>
      <c r="AA37" s="151"/>
      <c r="AB37" s="18"/>
      <c r="AC37" s="18"/>
      <c r="AE37" s="149"/>
    </row>
    <row r="38" spans="2:35" ht="14.25" customHeight="1" x14ac:dyDescent="0.15">
      <c r="B38" s="9"/>
      <c r="C38" s="245"/>
      <c r="Z38" s="244"/>
      <c r="AA38" s="155"/>
      <c r="AB38" s="18"/>
      <c r="AC38" s="18"/>
      <c r="AD38" s="18"/>
      <c r="AE38" s="149"/>
    </row>
    <row r="39" spans="2:35" ht="14.25" customHeight="1" x14ac:dyDescent="0.15">
      <c r="B39" s="9"/>
      <c r="C39" s="245" t="s">
        <v>1563</v>
      </c>
      <c r="D39" s="8" t="s">
        <v>1562</v>
      </c>
      <c r="Z39" s="244"/>
      <c r="AA39" s="155"/>
      <c r="AB39" s="18" t="s">
        <v>0</v>
      </c>
      <c r="AC39" s="18" t="s">
        <v>217</v>
      </c>
      <c r="AD39" s="18" t="s">
        <v>0</v>
      </c>
      <c r="AE39" s="149"/>
    </row>
    <row r="40" spans="2:35" ht="14.25" customHeight="1" x14ac:dyDescent="0.15">
      <c r="B40" s="9"/>
      <c r="C40" s="245"/>
      <c r="D40" s="8" t="s">
        <v>1561</v>
      </c>
      <c r="Z40" s="244"/>
      <c r="AA40" s="155"/>
      <c r="AB40" s="18"/>
      <c r="AC40" s="18"/>
      <c r="AD40" s="18"/>
      <c r="AE40" s="149"/>
    </row>
    <row r="41" spans="2:35" x14ac:dyDescent="0.15">
      <c r="B41" s="9"/>
      <c r="D41" s="8" t="s">
        <v>1560</v>
      </c>
      <c r="Z41" s="174"/>
      <c r="AA41" s="151"/>
      <c r="AB41" s="18"/>
      <c r="AC41" s="18"/>
      <c r="AE41" s="149"/>
    </row>
    <row r="42" spans="2:35" x14ac:dyDescent="0.15">
      <c r="B42" s="9"/>
      <c r="Z42" s="150"/>
      <c r="AA42" s="151"/>
      <c r="AB42" s="18"/>
      <c r="AC42" s="18"/>
      <c r="AE42" s="149"/>
    </row>
    <row r="43" spans="2:35" x14ac:dyDescent="0.15">
      <c r="B43" s="9" t="s">
        <v>1559</v>
      </c>
      <c r="Z43" s="174"/>
      <c r="AA43" s="151"/>
      <c r="AB43" s="18"/>
      <c r="AC43" s="18"/>
      <c r="AE43" s="149"/>
    </row>
    <row r="44" spans="2:35" ht="17.25" customHeight="1" x14ac:dyDescent="0.15">
      <c r="B44" s="9"/>
      <c r="C44" s="245" t="s">
        <v>443</v>
      </c>
      <c r="D44" s="8" t="s">
        <v>1558</v>
      </c>
      <c r="Z44" s="244"/>
      <c r="AA44" s="155"/>
      <c r="AB44" s="18" t="s">
        <v>0</v>
      </c>
      <c r="AC44" s="18" t="s">
        <v>217</v>
      </c>
      <c r="AD44" s="18" t="s">
        <v>0</v>
      </c>
      <c r="AE44" s="149"/>
    </row>
    <row r="45" spans="2:35" ht="18.75" customHeight="1" x14ac:dyDescent="0.15">
      <c r="B45" s="9"/>
      <c r="D45" s="8" t="s">
        <v>1557</v>
      </c>
      <c r="Z45" s="174"/>
      <c r="AA45" s="151"/>
      <c r="AB45" s="18"/>
      <c r="AC45" s="18"/>
      <c r="AE45" s="149"/>
    </row>
    <row r="46" spans="2:35" ht="7.5" customHeight="1" x14ac:dyDescent="0.15">
      <c r="B46" s="9"/>
      <c r="W46" s="154"/>
      <c r="Z46" s="149"/>
      <c r="AA46" s="151"/>
      <c r="AB46" s="18"/>
      <c r="AC46" s="18"/>
      <c r="AE46" s="149"/>
      <c r="AI46" s="14"/>
    </row>
    <row r="47" spans="2:35" x14ac:dyDescent="0.15">
      <c r="B47" s="9"/>
      <c r="E47" s="16"/>
      <c r="F47" s="16"/>
      <c r="G47" s="16"/>
      <c r="H47" s="16"/>
      <c r="I47" s="16"/>
      <c r="J47" s="16"/>
      <c r="K47" s="16"/>
      <c r="L47" s="16"/>
      <c r="M47" s="16"/>
      <c r="N47" s="16"/>
      <c r="O47" s="14"/>
      <c r="P47" s="14"/>
      <c r="Q47" s="14"/>
      <c r="Z47" s="174"/>
      <c r="AA47" s="151"/>
      <c r="AB47" s="18"/>
      <c r="AC47" s="18"/>
      <c r="AE47" s="149"/>
    </row>
    <row r="48" spans="2:35" x14ac:dyDescent="0.15">
      <c r="B48" s="9"/>
      <c r="C48" s="245" t="s">
        <v>440</v>
      </c>
      <c r="D48" s="625" t="s">
        <v>1556</v>
      </c>
      <c r="Z48" s="244"/>
      <c r="AA48" s="151"/>
      <c r="AB48" s="18" t="s">
        <v>0</v>
      </c>
      <c r="AC48" s="18" t="s">
        <v>217</v>
      </c>
      <c r="AD48" s="18" t="s">
        <v>0</v>
      </c>
      <c r="AE48" s="149"/>
    </row>
    <row r="49" spans="2:31" x14ac:dyDescent="0.15">
      <c r="B49" s="9"/>
      <c r="C49" s="245"/>
      <c r="D49" s="8" t="s">
        <v>1555</v>
      </c>
      <c r="Z49" s="244"/>
      <c r="AA49" s="151"/>
      <c r="AB49" s="18"/>
      <c r="AC49" s="18"/>
      <c r="AD49" s="18"/>
      <c r="AE49" s="149"/>
    </row>
    <row r="50" spans="2:31" x14ac:dyDescent="0.15">
      <c r="B50" s="9"/>
      <c r="C50" s="245"/>
      <c r="D50" s="8" t="s">
        <v>1554</v>
      </c>
      <c r="Z50" s="244"/>
      <c r="AA50" s="151"/>
      <c r="AB50" s="18"/>
      <c r="AC50" s="18"/>
      <c r="AD50" s="18"/>
      <c r="AE50" s="149"/>
    </row>
    <row r="51" spans="2:31" ht="6" customHeight="1" x14ac:dyDescent="0.15">
      <c r="B51" s="9"/>
      <c r="Z51" s="174"/>
      <c r="AA51" s="151"/>
      <c r="AB51" s="18"/>
      <c r="AC51" s="18"/>
      <c r="AE51" s="149"/>
    </row>
    <row r="52" spans="2:31" x14ac:dyDescent="0.15">
      <c r="B52" s="9"/>
      <c r="C52" s="245"/>
      <c r="D52" s="279" t="s">
        <v>1553</v>
      </c>
      <c r="E52" s="166"/>
      <c r="F52" s="166"/>
      <c r="G52" s="166"/>
      <c r="H52" s="166"/>
      <c r="I52" s="166"/>
      <c r="J52" s="166"/>
      <c r="K52" s="166"/>
      <c r="L52" s="166"/>
      <c r="M52" s="166"/>
      <c r="N52" s="166"/>
      <c r="O52" s="157"/>
      <c r="P52" s="157"/>
      <c r="Q52" s="157"/>
      <c r="R52" s="157"/>
      <c r="S52" s="157"/>
      <c r="T52" s="157"/>
      <c r="U52" s="783"/>
      <c r="V52" s="784"/>
      <c r="W52" s="784"/>
      <c r="X52" s="785" t="s">
        <v>435</v>
      </c>
      <c r="Z52" s="174"/>
      <c r="AA52" s="151"/>
      <c r="AB52" s="18"/>
      <c r="AC52" s="18"/>
      <c r="AE52" s="149"/>
    </row>
    <row r="53" spans="2:31" x14ac:dyDescent="0.15">
      <c r="B53" s="9"/>
      <c r="C53" s="245"/>
      <c r="D53" s="624" t="s">
        <v>1552</v>
      </c>
      <c r="E53" s="162"/>
      <c r="F53" s="162"/>
      <c r="G53" s="162"/>
      <c r="H53" s="162"/>
      <c r="I53" s="162"/>
      <c r="J53" s="162"/>
      <c r="K53" s="162"/>
      <c r="L53" s="162"/>
      <c r="M53" s="162"/>
      <c r="N53" s="162"/>
      <c r="O53" s="172"/>
      <c r="P53" s="172"/>
      <c r="Q53" s="172"/>
      <c r="R53" s="172"/>
      <c r="S53" s="172"/>
      <c r="T53" s="172"/>
      <c r="U53" s="786"/>
      <c r="V53" s="787"/>
      <c r="W53" s="787"/>
      <c r="X53" s="788"/>
      <c r="Z53" s="174"/>
      <c r="AA53" s="151"/>
      <c r="AB53" s="18"/>
      <c r="AC53" s="18"/>
      <c r="AE53" s="149"/>
    </row>
    <row r="54" spans="2:31" ht="4.5" customHeight="1" x14ac:dyDescent="0.15">
      <c r="B54" s="9"/>
      <c r="C54" s="245"/>
      <c r="D54" s="16"/>
      <c r="E54" s="16"/>
      <c r="F54" s="16"/>
      <c r="G54" s="16"/>
      <c r="H54" s="16"/>
      <c r="I54" s="16"/>
      <c r="J54" s="16"/>
      <c r="K54" s="16"/>
      <c r="L54" s="16"/>
      <c r="M54" s="16"/>
      <c r="N54" s="16"/>
      <c r="U54" s="18"/>
      <c r="V54" s="18"/>
      <c r="W54" s="18"/>
      <c r="Z54" s="174"/>
      <c r="AA54" s="151"/>
      <c r="AB54" s="18"/>
      <c r="AC54" s="18"/>
      <c r="AE54" s="149"/>
    </row>
    <row r="55" spans="2:31" x14ac:dyDescent="0.15">
      <c r="B55" s="9"/>
      <c r="D55" s="18"/>
      <c r="E55" s="14"/>
      <c r="F55" s="14"/>
      <c r="G55" s="14"/>
      <c r="H55" s="14"/>
      <c r="I55" s="14"/>
      <c r="J55" s="14"/>
      <c r="K55" s="14"/>
      <c r="L55" s="14"/>
      <c r="M55" s="14"/>
      <c r="N55" s="14"/>
      <c r="Q55" s="18"/>
      <c r="S55" s="154"/>
      <c r="T55" s="154"/>
      <c r="U55" s="154"/>
      <c r="V55" s="154"/>
      <c r="Z55" s="150"/>
      <c r="AA55" s="151"/>
      <c r="AB55" s="18"/>
      <c r="AC55" s="18"/>
      <c r="AE55" s="149"/>
    </row>
    <row r="56" spans="2:31" x14ac:dyDescent="0.15">
      <c r="B56" s="173"/>
      <c r="C56" s="243"/>
      <c r="D56" s="172"/>
      <c r="E56" s="172"/>
      <c r="F56" s="172"/>
      <c r="G56" s="172"/>
      <c r="H56" s="172"/>
      <c r="I56" s="172"/>
      <c r="J56" s="172"/>
      <c r="K56" s="172"/>
      <c r="L56" s="172"/>
      <c r="M56" s="172"/>
      <c r="N56" s="172"/>
      <c r="O56" s="172"/>
      <c r="P56" s="172"/>
      <c r="Q56" s="172"/>
      <c r="R56" s="172"/>
      <c r="S56" s="172"/>
      <c r="T56" s="172"/>
      <c r="U56" s="172"/>
      <c r="V56" s="172"/>
      <c r="W56" s="172"/>
      <c r="X56" s="172"/>
      <c r="Y56" s="172"/>
      <c r="Z56" s="171"/>
      <c r="AA56" s="163"/>
      <c r="AB56" s="143"/>
      <c r="AC56" s="143"/>
      <c r="AD56" s="172"/>
      <c r="AE56" s="171"/>
    </row>
    <row r="57" spans="2:31" x14ac:dyDescent="0.15">
      <c r="B57" s="8" t="s">
        <v>170</v>
      </c>
      <c r="D57" s="8" t="s">
        <v>1551</v>
      </c>
    </row>
    <row r="58" spans="2:31" x14ac:dyDescent="0.15">
      <c r="D58" s="8" t="s">
        <v>425</v>
      </c>
    </row>
    <row r="59" spans="2:31" ht="3.75" customHeight="1" x14ac:dyDescent="0.15"/>
    <row r="60" spans="2:31" x14ac:dyDescent="0.15">
      <c r="C60" s="623"/>
    </row>
    <row r="61" spans="2:31" x14ac:dyDescent="0.15">
      <c r="C61" s="623"/>
    </row>
    <row r="62" spans="2:31" x14ac:dyDescent="0.15">
      <c r="C62" s="623"/>
    </row>
    <row r="63" spans="2:31" x14ac:dyDescent="0.15">
      <c r="C63" s="623"/>
    </row>
    <row r="64" spans="2:31" x14ac:dyDescent="0.15">
      <c r="C64" s="623"/>
    </row>
    <row r="66" spans="3:26" x14ac:dyDescent="0.15">
      <c r="C66" s="623"/>
      <c r="E66" s="623"/>
      <c r="F66" s="623"/>
      <c r="G66" s="623"/>
      <c r="H66" s="623"/>
      <c r="I66" s="623"/>
      <c r="J66" s="623"/>
      <c r="K66" s="623"/>
      <c r="L66" s="623"/>
      <c r="M66" s="623"/>
      <c r="N66" s="623"/>
      <c r="O66" s="623"/>
      <c r="P66" s="623"/>
      <c r="Q66" s="623"/>
      <c r="R66" s="623"/>
      <c r="S66" s="623"/>
      <c r="T66" s="623"/>
      <c r="U66" s="623"/>
      <c r="V66" s="623"/>
      <c r="W66" s="623"/>
      <c r="X66" s="623"/>
      <c r="Y66" s="623"/>
      <c r="Z66" s="623"/>
    </row>
    <row r="67" spans="3:26" x14ac:dyDescent="0.15">
      <c r="C67" s="623"/>
      <c r="E67" s="623"/>
      <c r="F67" s="623"/>
      <c r="G67" s="623"/>
      <c r="H67" s="623"/>
      <c r="I67" s="623"/>
      <c r="J67" s="623"/>
      <c r="K67" s="623"/>
      <c r="L67" s="623"/>
      <c r="M67" s="623"/>
      <c r="N67" s="623"/>
      <c r="O67" s="623"/>
      <c r="P67" s="623"/>
      <c r="Q67" s="623"/>
      <c r="R67" s="623"/>
      <c r="S67" s="623"/>
      <c r="T67" s="623"/>
      <c r="U67" s="623"/>
      <c r="V67" s="623"/>
      <c r="W67" s="623"/>
      <c r="X67" s="623"/>
      <c r="Y67" s="623"/>
      <c r="Z67" s="623"/>
    </row>
    <row r="68" spans="3:26" x14ac:dyDescent="0.15">
      <c r="C68" s="623"/>
      <c r="E68" s="623"/>
      <c r="F68" s="623"/>
      <c r="G68" s="623"/>
      <c r="H68" s="623"/>
      <c r="I68" s="623"/>
      <c r="J68" s="623"/>
      <c r="K68" s="623"/>
      <c r="L68" s="623"/>
      <c r="M68" s="623"/>
      <c r="N68" s="623"/>
      <c r="O68" s="623"/>
      <c r="P68" s="623"/>
      <c r="Q68" s="623"/>
      <c r="R68" s="623"/>
      <c r="S68" s="623"/>
      <c r="T68" s="623"/>
      <c r="U68" s="623"/>
      <c r="V68" s="623"/>
      <c r="W68" s="623"/>
      <c r="X68" s="623"/>
      <c r="Y68" s="623"/>
      <c r="Z68" s="623"/>
    </row>
    <row r="69" spans="3:26" x14ac:dyDescent="0.15">
      <c r="C69" s="623"/>
      <c r="D69" s="623"/>
      <c r="E69" s="623"/>
      <c r="F69" s="623"/>
      <c r="G69" s="623"/>
      <c r="H69" s="623"/>
      <c r="I69" s="623"/>
      <c r="J69" s="623"/>
      <c r="K69" s="623"/>
      <c r="L69" s="623"/>
      <c r="M69" s="623"/>
      <c r="N69" s="623"/>
      <c r="O69" s="623"/>
      <c r="P69" s="623"/>
      <c r="Q69" s="623"/>
      <c r="R69" s="623"/>
      <c r="S69" s="623"/>
      <c r="T69" s="623"/>
      <c r="U69" s="623"/>
      <c r="V69" s="623"/>
      <c r="W69" s="623"/>
      <c r="X69" s="623"/>
      <c r="Y69" s="623"/>
      <c r="Z69" s="623"/>
    </row>
  </sheetData>
  <mergeCells count="13">
    <mergeCell ref="J35:S35"/>
    <mergeCell ref="T35:V35"/>
    <mergeCell ref="U52:W53"/>
    <mergeCell ref="X52:X53"/>
    <mergeCell ref="U20:W20"/>
    <mergeCell ref="U21:W21"/>
    <mergeCell ref="U30:W33"/>
    <mergeCell ref="Y3:Z3"/>
    <mergeCell ref="B5:AE5"/>
    <mergeCell ref="F7:AE7"/>
    <mergeCell ref="B9:E11"/>
    <mergeCell ref="U19:W19"/>
    <mergeCell ref="X30:X33"/>
  </mergeCells>
  <phoneticPr fontId="2"/>
  <dataValidations count="1">
    <dataValidation type="list" allowBlank="1" showInputMessage="1" showErrorMessage="1" sqref="K8 Q8 AB16 AD16 AB25:AB28 AD25:AD28 AB44 AD44 F8:F12 R9:R12 AB36 AD36 AD48:AD50 AB48:AB50 AB38:AB40 AD38:AD40">
      <formula1>"□,■"</formula1>
    </dataValidation>
  </dataValidations>
  <pageMargins left="0.7" right="0.7" top="0.75" bottom="0.75" header="0.3" footer="0.3"/>
  <pageSetup paperSize="9" scale="76" orientation="portrait" r:id="rId1"/>
</worksheet>
</file>

<file path=xl/worksheets/sheet6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AD123"/>
  <sheetViews>
    <sheetView zoomScaleNormal="100" zoomScaleSheetLayoutView="85" workbookViewId="0">
      <selection activeCell="C87" sqref="C87"/>
    </sheetView>
  </sheetViews>
  <sheetFormatPr defaultColWidth="3.5" defaultRowHeight="13.5" x14ac:dyDescent="0.15"/>
  <cols>
    <col min="1" max="1" width="3.5" style="3"/>
    <col min="2" max="2" width="3" style="140" customWidth="1"/>
    <col min="3" max="7" width="3.5" style="3"/>
    <col min="8" max="8" width="2.5" style="3" customWidth="1"/>
    <col min="9" max="28" width="3.5" style="3"/>
    <col min="29" max="29" width="6.75" style="3" customWidth="1"/>
    <col min="30" max="16384" width="3.5" style="3"/>
  </cols>
  <sheetData>
    <row r="2" spans="2:29" x14ac:dyDescent="0.15">
      <c r="B2" s="3" t="s">
        <v>1597</v>
      </c>
    </row>
    <row r="3" spans="2:29" x14ac:dyDescent="0.15">
      <c r="D3" s="827"/>
      <c r="E3" s="827"/>
      <c r="F3" s="827"/>
      <c r="G3" s="827"/>
      <c r="H3" s="827"/>
      <c r="I3" s="827"/>
      <c r="J3" s="827"/>
      <c r="K3" s="827"/>
      <c r="L3" s="827"/>
      <c r="M3" s="827"/>
      <c r="N3" s="827"/>
      <c r="O3" s="827"/>
      <c r="P3" s="827"/>
      <c r="Q3" s="827"/>
      <c r="R3" s="827"/>
      <c r="S3" s="827"/>
      <c r="T3" s="827"/>
      <c r="U3" s="827"/>
      <c r="V3" s="827"/>
      <c r="W3" s="827"/>
      <c r="X3" s="827"/>
      <c r="Y3" s="827"/>
      <c r="Z3" s="827"/>
      <c r="AA3" s="827"/>
      <c r="AB3" s="827"/>
      <c r="AC3" s="827"/>
    </row>
    <row r="4" spans="2:29" x14ac:dyDescent="0.15">
      <c r="B4" s="913" t="s">
        <v>1596</v>
      </c>
      <c r="C4" s="913"/>
      <c r="D4" s="913"/>
      <c r="E4" s="913"/>
      <c r="F4" s="913"/>
      <c r="G4" s="913"/>
      <c r="H4" s="913"/>
      <c r="I4" s="913"/>
      <c r="J4" s="913"/>
      <c r="K4" s="913"/>
      <c r="L4" s="913"/>
      <c r="M4" s="913"/>
      <c r="N4" s="913"/>
      <c r="O4" s="913"/>
      <c r="P4" s="913"/>
      <c r="Q4" s="913"/>
      <c r="R4" s="913"/>
      <c r="S4" s="913"/>
      <c r="T4" s="913"/>
      <c r="U4" s="913"/>
      <c r="V4" s="913"/>
      <c r="W4" s="913"/>
      <c r="X4" s="913"/>
      <c r="Y4" s="913"/>
      <c r="Z4" s="913"/>
      <c r="AA4" s="913"/>
      <c r="AB4" s="913"/>
      <c r="AC4" s="913"/>
    </row>
    <row r="6" spans="2:29" ht="30" customHeight="1" x14ac:dyDescent="0.15">
      <c r="B6" s="169">
        <v>1</v>
      </c>
      <c r="C6" s="792" t="s">
        <v>211</v>
      </c>
      <c r="D6" s="792"/>
      <c r="E6" s="792"/>
      <c r="F6" s="792"/>
      <c r="G6" s="793"/>
      <c r="H6" s="1272"/>
      <c r="I6" s="1273"/>
      <c r="J6" s="1273"/>
      <c r="K6" s="1273"/>
      <c r="L6" s="1273"/>
      <c r="M6" s="1273"/>
      <c r="N6" s="1273"/>
      <c r="O6" s="1273"/>
      <c r="P6" s="1273"/>
      <c r="Q6" s="1273"/>
      <c r="R6" s="1273"/>
      <c r="S6" s="1273"/>
      <c r="T6" s="1273"/>
      <c r="U6" s="1273"/>
      <c r="V6" s="1273"/>
      <c r="W6" s="1273"/>
      <c r="X6" s="1273"/>
      <c r="Y6" s="1273"/>
      <c r="Z6" s="1273"/>
      <c r="AA6" s="1273"/>
      <c r="AB6" s="1273"/>
      <c r="AC6" s="1274"/>
    </row>
    <row r="7" spans="2:29" ht="30" customHeight="1" x14ac:dyDescent="0.15">
      <c r="B7" s="151">
        <v>2</v>
      </c>
      <c r="C7" s="907" t="s">
        <v>409</v>
      </c>
      <c r="D7" s="907"/>
      <c r="E7" s="907"/>
      <c r="F7" s="907"/>
      <c r="G7" s="908"/>
      <c r="H7" s="497"/>
      <c r="I7" s="179" t="s">
        <v>0</v>
      </c>
      <c r="J7" s="168" t="s">
        <v>242</v>
      </c>
      <c r="K7" s="168"/>
      <c r="L7" s="168"/>
      <c r="M7" s="168"/>
      <c r="N7" s="179" t="s">
        <v>0</v>
      </c>
      <c r="O7" s="168" t="s">
        <v>241</v>
      </c>
      <c r="P7" s="168"/>
      <c r="Q7" s="168"/>
      <c r="R7" s="168"/>
      <c r="S7" s="179" t="s">
        <v>0</v>
      </c>
      <c r="T7" s="168" t="s">
        <v>240</v>
      </c>
      <c r="U7" s="168"/>
      <c r="V7" s="242"/>
      <c r="W7" s="242"/>
      <c r="X7" s="242"/>
      <c r="Y7" s="242"/>
      <c r="Z7" s="242"/>
      <c r="AC7" s="10"/>
    </row>
    <row r="8" spans="2:29" ht="30" customHeight="1" x14ac:dyDescent="0.15">
      <c r="B8" s="783">
        <v>3</v>
      </c>
      <c r="C8" s="1007" t="s">
        <v>408</v>
      </c>
      <c r="D8" s="1007"/>
      <c r="E8" s="1007"/>
      <c r="F8" s="1007"/>
      <c r="G8" s="1008"/>
      <c r="H8" s="142"/>
      <c r="I8" s="178" t="s">
        <v>0</v>
      </c>
      <c r="J8" s="16" t="s">
        <v>1595</v>
      </c>
      <c r="K8" s="16"/>
      <c r="L8" s="16"/>
      <c r="M8" s="16"/>
      <c r="N8" s="16"/>
      <c r="O8" s="16"/>
      <c r="P8" s="16"/>
      <c r="Q8" s="178" t="s">
        <v>0</v>
      </c>
      <c r="R8" s="166" t="s">
        <v>1594</v>
      </c>
      <c r="U8" s="16"/>
      <c r="AA8" s="4"/>
      <c r="AB8" s="4"/>
      <c r="AC8" s="82"/>
    </row>
    <row r="9" spans="2:29" ht="30" customHeight="1" x14ac:dyDescent="0.15">
      <c r="B9" s="786"/>
      <c r="C9" s="980"/>
      <c r="D9" s="980"/>
      <c r="E9" s="980"/>
      <c r="F9" s="980"/>
      <c r="G9" s="1009"/>
      <c r="H9" s="19"/>
      <c r="I9" s="191" t="s">
        <v>0</v>
      </c>
      <c r="J9" s="162" t="s">
        <v>1593</v>
      </c>
      <c r="K9" s="162"/>
      <c r="L9" s="162"/>
      <c r="M9" s="162"/>
      <c r="N9" s="162"/>
      <c r="O9" s="162"/>
      <c r="P9" s="162"/>
      <c r="Q9" s="191" t="s">
        <v>0</v>
      </c>
      <c r="R9" s="162" t="s">
        <v>1592</v>
      </c>
      <c r="S9" s="5"/>
      <c r="T9" s="5"/>
      <c r="U9" s="162"/>
      <c r="V9" s="5"/>
      <c r="W9" s="5"/>
      <c r="X9" s="5"/>
      <c r="Y9" s="5"/>
      <c r="Z9" s="5"/>
      <c r="AA9" s="5"/>
      <c r="AB9" s="5"/>
      <c r="AC9" s="73"/>
    </row>
    <row r="10" spans="2:29" x14ac:dyDescent="0.15">
      <c r="B10" s="241"/>
      <c r="C10" s="4"/>
      <c r="D10" s="4"/>
      <c r="E10" s="4"/>
      <c r="F10" s="4"/>
      <c r="G10" s="82"/>
      <c r="H10" s="142"/>
      <c r="AC10" s="10"/>
    </row>
    <row r="11" spans="2:29" x14ac:dyDescent="0.15">
      <c r="B11" s="147">
        <v>4</v>
      </c>
      <c r="C11" s="827" t="s">
        <v>1591</v>
      </c>
      <c r="D11" s="827"/>
      <c r="E11" s="827"/>
      <c r="F11" s="827"/>
      <c r="G11" s="831"/>
      <c r="H11" s="142"/>
      <c r="I11" s="3" t="s">
        <v>1590</v>
      </c>
      <c r="AC11" s="10"/>
    </row>
    <row r="12" spans="2:29" x14ac:dyDescent="0.15">
      <c r="B12" s="147"/>
      <c r="C12" s="827"/>
      <c r="D12" s="827"/>
      <c r="E12" s="827"/>
      <c r="F12" s="827"/>
      <c r="G12" s="831"/>
      <c r="H12" s="142"/>
      <c r="AC12" s="10"/>
    </row>
    <row r="13" spans="2:29" x14ac:dyDescent="0.15">
      <c r="B13" s="147"/>
      <c r="C13" s="827"/>
      <c r="D13" s="827"/>
      <c r="E13" s="827"/>
      <c r="F13" s="827"/>
      <c r="G13" s="831"/>
      <c r="H13" s="142"/>
      <c r="I13" s="790" t="s">
        <v>1529</v>
      </c>
      <c r="J13" s="790"/>
      <c r="K13" s="790"/>
      <c r="L13" s="790"/>
      <c r="M13" s="790"/>
      <c r="N13" s="790"/>
      <c r="O13" s="783" t="s">
        <v>1528</v>
      </c>
      <c r="P13" s="784"/>
      <c r="Q13" s="784"/>
      <c r="R13" s="784"/>
      <c r="S13" s="784"/>
      <c r="T13" s="784"/>
      <c r="U13" s="784"/>
      <c r="V13" s="784"/>
      <c r="W13" s="785"/>
      <c r="AC13" s="10"/>
    </row>
    <row r="14" spans="2:29" x14ac:dyDescent="0.15">
      <c r="B14" s="147"/>
      <c r="G14" s="10"/>
      <c r="H14" s="142"/>
      <c r="I14" s="790"/>
      <c r="J14" s="790"/>
      <c r="K14" s="790"/>
      <c r="L14" s="790"/>
      <c r="M14" s="790"/>
      <c r="N14" s="790"/>
      <c r="O14" s="786"/>
      <c r="P14" s="787"/>
      <c r="Q14" s="787"/>
      <c r="R14" s="787"/>
      <c r="S14" s="787"/>
      <c r="T14" s="787"/>
      <c r="U14" s="787"/>
      <c r="V14" s="787"/>
      <c r="W14" s="788"/>
      <c r="AC14" s="10"/>
    </row>
    <row r="15" spans="2:29" ht="13.5" customHeight="1" x14ac:dyDescent="0.15">
      <c r="B15" s="147"/>
      <c r="G15" s="10"/>
      <c r="H15" s="142"/>
      <c r="I15" s="783" t="s">
        <v>1527</v>
      </c>
      <c r="J15" s="784"/>
      <c r="K15" s="784"/>
      <c r="L15" s="784"/>
      <c r="M15" s="784"/>
      <c r="N15" s="785"/>
      <c r="O15" s="783"/>
      <c r="P15" s="784"/>
      <c r="Q15" s="784"/>
      <c r="R15" s="784"/>
      <c r="S15" s="784"/>
      <c r="T15" s="784"/>
      <c r="U15" s="784"/>
      <c r="V15" s="784"/>
      <c r="W15" s="785"/>
      <c r="AC15" s="10"/>
    </row>
    <row r="16" spans="2:29" x14ac:dyDescent="0.15">
      <c r="B16" s="147"/>
      <c r="G16" s="10"/>
      <c r="H16" s="142"/>
      <c r="I16" s="786"/>
      <c r="J16" s="787"/>
      <c r="K16" s="787"/>
      <c r="L16" s="787"/>
      <c r="M16" s="787"/>
      <c r="N16" s="788"/>
      <c r="O16" s="786"/>
      <c r="P16" s="787"/>
      <c r="Q16" s="787"/>
      <c r="R16" s="787"/>
      <c r="S16" s="787"/>
      <c r="T16" s="787"/>
      <c r="U16" s="787"/>
      <c r="V16" s="787"/>
      <c r="W16" s="788"/>
      <c r="AC16" s="10"/>
    </row>
    <row r="17" spans="2:29" x14ac:dyDescent="0.15">
      <c r="B17" s="147"/>
      <c r="G17" s="10"/>
      <c r="H17" s="142"/>
      <c r="I17" s="783" t="s">
        <v>1526</v>
      </c>
      <c r="J17" s="784"/>
      <c r="K17" s="784"/>
      <c r="L17" s="784"/>
      <c r="M17" s="784"/>
      <c r="N17" s="785"/>
      <c r="O17" s="783"/>
      <c r="P17" s="784"/>
      <c r="Q17" s="784"/>
      <c r="R17" s="784"/>
      <c r="S17" s="784"/>
      <c r="T17" s="784"/>
      <c r="U17" s="784"/>
      <c r="V17" s="784"/>
      <c r="W17" s="785"/>
      <c r="AC17" s="10"/>
    </row>
    <row r="18" spans="2:29" x14ac:dyDescent="0.15">
      <c r="B18" s="147"/>
      <c r="G18" s="10"/>
      <c r="H18" s="142"/>
      <c r="I18" s="786"/>
      <c r="J18" s="787"/>
      <c r="K18" s="787"/>
      <c r="L18" s="787"/>
      <c r="M18" s="787"/>
      <c r="N18" s="788"/>
      <c r="O18" s="786"/>
      <c r="P18" s="787"/>
      <c r="Q18" s="787"/>
      <c r="R18" s="787"/>
      <c r="S18" s="787"/>
      <c r="T18" s="787"/>
      <c r="U18" s="787"/>
      <c r="V18" s="787"/>
      <c r="W18" s="788"/>
      <c r="AC18" s="10"/>
    </row>
    <row r="19" spans="2:29" x14ac:dyDescent="0.15">
      <c r="B19" s="147"/>
      <c r="G19" s="10"/>
      <c r="H19" s="142"/>
      <c r="I19" s="790" t="s">
        <v>1589</v>
      </c>
      <c r="J19" s="790"/>
      <c r="K19" s="790"/>
      <c r="L19" s="790"/>
      <c r="M19" s="790"/>
      <c r="N19" s="790"/>
      <c r="O19" s="783"/>
      <c r="P19" s="784"/>
      <c r="Q19" s="784"/>
      <c r="R19" s="784"/>
      <c r="S19" s="784"/>
      <c r="T19" s="784"/>
      <c r="U19" s="784"/>
      <c r="V19" s="784"/>
      <c r="W19" s="785"/>
      <c r="AC19" s="10"/>
    </row>
    <row r="20" spans="2:29" x14ac:dyDescent="0.15">
      <c r="B20" s="147"/>
      <c r="G20" s="10"/>
      <c r="H20" s="142"/>
      <c r="I20" s="790"/>
      <c r="J20" s="790"/>
      <c r="K20" s="790"/>
      <c r="L20" s="790"/>
      <c r="M20" s="790"/>
      <c r="N20" s="790"/>
      <c r="O20" s="786"/>
      <c r="P20" s="787"/>
      <c r="Q20" s="787"/>
      <c r="R20" s="787"/>
      <c r="S20" s="787"/>
      <c r="T20" s="787"/>
      <c r="U20" s="787"/>
      <c r="V20" s="787"/>
      <c r="W20" s="788"/>
      <c r="AC20" s="10"/>
    </row>
    <row r="21" spans="2:29" x14ac:dyDescent="0.15">
      <c r="B21" s="147"/>
      <c r="G21" s="10"/>
      <c r="H21" s="142"/>
      <c r="I21" s="790" t="s">
        <v>1588</v>
      </c>
      <c r="J21" s="790"/>
      <c r="K21" s="790"/>
      <c r="L21" s="790"/>
      <c r="M21" s="790"/>
      <c r="N21" s="790"/>
      <c r="O21" s="783"/>
      <c r="P21" s="784"/>
      <c r="Q21" s="784"/>
      <c r="R21" s="784"/>
      <c r="S21" s="784"/>
      <c r="T21" s="784"/>
      <c r="U21" s="784"/>
      <c r="V21" s="784"/>
      <c r="W21" s="785"/>
      <c r="AC21" s="10"/>
    </row>
    <row r="22" spans="2:29" x14ac:dyDescent="0.15">
      <c r="B22" s="147"/>
      <c r="G22" s="10"/>
      <c r="H22" s="142"/>
      <c r="I22" s="790"/>
      <c r="J22" s="790"/>
      <c r="K22" s="790"/>
      <c r="L22" s="790"/>
      <c r="M22" s="790"/>
      <c r="N22" s="790"/>
      <c r="O22" s="786"/>
      <c r="P22" s="787"/>
      <c r="Q22" s="787"/>
      <c r="R22" s="787"/>
      <c r="S22" s="787"/>
      <c r="T22" s="787"/>
      <c r="U22" s="787"/>
      <c r="V22" s="787"/>
      <c r="W22" s="788"/>
      <c r="AC22" s="10"/>
    </row>
    <row r="23" spans="2:29" x14ac:dyDescent="0.15">
      <c r="B23" s="147"/>
      <c r="G23" s="10"/>
      <c r="H23" s="142"/>
      <c r="I23" s="790" t="s">
        <v>1449</v>
      </c>
      <c r="J23" s="790"/>
      <c r="K23" s="790"/>
      <c r="L23" s="790"/>
      <c r="M23" s="790"/>
      <c r="N23" s="790"/>
      <c r="O23" s="783"/>
      <c r="P23" s="784"/>
      <c r="Q23" s="784"/>
      <c r="R23" s="784"/>
      <c r="S23" s="784"/>
      <c r="T23" s="784"/>
      <c r="U23" s="784"/>
      <c r="V23" s="784"/>
      <c r="W23" s="785"/>
      <c r="AC23" s="10"/>
    </row>
    <row r="24" spans="2:29" x14ac:dyDescent="0.15">
      <c r="B24" s="147"/>
      <c r="G24" s="10"/>
      <c r="H24" s="142"/>
      <c r="I24" s="790"/>
      <c r="J24" s="790"/>
      <c r="K24" s="790"/>
      <c r="L24" s="790"/>
      <c r="M24" s="790"/>
      <c r="N24" s="790"/>
      <c r="O24" s="786"/>
      <c r="P24" s="787"/>
      <c r="Q24" s="787"/>
      <c r="R24" s="787"/>
      <c r="S24" s="787"/>
      <c r="T24" s="787"/>
      <c r="U24" s="787"/>
      <c r="V24" s="787"/>
      <c r="W24" s="788"/>
      <c r="AC24" s="10"/>
    </row>
    <row r="25" spans="2:29" x14ac:dyDescent="0.15">
      <c r="B25" s="147"/>
      <c r="G25" s="10"/>
      <c r="H25" s="142"/>
      <c r="I25" s="790"/>
      <c r="J25" s="790"/>
      <c r="K25" s="790"/>
      <c r="L25" s="790"/>
      <c r="M25" s="790"/>
      <c r="N25" s="790"/>
      <c r="O25" s="783"/>
      <c r="P25" s="784"/>
      <c r="Q25" s="784"/>
      <c r="R25" s="784"/>
      <c r="S25" s="784"/>
      <c r="T25" s="784"/>
      <c r="U25" s="784"/>
      <c r="V25" s="784"/>
      <c r="W25" s="785"/>
      <c r="AC25" s="10"/>
    </row>
    <row r="26" spans="2:29" x14ac:dyDescent="0.15">
      <c r="B26" s="147"/>
      <c r="G26" s="10"/>
      <c r="H26" s="142"/>
      <c r="I26" s="790"/>
      <c r="J26" s="790"/>
      <c r="K26" s="790"/>
      <c r="L26" s="790"/>
      <c r="M26" s="790"/>
      <c r="N26" s="790"/>
      <c r="O26" s="786"/>
      <c r="P26" s="787"/>
      <c r="Q26" s="787"/>
      <c r="R26" s="787"/>
      <c r="S26" s="787"/>
      <c r="T26" s="787"/>
      <c r="U26" s="787"/>
      <c r="V26" s="787"/>
      <c r="W26" s="788"/>
      <c r="AC26" s="10"/>
    </row>
    <row r="27" spans="2:29" x14ac:dyDescent="0.15">
      <c r="B27" s="147"/>
      <c r="G27" s="10"/>
      <c r="H27" s="142"/>
      <c r="I27" s="790"/>
      <c r="J27" s="790"/>
      <c r="K27" s="790"/>
      <c r="L27" s="790"/>
      <c r="M27" s="790"/>
      <c r="N27" s="790"/>
      <c r="O27" s="783"/>
      <c r="P27" s="784"/>
      <c r="Q27" s="784"/>
      <c r="R27" s="784"/>
      <c r="S27" s="784"/>
      <c r="T27" s="784"/>
      <c r="U27" s="784"/>
      <c r="V27" s="784"/>
      <c r="W27" s="785"/>
      <c r="AC27" s="10"/>
    </row>
    <row r="28" spans="2:29" x14ac:dyDescent="0.15">
      <c r="B28" s="147"/>
      <c r="G28" s="10"/>
      <c r="H28" s="142"/>
      <c r="I28" s="790"/>
      <c r="J28" s="790"/>
      <c r="K28" s="790"/>
      <c r="L28" s="790"/>
      <c r="M28" s="790"/>
      <c r="N28" s="790"/>
      <c r="O28" s="786"/>
      <c r="P28" s="787"/>
      <c r="Q28" s="787"/>
      <c r="R28" s="787"/>
      <c r="S28" s="787"/>
      <c r="T28" s="787"/>
      <c r="U28" s="787"/>
      <c r="V28" s="787"/>
      <c r="W28" s="788"/>
      <c r="AC28" s="10"/>
    </row>
    <row r="29" spans="2:29" x14ac:dyDescent="0.15">
      <c r="B29" s="147"/>
      <c r="G29" s="10"/>
      <c r="H29" s="142"/>
      <c r="I29" s="790"/>
      <c r="J29" s="790"/>
      <c r="K29" s="790"/>
      <c r="L29" s="790"/>
      <c r="M29" s="790"/>
      <c r="N29" s="790"/>
      <c r="O29" s="783"/>
      <c r="P29" s="784"/>
      <c r="Q29" s="784"/>
      <c r="R29" s="784"/>
      <c r="S29" s="784"/>
      <c r="T29" s="784"/>
      <c r="U29" s="784"/>
      <c r="V29" s="784"/>
      <c r="W29" s="785"/>
      <c r="AC29" s="10"/>
    </row>
    <row r="30" spans="2:29" x14ac:dyDescent="0.15">
      <c r="B30" s="147"/>
      <c r="G30" s="10"/>
      <c r="H30" s="142"/>
      <c r="I30" s="790"/>
      <c r="J30" s="790"/>
      <c r="K30" s="790"/>
      <c r="L30" s="790"/>
      <c r="M30" s="790"/>
      <c r="N30" s="790"/>
      <c r="O30" s="786"/>
      <c r="P30" s="787"/>
      <c r="Q30" s="787"/>
      <c r="R30" s="787"/>
      <c r="S30" s="787"/>
      <c r="T30" s="787"/>
      <c r="U30" s="787"/>
      <c r="V30" s="787"/>
      <c r="W30" s="788"/>
      <c r="AC30" s="10"/>
    </row>
    <row r="31" spans="2:29" x14ac:dyDescent="0.15">
      <c r="B31" s="147"/>
      <c r="G31" s="10"/>
      <c r="H31" s="142"/>
      <c r="I31" s="790"/>
      <c r="J31" s="790"/>
      <c r="K31" s="790"/>
      <c r="L31" s="790"/>
      <c r="M31" s="790"/>
      <c r="N31" s="790"/>
      <c r="O31" s="783"/>
      <c r="P31" s="784"/>
      <c r="Q31" s="784"/>
      <c r="R31" s="784"/>
      <c r="S31" s="784"/>
      <c r="T31" s="784"/>
      <c r="U31" s="784"/>
      <c r="V31" s="784"/>
      <c r="W31" s="785"/>
      <c r="AC31" s="10"/>
    </row>
    <row r="32" spans="2:29" x14ac:dyDescent="0.15">
      <c r="B32" s="147"/>
      <c r="G32" s="10"/>
      <c r="H32" s="142"/>
      <c r="I32" s="790"/>
      <c r="J32" s="790"/>
      <c r="K32" s="790"/>
      <c r="L32" s="790"/>
      <c r="M32" s="790"/>
      <c r="N32" s="790"/>
      <c r="O32" s="786"/>
      <c r="P32" s="787"/>
      <c r="Q32" s="787"/>
      <c r="R32" s="787"/>
      <c r="S32" s="787"/>
      <c r="T32" s="787"/>
      <c r="U32" s="787"/>
      <c r="V32" s="787"/>
      <c r="W32" s="788"/>
      <c r="AC32" s="10"/>
    </row>
    <row r="33" spans="2:30" x14ac:dyDescent="0.15">
      <c r="B33" s="146"/>
      <c r="C33" s="5"/>
      <c r="D33" s="5"/>
      <c r="E33" s="5"/>
      <c r="F33" s="5"/>
      <c r="G33" s="73"/>
      <c r="H33" s="19"/>
      <c r="I33" s="5"/>
      <c r="J33" s="5"/>
      <c r="K33" s="5"/>
      <c r="L33" s="5"/>
      <c r="M33" s="5"/>
      <c r="N33" s="5"/>
      <c r="O33" s="5"/>
      <c r="P33" s="5"/>
      <c r="Q33" s="5"/>
      <c r="R33" s="5"/>
      <c r="S33" s="5"/>
      <c r="T33" s="5"/>
      <c r="U33" s="5"/>
      <c r="V33" s="5"/>
      <c r="W33" s="5"/>
      <c r="X33" s="5"/>
      <c r="Y33" s="5"/>
      <c r="Z33" s="5"/>
      <c r="AA33" s="5"/>
      <c r="AB33" s="5"/>
      <c r="AC33" s="73"/>
    </row>
    <row r="34" spans="2:30" x14ac:dyDescent="0.15">
      <c r="H34" s="233"/>
      <c r="I34" s="233"/>
      <c r="J34" s="233"/>
      <c r="K34" s="233"/>
      <c r="L34" s="233"/>
      <c r="M34" s="233"/>
      <c r="N34" s="233"/>
      <c r="O34" s="233"/>
      <c r="P34" s="233"/>
      <c r="Q34" s="233"/>
      <c r="R34" s="233"/>
      <c r="S34" s="233"/>
      <c r="T34" s="233"/>
      <c r="U34" s="233"/>
      <c r="V34" s="233"/>
      <c r="W34" s="233"/>
      <c r="X34" s="233"/>
      <c r="Y34" s="233"/>
      <c r="Z34" s="233"/>
      <c r="AA34" s="233"/>
      <c r="AB34" s="233"/>
      <c r="AC34" s="233"/>
    </row>
    <row r="35" spans="2:30" ht="6" customHeight="1" x14ac:dyDescent="0.15"/>
    <row r="36" spans="2:30" ht="13.5" customHeight="1" x14ac:dyDescent="0.15">
      <c r="B36" s="3" t="s">
        <v>303</v>
      </c>
      <c r="C36" s="827" t="s">
        <v>1587</v>
      </c>
      <c r="D36" s="827"/>
      <c r="E36" s="827"/>
      <c r="F36" s="827"/>
      <c r="G36" s="827"/>
      <c r="H36" s="827"/>
      <c r="I36" s="827"/>
      <c r="J36" s="827"/>
      <c r="K36" s="827"/>
      <c r="L36" s="827"/>
      <c r="M36" s="827"/>
      <c r="N36" s="827"/>
      <c r="O36" s="827"/>
      <c r="P36" s="827"/>
      <c r="Q36" s="827"/>
      <c r="R36" s="827"/>
      <c r="S36" s="827"/>
      <c r="T36" s="827"/>
      <c r="U36" s="827"/>
      <c r="V36" s="827"/>
      <c r="W36" s="827"/>
      <c r="X36" s="827"/>
      <c r="Y36" s="827"/>
      <c r="Z36" s="827"/>
      <c r="AA36" s="827"/>
      <c r="AB36" s="827"/>
      <c r="AC36" s="827"/>
      <c r="AD36" s="235"/>
    </row>
    <row r="37" spans="2:30" x14ac:dyDescent="0.15">
      <c r="C37" s="827"/>
      <c r="D37" s="827"/>
      <c r="E37" s="827"/>
      <c r="F37" s="827"/>
      <c r="G37" s="827"/>
      <c r="H37" s="827"/>
      <c r="I37" s="827"/>
      <c r="J37" s="827"/>
      <c r="K37" s="827"/>
      <c r="L37" s="827"/>
      <c r="M37" s="827"/>
      <c r="N37" s="827"/>
      <c r="O37" s="827"/>
      <c r="P37" s="827"/>
      <c r="Q37" s="827"/>
      <c r="R37" s="827"/>
      <c r="S37" s="827"/>
      <c r="T37" s="827"/>
      <c r="U37" s="827"/>
      <c r="V37" s="827"/>
      <c r="W37" s="827"/>
      <c r="X37" s="827"/>
      <c r="Y37" s="827"/>
      <c r="Z37" s="827"/>
      <c r="AA37" s="827"/>
      <c r="AB37" s="827"/>
      <c r="AC37" s="827"/>
      <c r="AD37" s="235"/>
    </row>
    <row r="122" spans="3:7" x14ac:dyDescent="0.15">
      <c r="C122" s="5"/>
      <c r="D122" s="5"/>
      <c r="E122" s="5"/>
      <c r="F122" s="5"/>
      <c r="G122" s="5"/>
    </row>
    <row r="123" spans="3:7" x14ac:dyDescent="0.15">
      <c r="C123" s="4"/>
    </row>
  </sheetData>
  <mergeCells count="29">
    <mergeCell ref="D3:AC3"/>
    <mergeCell ref="B4:AC4"/>
    <mergeCell ref="C6:G6"/>
    <mergeCell ref="H6:AC6"/>
    <mergeCell ref="C7:G7"/>
    <mergeCell ref="B8:B9"/>
    <mergeCell ref="C8:G9"/>
    <mergeCell ref="C11:G13"/>
    <mergeCell ref="I19:N20"/>
    <mergeCell ref="O19:W20"/>
    <mergeCell ref="I13:N14"/>
    <mergeCell ref="O13:W14"/>
    <mergeCell ref="I15:N16"/>
    <mergeCell ref="O15:W16"/>
    <mergeCell ref="I17:N18"/>
    <mergeCell ref="O17:W18"/>
    <mergeCell ref="I21:N22"/>
    <mergeCell ref="O21:W22"/>
    <mergeCell ref="I23:N24"/>
    <mergeCell ref="O23:W24"/>
    <mergeCell ref="I31:N32"/>
    <mergeCell ref="O31:W32"/>
    <mergeCell ref="C36:AC37"/>
    <mergeCell ref="I25:N26"/>
    <mergeCell ref="O25:W26"/>
    <mergeCell ref="I27:N28"/>
    <mergeCell ref="O27:W28"/>
    <mergeCell ref="I29:N30"/>
    <mergeCell ref="O29:W30"/>
  </mergeCells>
  <phoneticPr fontId="2"/>
  <dataValidations count="1">
    <dataValidation type="list" allowBlank="1" showInputMessage="1" showErrorMessage="1" sqref="I7:I9 N7 Q8:Q9 S7">
      <formula1>"□,■"</formula1>
    </dataValidation>
  </dataValidations>
  <pageMargins left="0.7" right="0.7" top="0.75" bottom="0.75" header="0.3" footer="0.3"/>
  <pageSetup paperSize="9" scale="85" orientation="portrait" r:id="rId1"/>
</worksheet>
</file>

<file path=xl/worksheets/sheet6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AB123"/>
  <sheetViews>
    <sheetView view="pageBreakPreview" topLeftCell="B1" zoomScale="70" zoomScaleNormal="100" zoomScaleSheetLayoutView="70" workbookViewId="0">
      <selection activeCell="C87" sqref="C87"/>
    </sheetView>
  </sheetViews>
  <sheetFormatPr defaultColWidth="4" defaultRowHeight="13.5" x14ac:dyDescent="0.15"/>
  <cols>
    <col min="1" max="1" width="1.5" style="8" customWidth="1"/>
    <col min="2" max="2" width="1.125" style="8" customWidth="1"/>
    <col min="3" max="3" width="3.375" style="8" customWidth="1"/>
    <col min="4" max="4" width="3.25" style="8" customWidth="1"/>
    <col min="5" max="18" width="4" style="8"/>
    <col min="19" max="19" width="6.375" style="8" customWidth="1"/>
    <col min="20" max="20" width="1.75" style="8" customWidth="1"/>
    <col min="21" max="21" width="2.375" style="8" customWidth="1"/>
    <col min="22" max="22" width="4" style="8"/>
    <col min="23" max="23" width="2.25" style="8" customWidth="1"/>
    <col min="24" max="24" width="4" style="8"/>
    <col min="25" max="25" width="2.375" style="8" customWidth="1"/>
    <col min="26" max="26" width="1.5" style="8" customWidth="1"/>
    <col min="27" max="16384" width="4" style="8"/>
  </cols>
  <sheetData>
    <row r="2" spans="2:28" x14ac:dyDescent="0.15">
      <c r="B2" s="8" t="s">
        <v>1629</v>
      </c>
      <c r="C2"/>
      <c r="D2"/>
      <c r="E2"/>
      <c r="F2"/>
      <c r="G2"/>
      <c r="H2"/>
      <c r="I2"/>
      <c r="J2"/>
      <c r="K2"/>
      <c r="L2"/>
      <c r="M2"/>
      <c r="N2"/>
      <c r="O2"/>
      <c r="P2"/>
      <c r="Q2"/>
      <c r="R2"/>
      <c r="S2"/>
      <c r="T2"/>
      <c r="U2"/>
      <c r="V2"/>
      <c r="W2"/>
      <c r="X2"/>
      <c r="Y2"/>
    </row>
    <row r="4" spans="2:28" x14ac:dyDescent="0.15">
      <c r="B4" s="778" t="s">
        <v>1628</v>
      </c>
      <c r="C4" s="778"/>
      <c r="D4" s="778"/>
      <c r="E4" s="778"/>
      <c r="F4" s="778"/>
      <c r="G4" s="778"/>
      <c r="H4" s="778"/>
      <c r="I4" s="778"/>
      <c r="J4" s="778"/>
      <c r="K4" s="778"/>
      <c r="L4" s="778"/>
      <c r="M4" s="778"/>
      <c r="N4" s="778"/>
      <c r="O4" s="778"/>
      <c r="P4" s="778"/>
      <c r="Q4" s="778"/>
      <c r="R4" s="778"/>
      <c r="S4" s="778"/>
      <c r="T4" s="778"/>
      <c r="U4" s="778"/>
      <c r="V4" s="778"/>
      <c r="W4" s="778"/>
      <c r="X4" s="778"/>
      <c r="Y4" s="778"/>
    </row>
    <row r="6" spans="2:28" ht="23.25" customHeight="1" x14ac:dyDescent="0.15">
      <c r="B6" s="790" t="s">
        <v>531</v>
      </c>
      <c r="C6" s="790"/>
      <c r="D6" s="790"/>
      <c r="E6" s="790"/>
      <c r="F6" s="790"/>
      <c r="G6" s="791"/>
      <c r="H6" s="792"/>
      <c r="I6" s="792"/>
      <c r="J6" s="792"/>
      <c r="K6" s="792"/>
      <c r="L6" s="792"/>
      <c r="M6" s="792"/>
      <c r="N6" s="792"/>
      <c r="O6" s="792"/>
      <c r="P6" s="792"/>
      <c r="Q6" s="792"/>
      <c r="R6" s="792"/>
      <c r="S6" s="792"/>
      <c r="T6" s="792"/>
      <c r="U6" s="792"/>
      <c r="V6" s="792"/>
      <c r="W6" s="792"/>
      <c r="X6" s="792"/>
      <c r="Y6" s="793"/>
    </row>
    <row r="7" spans="2:28" ht="22.5" customHeight="1" x14ac:dyDescent="0.15">
      <c r="B7" s="790" t="s">
        <v>481</v>
      </c>
      <c r="C7" s="790"/>
      <c r="D7" s="790"/>
      <c r="E7" s="790"/>
      <c r="F7" s="790"/>
      <c r="G7" s="177" t="s">
        <v>0</v>
      </c>
      <c r="H7" s="168" t="s">
        <v>242</v>
      </c>
      <c r="I7" s="168"/>
      <c r="J7" s="168"/>
      <c r="K7" s="168"/>
      <c r="L7" s="177" t="s">
        <v>0</v>
      </c>
      <c r="M7" s="168" t="s">
        <v>241</v>
      </c>
      <c r="N7" s="168"/>
      <c r="O7" s="168"/>
      <c r="P7" s="168"/>
      <c r="Q7" s="177" t="s">
        <v>0</v>
      </c>
      <c r="R7" s="168" t="s">
        <v>240</v>
      </c>
      <c r="S7" s="168"/>
      <c r="T7" s="168"/>
      <c r="U7" s="168"/>
      <c r="V7" s="168"/>
      <c r="W7" s="181"/>
      <c r="X7" s="181"/>
      <c r="Y7" s="197"/>
    </row>
    <row r="8" spans="2:28" ht="20.100000000000001" customHeight="1" x14ac:dyDescent="0.15">
      <c r="B8" s="783" t="s">
        <v>678</v>
      </c>
      <c r="C8" s="784"/>
      <c r="D8" s="784"/>
      <c r="E8" s="784"/>
      <c r="F8" s="785"/>
      <c r="G8" s="18" t="s">
        <v>0</v>
      </c>
      <c r="H8" s="907" t="s">
        <v>1627</v>
      </c>
      <c r="I8" s="907"/>
      <c r="J8" s="907"/>
      <c r="K8" s="907"/>
      <c r="L8" s="907"/>
      <c r="M8" s="907"/>
      <c r="N8" s="907"/>
      <c r="O8" s="907"/>
      <c r="P8" s="907"/>
      <c r="Q8" s="907"/>
      <c r="R8" s="907"/>
      <c r="S8" s="907"/>
      <c r="T8" s="907"/>
      <c r="U8" s="907"/>
      <c r="V8" s="907"/>
      <c r="W8" s="907"/>
      <c r="X8" s="907"/>
      <c r="Y8" s="908"/>
    </row>
    <row r="9" spans="2:28" ht="20.100000000000001" customHeight="1" x14ac:dyDescent="0.15">
      <c r="B9" s="810"/>
      <c r="C9" s="778"/>
      <c r="D9" s="778"/>
      <c r="E9" s="778"/>
      <c r="F9" s="811"/>
      <c r="G9" s="18" t="s">
        <v>0</v>
      </c>
      <c r="H9" s="809" t="s">
        <v>1626</v>
      </c>
      <c r="I9" s="809"/>
      <c r="J9" s="809"/>
      <c r="K9" s="809"/>
      <c r="L9" s="809"/>
      <c r="M9" s="809"/>
      <c r="N9" s="809"/>
      <c r="O9" s="809"/>
      <c r="P9" s="809"/>
      <c r="Q9" s="809"/>
      <c r="R9" s="809"/>
      <c r="S9" s="809"/>
      <c r="T9" s="809"/>
      <c r="U9" s="809"/>
      <c r="V9" s="809"/>
      <c r="W9" s="809"/>
      <c r="X9" s="809"/>
      <c r="Y9" s="821"/>
    </row>
    <row r="10" spans="2:28" ht="20.100000000000001" customHeight="1" x14ac:dyDescent="0.15">
      <c r="B10" s="786"/>
      <c r="C10" s="787"/>
      <c r="D10" s="787"/>
      <c r="E10" s="787"/>
      <c r="F10" s="788"/>
      <c r="G10" s="163" t="s">
        <v>0</v>
      </c>
      <c r="H10" s="910" t="s">
        <v>744</v>
      </c>
      <c r="I10" s="910"/>
      <c r="J10" s="910"/>
      <c r="K10" s="910"/>
      <c r="L10" s="910"/>
      <c r="M10" s="910"/>
      <c r="N10" s="910"/>
      <c r="O10" s="910"/>
      <c r="P10" s="910"/>
      <c r="Q10" s="910"/>
      <c r="R10" s="910"/>
      <c r="S10" s="910"/>
      <c r="T10" s="910"/>
      <c r="U10" s="910"/>
      <c r="V10" s="910"/>
      <c r="W10" s="910"/>
      <c r="X10" s="910"/>
      <c r="Y10" s="911"/>
    </row>
    <row r="11" spans="2:28" ht="17.25" customHeight="1" x14ac:dyDescent="0.15">
      <c r="B11" s="783" t="s">
        <v>318</v>
      </c>
      <c r="C11" s="784"/>
      <c r="D11" s="784"/>
      <c r="E11" s="784"/>
      <c r="F11" s="785"/>
      <c r="G11" s="250" t="s">
        <v>0</v>
      </c>
      <c r="H11" s="907" t="s">
        <v>1625</v>
      </c>
      <c r="I11" s="907"/>
      <c r="J11" s="907"/>
      <c r="K11" s="907"/>
      <c r="L11" s="907"/>
      <c r="M11" s="907"/>
      <c r="N11" s="907"/>
      <c r="O11" s="907"/>
      <c r="P11" s="907"/>
      <c r="Q11" s="907"/>
      <c r="R11" s="907"/>
      <c r="S11" s="907"/>
      <c r="T11" s="907"/>
      <c r="U11" s="907"/>
      <c r="V11" s="907"/>
      <c r="W11" s="907"/>
      <c r="X11" s="907"/>
      <c r="Y11" s="908"/>
    </row>
    <row r="12" spans="2:28" ht="18.75" customHeight="1" x14ac:dyDescent="0.15">
      <c r="B12" s="786"/>
      <c r="C12" s="787"/>
      <c r="D12" s="787"/>
      <c r="E12" s="787"/>
      <c r="F12" s="788"/>
      <c r="G12" s="163" t="s">
        <v>0</v>
      </c>
      <c r="H12" s="910" t="s">
        <v>1624</v>
      </c>
      <c r="I12" s="910"/>
      <c r="J12" s="910"/>
      <c r="K12" s="910"/>
      <c r="L12" s="910"/>
      <c r="M12" s="910"/>
      <c r="N12" s="910"/>
      <c r="O12" s="910"/>
      <c r="P12" s="910"/>
      <c r="Q12" s="910"/>
      <c r="R12" s="910"/>
      <c r="S12" s="910"/>
      <c r="T12" s="910"/>
      <c r="U12" s="910"/>
      <c r="V12" s="910"/>
      <c r="W12" s="910"/>
      <c r="X12" s="910"/>
      <c r="Y12" s="911"/>
    </row>
    <row r="13" spans="2:28" ht="6" customHeight="1" x14ac:dyDescent="0.15"/>
    <row r="14" spans="2:28" x14ac:dyDescent="0.15">
      <c r="B14" s="8" t="s">
        <v>1623</v>
      </c>
    </row>
    <row r="15" spans="2:28" x14ac:dyDescent="0.15">
      <c r="B15" s="158"/>
      <c r="C15" s="157" t="s">
        <v>1622</v>
      </c>
      <c r="D15" s="157"/>
      <c r="E15" s="157"/>
      <c r="F15" s="157"/>
      <c r="G15" s="157"/>
      <c r="H15" s="157"/>
      <c r="I15" s="157"/>
      <c r="J15" s="157"/>
      <c r="K15" s="157"/>
      <c r="L15" s="157"/>
      <c r="M15" s="157"/>
      <c r="N15" s="157"/>
      <c r="O15" s="157"/>
      <c r="P15" s="157"/>
      <c r="Q15" s="157"/>
      <c r="R15" s="157"/>
      <c r="S15" s="157"/>
      <c r="T15" s="156"/>
      <c r="U15" s="158"/>
      <c r="V15" s="278" t="s">
        <v>227</v>
      </c>
      <c r="W15" s="278" t="s">
        <v>217</v>
      </c>
      <c r="X15" s="278" t="s">
        <v>226</v>
      </c>
      <c r="Y15" s="156"/>
      <c r="Z15"/>
      <c r="AA15"/>
      <c r="AB15"/>
    </row>
    <row r="16" spans="2:28" ht="6.75" customHeight="1" x14ac:dyDescent="0.15">
      <c r="B16" s="9"/>
      <c r="C16" s="172"/>
      <c r="D16" s="172"/>
      <c r="E16" s="172"/>
      <c r="F16" s="172"/>
      <c r="G16" s="172"/>
      <c r="H16" s="172"/>
      <c r="I16" s="172"/>
      <c r="J16" s="172"/>
      <c r="K16" s="172"/>
      <c r="L16" s="172"/>
      <c r="M16" s="172"/>
      <c r="N16" s="172"/>
      <c r="O16" s="172"/>
      <c r="P16" s="172"/>
      <c r="Q16" s="172"/>
      <c r="R16" s="172"/>
      <c r="S16" s="172"/>
      <c r="T16" s="149"/>
      <c r="U16" s="9"/>
      <c r="V16" s="152"/>
      <c r="W16" s="152"/>
      <c r="X16" s="152"/>
      <c r="Y16" s="149"/>
      <c r="Z16"/>
      <c r="AA16"/>
      <c r="AB16"/>
    </row>
    <row r="17" spans="2:28" ht="38.25" customHeight="1" x14ac:dyDescent="0.15">
      <c r="B17" s="9"/>
      <c r="C17" s="627" t="s">
        <v>1615</v>
      </c>
      <c r="D17" s="1276" t="s">
        <v>1621</v>
      </c>
      <c r="E17" s="1276"/>
      <c r="F17" s="1276"/>
      <c r="G17" s="1276"/>
      <c r="H17" s="1276"/>
      <c r="I17" s="1276"/>
      <c r="J17" s="1276"/>
      <c r="K17" s="1276"/>
      <c r="L17" s="1276"/>
      <c r="M17" s="1276"/>
      <c r="N17" s="1276"/>
      <c r="O17" s="1276"/>
      <c r="P17" s="1276"/>
      <c r="Q17" s="1276"/>
      <c r="R17" s="1276"/>
      <c r="S17" s="1277"/>
      <c r="T17" s="149"/>
      <c r="U17" s="9"/>
      <c r="V17" s="18" t="s">
        <v>0</v>
      </c>
      <c r="W17" s="18" t="s">
        <v>217</v>
      </c>
      <c r="X17" s="18" t="s">
        <v>0</v>
      </c>
      <c r="Y17" s="150"/>
    </row>
    <row r="18" spans="2:28" ht="35.25" customHeight="1" x14ac:dyDescent="0.15">
      <c r="B18" s="9"/>
      <c r="C18" s="627" t="s">
        <v>277</v>
      </c>
      <c r="D18" s="1276" t="s">
        <v>1620</v>
      </c>
      <c r="E18" s="1276"/>
      <c r="F18" s="1276"/>
      <c r="G18" s="1276"/>
      <c r="H18" s="1276"/>
      <c r="I18" s="1276"/>
      <c r="J18" s="1276"/>
      <c r="K18" s="1276"/>
      <c r="L18" s="1276"/>
      <c r="M18" s="1276"/>
      <c r="N18" s="1276"/>
      <c r="O18" s="1276"/>
      <c r="P18" s="1276"/>
      <c r="Q18" s="1276"/>
      <c r="R18" s="1276"/>
      <c r="S18" s="1277"/>
      <c r="T18" s="149"/>
      <c r="U18" s="9"/>
      <c r="V18" s="18" t="s">
        <v>0</v>
      </c>
      <c r="W18" s="18" t="s">
        <v>217</v>
      </c>
      <c r="X18" s="18" t="s">
        <v>0</v>
      </c>
      <c r="Y18" s="150"/>
    </row>
    <row r="19" spans="2:28" ht="30.75" customHeight="1" x14ac:dyDescent="0.15">
      <c r="B19" s="9"/>
      <c r="C19" s="627" t="s">
        <v>293</v>
      </c>
      <c r="D19" s="1284" t="s">
        <v>1609</v>
      </c>
      <c r="E19" s="1284"/>
      <c r="F19" s="1284"/>
      <c r="G19" s="1284"/>
      <c r="H19" s="1284"/>
      <c r="I19" s="1284"/>
      <c r="J19" s="1284"/>
      <c r="K19" s="1284"/>
      <c r="L19" s="1284"/>
      <c r="M19" s="1284"/>
      <c r="N19" s="1284"/>
      <c r="O19" s="1284"/>
      <c r="P19" s="1284"/>
      <c r="Q19" s="1284"/>
      <c r="R19" s="1284"/>
      <c r="S19" s="1285"/>
      <c r="T19" s="149"/>
      <c r="U19" s="9"/>
      <c r="V19" s="18" t="s">
        <v>0</v>
      </c>
      <c r="W19" s="18" t="s">
        <v>217</v>
      </c>
      <c r="X19" s="18" t="s">
        <v>0</v>
      </c>
      <c r="Y19" s="150"/>
    </row>
    <row r="20" spans="2:28" ht="25.5" customHeight="1" x14ac:dyDescent="0.15">
      <c r="B20" s="9"/>
      <c r="C20" s="627" t="s">
        <v>513</v>
      </c>
      <c r="D20" s="1276" t="s">
        <v>1619</v>
      </c>
      <c r="E20" s="1276"/>
      <c r="F20" s="1276"/>
      <c r="G20" s="1276"/>
      <c r="H20" s="1276"/>
      <c r="I20" s="1276"/>
      <c r="J20" s="1276"/>
      <c r="K20" s="1276"/>
      <c r="L20" s="1276"/>
      <c r="M20" s="1276"/>
      <c r="N20" s="1276"/>
      <c r="O20" s="1276"/>
      <c r="P20" s="1276"/>
      <c r="Q20" s="1276"/>
      <c r="R20" s="1276"/>
      <c r="S20" s="1277"/>
      <c r="T20" s="149"/>
      <c r="U20" s="9"/>
      <c r="V20" s="18" t="s">
        <v>0</v>
      </c>
      <c r="W20" s="18" t="s">
        <v>217</v>
      </c>
      <c r="X20" s="18" t="s">
        <v>0</v>
      </c>
      <c r="Y20" s="150"/>
    </row>
    <row r="21" spans="2:28" ht="27.75" customHeight="1" x14ac:dyDescent="0.15">
      <c r="B21" s="9"/>
      <c r="C21" s="923" t="s">
        <v>511</v>
      </c>
      <c r="D21" s="1278" t="s">
        <v>1607</v>
      </c>
      <c r="E21" s="1279"/>
      <c r="F21" s="1276" t="s">
        <v>1618</v>
      </c>
      <c r="G21" s="1276"/>
      <c r="H21" s="1276"/>
      <c r="I21" s="1276"/>
      <c r="J21" s="1276"/>
      <c r="K21" s="1276"/>
      <c r="L21" s="1276"/>
      <c r="M21" s="1276"/>
      <c r="N21" s="1276"/>
      <c r="O21" s="1276"/>
      <c r="P21" s="1276"/>
      <c r="Q21" s="1276"/>
      <c r="R21" s="1276"/>
      <c r="S21" s="1277"/>
      <c r="T21" s="149"/>
      <c r="U21" s="9"/>
      <c r="V21" s="18" t="s">
        <v>0</v>
      </c>
      <c r="W21" s="18" t="s">
        <v>217</v>
      </c>
      <c r="X21" s="18" t="s">
        <v>0</v>
      </c>
      <c r="Y21" s="150"/>
    </row>
    <row r="22" spans="2:28" ht="27.75" customHeight="1" x14ac:dyDescent="0.15">
      <c r="B22" s="9"/>
      <c r="C22" s="926"/>
      <c r="D22" s="1280"/>
      <c r="E22" s="1281"/>
      <c r="F22" s="1276" t="s">
        <v>1604</v>
      </c>
      <c r="G22" s="1276"/>
      <c r="H22" s="1276"/>
      <c r="I22" s="1276"/>
      <c r="J22" s="1276"/>
      <c r="K22" s="1276"/>
      <c r="L22" s="1276"/>
      <c r="M22" s="1276"/>
      <c r="N22" s="1276"/>
      <c r="O22" s="1276"/>
      <c r="P22" s="1276"/>
      <c r="Q22" s="1276"/>
      <c r="R22" s="1276"/>
      <c r="S22" s="1277"/>
      <c r="T22" s="149"/>
      <c r="U22" s="9"/>
      <c r="V22" s="18"/>
      <c r="W22" s="18"/>
      <c r="X22" s="18"/>
      <c r="Y22" s="150"/>
    </row>
    <row r="23" spans="2:28" ht="27" customHeight="1" x14ac:dyDescent="0.15">
      <c r="B23" s="9"/>
      <c r="C23" s="926"/>
      <c r="D23" s="1280"/>
      <c r="E23" s="1281"/>
      <c r="F23" s="1276" t="s">
        <v>1603</v>
      </c>
      <c r="G23" s="1276"/>
      <c r="H23" s="1276"/>
      <c r="I23" s="1276"/>
      <c r="J23" s="1276"/>
      <c r="K23" s="1276"/>
      <c r="L23" s="1276"/>
      <c r="M23" s="1276"/>
      <c r="N23" s="1276"/>
      <c r="O23" s="1276"/>
      <c r="P23" s="1276"/>
      <c r="Q23" s="1276"/>
      <c r="R23" s="1276"/>
      <c r="S23" s="1277"/>
      <c r="T23" s="149"/>
      <c r="U23" s="9"/>
      <c r="V23" s="18"/>
      <c r="W23" s="18"/>
      <c r="X23" s="18"/>
      <c r="Y23" s="150"/>
    </row>
    <row r="24" spans="2:28" ht="27.75" customHeight="1" x14ac:dyDescent="0.15">
      <c r="B24" s="9"/>
      <c r="C24" s="928"/>
      <c r="D24" s="1282"/>
      <c r="E24" s="1283"/>
      <c r="F24" s="1276" t="s">
        <v>1617</v>
      </c>
      <c r="G24" s="1276"/>
      <c r="H24" s="1276"/>
      <c r="I24" s="1276"/>
      <c r="J24" s="1276"/>
      <c r="K24" s="1276"/>
      <c r="L24" s="1276"/>
      <c r="M24" s="1276"/>
      <c r="N24" s="1276"/>
      <c r="O24" s="1276"/>
      <c r="P24" s="1276"/>
      <c r="Q24" s="1276"/>
      <c r="R24" s="1276"/>
      <c r="S24" s="1277"/>
      <c r="T24" s="149"/>
      <c r="U24" s="9"/>
      <c r="V24" s="18"/>
      <c r="W24" s="18"/>
      <c r="X24" s="18"/>
      <c r="Y24" s="150"/>
    </row>
    <row r="25" spans="2:28" ht="6" customHeight="1" x14ac:dyDescent="0.15">
      <c r="B25" s="9"/>
      <c r="C25" s="341"/>
      <c r="D25" s="18"/>
      <c r="E25" s="341"/>
      <c r="G25" s="341"/>
      <c r="H25" s="341"/>
      <c r="I25" s="341"/>
      <c r="J25" s="341"/>
      <c r="K25" s="341"/>
      <c r="L25" s="341"/>
      <c r="M25" s="341"/>
      <c r="N25" s="341"/>
      <c r="O25" s="341"/>
      <c r="P25" s="341"/>
      <c r="Q25" s="341"/>
      <c r="R25" s="341"/>
      <c r="S25" s="341"/>
      <c r="T25" s="149"/>
      <c r="U25" s="9"/>
      <c r="V25" s="249"/>
      <c r="W25" s="18"/>
      <c r="X25" s="249"/>
      <c r="Y25" s="150"/>
    </row>
    <row r="26" spans="2:28" x14ac:dyDescent="0.15">
      <c r="B26" s="9"/>
      <c r="C26" s="8" t="s">
        <v>1616</v>
      </c>
      <c r="T26" s="149"/>
      <c r="U26" s="9"/>
      <c r="Y26" s="149"/>
      <c r="Z26"/>
      <c r="AA26"/>
      <c r="AB26"/>
    </row>
    <row r="27" spans="2:28" ht="5.25" customHeight="1" x14ac:dyDescent="0.15">
      <c r="B27" s="9"/>
      <c r="T27" s="149"/>
      <c r="U27" s="9"/>
      <c r="Y27" s="149"/>
      <c r="Z27"/>
      <c r="AA27"/>
      <c r="AB27"/>
    </row>
    <row r="28" spans="2:28" ht="35.25" customHeight="1" x14ac:dyDescent="0.15">
      <c r="B28" s="9"/>
      <c r="C28" s="627" t="s">
        <v>1615</v>
      </c>
      <c r="D28" s="1276" t="s">
        <v>1614</v>
      </c>
      <c r="E28" s="1276"/>
      <c r="F28" s="1276"/>
      <c r="G28" s="1276"/>
      <c r="H28" s="1276"/>
      <c r="I28" s="1276"/>
      <c r="J28" s="1276"/>
      <c r="K28" s="1276"/>
      <c r="L28" s="1276"/>
      <c r="M28" s="1276"/>
      <c r="N28" s="1276"/>
      <c r="O28" s="1276"/>
      <c r="P28" s="1276"/>
      <c r="Q28" s="1276"/>
      <c r="R28" s="1276"/>
      <c r="S28" s="1277"/>
      <c r="T28" s="149"/>
      <c r="U28" s="9"/>
      <c r="V28" s="18" t="s">
        <v>0</v>
      </c>
      <c r="W28" s="18" t="s">
        <v>217</v>
      </c>
      <c r="X28" s="18" t="s">
        <v>0</v>
      </c>
      <c r="Y28" s="150"/>
    </row>
    <row r="29" spans="2:28" ht="25.5" customHeight="1" x14ac:dyDescent="0.15">
      <c r="B29" s="9"/>
      <c r="C29" s="627" t="s">
        <v>277</v>
      </c>
      <c r="D29" s="1276" t="s">
        <v>1610</v>
      </c>
      <c r="E29" s="1276"/>
      <c r="F29" s="1276"/>
      <c r="G29" s="1276"/>
      <c r="H29" s="1276"/>
      <c r="I29" s="1276"/>
      <c r="J29" s="1276"/>
      <c r="K29" s="1276"/>
      <c r="L29" s="1276"/>
      <c r="M29" s="1276"/>
      <c r="N29" s="1276"/>
      <c r="O29" s="1276"/>
      <c r="P29" s="1276"/>
      <c r="Q29" s="1276"/>
      <c r="R29" s="1276"/>
      <c r="S29" s="1277"/>
      <c r="T29" s="149"/>
      <c r="U29" s="9"/>
      <c r="V29" s="18" t="s">
        <v>0</v>
      </c>
      <c r="W29" s="18" t="s">
        <v>217</v>
      </c>
      <c r="X29" s="18" t="s">
        <v>0</v>
      </c>
      <c r="Y29" s="150"/>
    </row>
    <row r="30" spans="2:28" ht="22.5" customHeight="1" x14ac:dyDescent="0.15">
      <c r="B30" s="9"/>
      <c r="C30" s="627" t="s">
        <v>293</v>
      </c>
      <c r="D30" s="1284" t="s">
        <v>1609</v>
      </c>
      <c r="E30" s="1284"/>
      <c r="F30" s="1284"/>
      <c r="G30" s="1284"/>
      <c r="H30" s="1284"/>
      <c r="I30" s="1284"/>
      <c r="J30" s="1284"/>
      <c r="K30" s="1284"/>
      <c r="L30" s="1284"/>
      <c r="M30" s="1284"/>
      <c r="N30" s="1284"/>
      <c r="O30" s="1284"/>
      <c r="P30" s="1284"/>
      <c r="Q30" s="1284"/>
      <c r="R30" s="1284"/>
      <c r="S30" s="1285"/>
      <c r="T30" s="149"/>
      <c r="U30" s="9"/>
      <c r="V30" s="18" t="s">
        <v>0</v>
      </c>
      <c r="W30" s="18" t="s">
        <v>217</v>
      </c>
      <c r="X30" s="18" t="s">
        <v>0</v>
      </c>
      <c r="Y30" s="150"/>
    </row>
    <row r="31" spans="2:28" ht="24" customHeight="1" x14ac:dyDescent="0.15">
      <c r="B31" s="9"/>
      <c r="C31" s="627" t="s">
        <v>513</v>
      </c>
      <c r="D31" s="1276" t="s">
        <v>1608</v>
      </c>
      <c r="E31" s="1276"/>
      <c r="F31" s="1276"/>
      <c r="G31" s="1276"/>
      <c r="H31" s="1276"/>
      <c r="I31" s="1276"/>
      <c r="J31" s="1276"/>
      <c r="K31" s="1276"/>
      <c r="L31" s="1276"/>
      <c r="M31" s="1276"/>
      <c r="N31" s="1276"/>
      <c r="O31" s="1276"/>
      <c r="P31" s="1276"/>
      <c r="Q31" s="1276"/>
      <c r="R31" s="1276"/>
      <c r="S31" s="1277"/>
      <c r="T31" s="149"/>
      <c r="U31" s="9"/>
      <c r="V31" s="18" t="s">
        <v>0</v>
      </c>
      <c r="W31" s="18" t="s">
        <v>217</v>
      </c>
      <c r="X31" s="18" t="s">
        <v>0</v>
      </c>
      <c r="Y31" s="150"/>
    </row>
    <row r="32" spans="2:28" ht="24" customHeight="1" x14ac:dyDescent="0.15">
      <c r="B32" s="9"/>
      <c r="C32" s="923" t="s">
        <v>511</v>
      </c>
      <c r="D32" s="1278" t="s">
        <v>1607</v>
      </c>
      <c r="E32" s="1279"/>
      <c r="F32" s="1276" t="s">
        <v>1606</v>
      </c>
      <c r="G32" s="1276"/>
      <c r="H32" s="1276"/>
      <c r="I32" s="1276"/>
      <c r="J32" s="1276"/>
      <c r="K32" s="1276"/>
      <c r="L32" s="1276"/>
      <c r="M32" s="1276"/>
      <c r="N32" s="1276"/>
      <c r="O32" s="1276"/>
      <c r="P32" s="1276"/>
      <c r="Q32" s="1276"/>
      <c r="R32" s="1276"/>
      <c r="S32" s="1277"/>
      <c r="T32" s="149"/>
      <c r="U32" s="9"/>
      <c r="V32" s="18" t="s">
        <v>0</v>
      </c>
      <c r="W32" s="18" t="s">
        <v>217</v>
      </c>
      <c r="X32" s="18" t="s">
        <v>0</v>
      </c>
      <c r="Y32" s="150"/>
    </row>
    <row r="33" spans="2:28" ht="23.25" customHeight="1" x14ac:dyDescent="0.15">
      <c r="B33" s="9"/>
      <c r="C33" s="926"/>
      <c r="D33" s="1280"/>
      <c r="E33" s="1281"/>
      <c r="F33" s="1276" t="s">
        <v>1605</v>
      </c>
      <c r="G33" s="1276"/>
      <c r="H33" s="1276"/>
      <c r="I33" s="1276"/>
      <c r="J33" s="1276"/>
      <c r="K33" s="1276"/>
      <c r="L33" s="1276"/>
      <c r="M33" s="1276"/>
      <c r="N33" s="1276"/>
      <c r="O33" s="1276"/>
      <c r="P33" s="1276"/>
      <c r="Q33" s="1276"/>
      <c r="R33" s="1276"/>
      <c r="S33" s="1277"/>
      <c r="T33" s="149"/>
      <c r="U33" s="9"/>
      <c r="V33" s="18"/>
      <c r="W33" s="18"/>
      <c r="X33" s="18"/>
      <c r="Y33" s="150"/>
    </row>
    <row r="34" spans="2:28" ht="22.5" customHeight="1" x14ac:dyDescent="0.15">
      <c r="B34" s="9"/>
      <c r="C34" s="926"/>
      <c r="D34" s="1280"/>
      <c r="E34" s="1281"/>
      <c r="F34" s="1276" t="s">
        <v>1604</v>
      </c>
      <c r="G34" s="1276"/>
      <c r="H34" s="1276"/>
      <c r="I34" s="1276"/>
      <c r="J34" s="1276"/>
      <c r="K34" s="1276"/>
      <c r="L34" s="1276"/>
      <c r="M34" s="1276"/>
      <c r="N34" s="1276"/>
      <c r="O34" s="1276"/>
      <c r="P34" s="1276"/>
      <c r="Q34" s="1276"/>
      <c r="R34" s="1276"/>
      <c r="S34" s="1277"/>
      <c r="T34" s="149"/>
      <c r="U34" s="9"/>
      <c r="V34" s="18"/>
      <c r="W34" s="18"/>
      <c r="X34" s="18"/>
      <c r="Y34" s="150"/>
    </row>
    <row r="35" spans="2:28" ht="24.75" customHeight="1" x14ac:dyDescent="0.15">
      <c r="B35" s="9"/>
      <c r="C35" s="928"/>
      <c r="D35" s="1282"/>
      <c r="E35" s="1283"/>
      <c r="F35" s="1276" t="s">
        <v>1603</v>
      </c>
      <c r="G35" s="1276"/>
      <c r="H35" s="1276"/>
      <c r="I35" s="1276"/>
      <c r="J35" s="1276"/>
      <c r="K35" s="1276"/>
      <c r="L35" s="1276"/>
      <c r="M35" s="1276"/>
      <c r="N35" s="1276"/>
      <c r="O35" s="1276"/>
      <c r="P35" s="1276"/>
      <c r="Q35" s="1276"/>
      <c r="R35" s="1276"/>
      <c r="S35" s="1277"/>
      <c r="T35" s="149"/>
      <c r="U35" s="9"/>
      <c r="V35" s="18"/>
      <c r="W35" s="18"/>
      <c r="X35" s="18"/>
      <c r="Y35" s="150"/>
    </row>
    <row r="36" spans="2:28" ht="5.25" customHeight="1" x14ac:dyDescent="0.15">
      <c r="B36" s="9"/>
      <c r="C36" s="141"/>
      <c r="D36" s="18"/>
      <c r="E36" s="341"/>
      <c r="G36" s="341"/>
      <c r="H36" s="341"/>
      <c r="I36" s="341"/>
      <c r="J36" s="341"/>
      <c r="K36" s="341"/>
      <c r="L36" s="341"/>
      <c r="M36" s="341"/>
      <c r="N36" s="341"/>
      <c r="O36" s="341"/>
      <c r="P36" s="341"/>
      <c r="Q36" s="341"/>
      <c r="R36" s="341"/>
      <c r="S36" s="341"/>
      <c r="T36" s="149"/>
      <c r="U36" s="9"/>
      <c r="V36" s="16"/>
      <c r="W36" s="16"/>
      <c r="X36" s="16"/>
      <c r="Y36" s="150"/>
    </row>
    <row r="37" spans="2:28" x14ac:dyDescent="0.15">
      <c r="B37" s="9"/>
      <c r="C37" s="8" t="s">
        <v>1613</v>
      </c>
      <c r="T37" s="149"/>
      <c r="U37" s="9"/>
      <c r="Y37" s="149"/>
      <c r="Z37"/>
      <c r="AA37"/>
      <c r="AB37"/>
    </row>
    <row r="38" spans="2:28" ht="5.25" customHeight="1" x14ac:dyDescent="0.15">
      <c r="B38" s="9"/>
      <c r="C38" s="172"/>
      <c r="D38" s="172"/>
      <c r="E38" s="172"/>
      <c r="F38" s="172"/>
      <c r="G38" s="172"/>
      <c r="H38" s="172"/>
      <c r="I38" s="172"/>
      <c r="J38" s="172"/>
      <c r="K38" s="172"/>
      <c r="L38" s="172"/>
      <c r="M38" s="172"/>
      <c r="N38" s="172"/>
      <c r="O38" s="172"/>
      <c r="P38" s="172"/>
      <c r="Q38" s="172"/>
      <c r="R38" s="172"/>
      <c r="S38" s="172"/>
      <c r="T38" s="149"/>
      <c r="U38" s="9"/>
      <c r="Y38" s="149"/>
      <c r="Z38"/>
      <c r="AA38"/>
      <c r="AB38"/>
    </row>
    <row r="39" spans="2:28" ht="37.5" customHeight="1" x14ac:dyDescent="0.15">
      <c r="B39" s="9"/>
      <c r="C39" s="299" t="s">
        <v>279</v>
      </c>
      <c r="D39" s="1286" t="s">
        <v>1612</v>
      </c>
      <c r="E39" s="1286"/>
      <c r="F39" s="1286"/>
      <c r="G39" s="1286"/>
      <c r="H39" s="1286"/>
      <c r="I39" s="1286"/>
      <c r="J39" s="1286"/>
      <c r="K39" s="1286"/>
      <c r="L39" s="1286"/>
      <c r="M39" s="1286"/>
      <c r="N39" s="1286"/>
      <c r="O39" s="1286"/>
      <c r="P39" s="1286"/>
      <c r="Q39" s="1286"/>
      <c r="R39" s="1286"/>
      <c r="S39" s="1287"/>
      <c r="T39" s="149"/>
      <c r="U39" s="9"/>
      <c r="V39" s="18" t="s">
        <v>0</v>
      </c>
      <c r="W39" s="18" t="s">
        <v>217</v>
      </c>
      <c r="X39" s="18" t="s">
        <v>0</v>
      </c>
      <c r="Y39" s="150"/>
    </row>
    <row r="40" spans="2:28" ht="37.5" customHeight="1" x14ac:dyDescent="0.15">
      <c r="B40" s="9"/>
      <c r="C40" s="627" t="s">
        <v>277</v>
      </c>
      <c r="D40" s="1276" t="s">
        <v>1611</v>
      </c>
      <c r="E40" s="1276"/>
      <c r="F40" s="1276"/>
      <c r="G40" s="1276"/>
      <c r="H40" s="1276"/>
      <c r="I40" s="1276"/>
      <c r="J40" s="1276"/>
      <c r="K40" s="1276"/>
      <c r="L40" s="1276"/>
      <c r="M40" s="1276"/>
      <c r="N40" s="1276"/>
      <c r="O40" s="1276"/>
      <c r="P40" s="1276"/>
      <c r="Q40" s="1276"/>
      <c r="R40" s="1276"/>
      <c r="S40" s="1277"/>
      <c r="T40" s="149"/>
      <c r="U40" s="9"/>
      <c r="V40" s="18" t="s">
        <v>0</v>
      </c>
      <c r="W40" s="18" t="s">
        <v>217</v>
      </c>
      <c r="X40" s="18" t="s">
        <v>0</v>
      </c>
      <c r="Y40" s="150"/>
    </row>
    <row r="41" spans="2:28" ht="29.25" customHeight="1" x14ac:dyDescent="0.15">
      <c r="B41" s="9"/>
      <c r="C41" s="627" t="s">
        <v>293</v>
      </c>
      <c r="D41" s="1276" t="s">
        <v>1610</v>
      </c>
      <c r="E41" s="1276"/>
      <c r="F41" s="1276"/>
      <c r="G41" s="1276"/>
      <c r="H41" s="1276"/>
      <c r="I41" s="1276"/>
      <c r="J41" s="1276"/>
      <c r="K41" s="1276"/>
      <c r="L41" s="1276"/>
      <c r="M41" s="1276"/>
      <c r="N41" s="1276"/>
      <c r="O41" s="1276"/>
      <c r="P41" s="1276"/>
      <c r="Q41" s="1276"/>
      <c r="R41" s="1276"/>
      <c r="S41" s="1277"/>
      <c r="T41" s="149"/>
      <c r="U41" s="9"/>
      <c r="V41" s="18" t="s">
        <v>0</v>
      </c>
      <c r="W41" s="18" t="s">
        <v>217</v>
      </c>
      <c r="X41" s="18" t="s">
        <v>0</v>
      </c>
      <c r="Y41" s="150"/>
    </row>
    <row r="42" spans="2:28" ht="18" customHeight="1" x14ac:dyDescent="0.15">
      <c r="B42" s="9"/>
      <c r="C42" s="627" t="s">
        <v>513</v>
      </c>
      <c r="D42" s="1284" t="s">
        <v>1609</v>
      </c>
      <c r="E42" s="1284"/>
      <c r="F42" s="1284"/>
      <c r="G42" s="1284"/>
      <c r="H42" s="1284"/>
      <c r="I42" s="1284"/>
      <c r="J42" s="1284"/>
      <c r="K42" s="1284"/>
      <c r="L42" s="1284"/>
      <c r="M42" s="1284"/>
      <c r="N42" s="1284"/>
      <c r="O42" s="1284"/>
      <c r="P42" s="1284"/>
      <c r="Q42" s="1284"/>
      <c r="R42" s="1284"/>
      <c r="S42" s="1285"/>
      <c r="T42" s="149"/>
      <c r="U42" s="9"/>
      <c r="V42" s="18" t="s">
        <v>0</v>
      </c>
      <c r="W42" s="18" t="s">
        <v>217</v>
      </c>
      <c r="X42" s="18" t="s">
        <v>0</v>
      </c>
      <c r="Y42" s="150"/>
    </row>
    <row r="43" spans="2:28" ht="27.75" customHeight="1" x14ac:dyDescent="0.15">
      <c r="B43" s="9"/>
      <c r="C43" s="627" t="s">
        <v>511</v>
      </c>
      <c r="D43" s="1276" t="s">
        <v>1608</v>
      </c>
      <c r="E43" s="1276"/>
      <c r="F43" s="1276"/>
      <c r="G43" s="1276"/>
      <c r="H43" s="1276"/>
      <c r="I43" s="1276"/>
      <c r="J43" s="1276"/>
      <c r="K43" s="1276"/>
      <c r="L43" s="1276"/>
      <c r="M43" s="1276"/>
      <c r="N43" s="1276"/>
      <c r="O43" s="1276"/>
      <c r="P43" s="1276"/>
      <c r="Q43" s="1276"/>
      <c r="R43" s="1276"/>
      <c r="S43" s="1277"/>
      <c r="T43" s="149"/>
      <c r="U43" s="9"/>
      <c r="V43" s="18" t="s">
        <v>0</v>
      </c>
      <c r="W43" s="18" t="s">
        <v>217</v>
      </c>
      <c r="X43" s="18" t="s">
        <v>0</v>
      </c>
      <c r="Y43" s="150"/>
    </row>
    <row r="44" spans="2:28" ht="24" customHeight="1" x14ac:dyDescent="0.15">
      <c r="B44" s="9"/>
      <c r="C44" s="923" t="s">
        <v>509</v>
      </c>
      <c r="D44" s="1278" t="s">
        <v>1607</v>
      </c>
      <c r="E44" s="1279"/>
      <c r="F44" s="1276" t="s">
        <v>1606</v>
      </c>
      <c r="G44" s="1276"/>
      <c r="H44" s="1276"/>
      <c r="I44" s="1276"/>
      <c r="J44" s="1276"/>
      <c r="K44" s="1276"/>
      <c r="L44" s="1276"/>
      <c r="M44" s="1276"/>
      <c r="N44" s="1276"/>
      <c r="O44" s="1276"/>
      <c r="P44" s="1276"/>
      <c r="Q44" s="1276"/>
      <c r="R44" s="1276"/>
      <c r="S44" s="1277"/>
      <c r="T44" s="149"/>
      <c r="U44" s="9"/>
      <c r="V44" s="18" t="s">
        <v>0</v>
      </c>
      <c r="W44" s="18" t="s">
        <v>217</v>
      </c>
      <c r="X44" s="18" t="s">
        <v>0</v>
      </c>
      <c r="Y44" s="150"/>
    </row>
    <row r="45" spans="2:28" ht="26.25" customHeight="1" x14ac:dyDescent="0.15">
      <c r="B45" s="9"/>
      <c r="C45" s="926"/>
      <c r="D45" s="1280"/>
      <c r="E45" s="1281"/>
      <c r="F45" s="1276" t="s">
        <v>1605</v>
      </c>
      <c r="G45" s="1276"/>
      <c r="H45" s="1276"/>
      <c r="I45" s="1276"/>
      <c r="J45" s="1276"/>
      <c r="K45" s="1276"/>
      <c r="L45" s="1276"/>
      <c r="M45" s="1276"/>
      <c r="N45" s="1276"/>
      <c r="O45" s="1276"/>
      <c r="P45" s="1276"/>
      <c r="Q45" s="1276"/>
      <c r="R45" s="1276"/>
      <c r="S45" s="1277"/>
      <c r="T45" s="149"/>
      <c r="U45" s="9"/>
      <c r="V45" s="18"/>
      <c r="W45" s="18"/>
      <c r="X45" s="18"/>
      <c r="Y45" s="150"/>
    </row>
    <row r="46" spans="2:28" ht="18.75" customHeight="1" x14ac:dyDescent="0.15">
      <c r="B46" s="9"/>
      <c r="C46" s="926"/>
      <c r="D46" s="1280"/>
      <c r="E46" s="1281"/>
      <c r="F46" s="1276" t="s">
        <v>1604</v>
      </c>
      <c r="G46" s="1276"/>
      <c r="H46" s="1276"/>
      <c r="I46" s="1276"/>
      <c r="J46" s="1276"/>
      <c r="K46" s="1276"/>
      <c r="L46" s="1276"/>
      <c r="M46" s="1276"/>
      <c r="N46" s="1276"/>
      <c r="O46" s="1276"/>
      <c r="P46" s="1276"/>
      <c r="Q46" s="1276"/>
      <c r="R46" s="1276"/>
      <c r="S46" s="1277"/>
      <c r="T46" s="149"/>
      <c r="U46" s="9"/>
      <c r="V46" s="18"/>
      <c r="W46" s="18"/>
      <c r="X46" s="18"/>
      <c r="Y46" s="150"/>
    </row>
    <row r="47" spans="2:28" ht="25.5" customHeight="1" x14ac:dyDescent="0.15">
      <c r="B47" s="9"/>
      <c r="C47" s="928"/>
      <c r="D47" s="1282"/>
      <c r="E47" s="1283"/>
      <c r="F47" s="1276" t="s">
        <v>1603</v>
      </c>
      <c r="G47" s="1276"/>
      <c r="H47" s="1276"/>
      <c r="I47" s="1276"/>
      <c r="J47" s="1276"/>
      <c r="K47" s="1276"/>
      <c r="L47" s="1276"/>
      <c r="M47" s="1276"/>
      <c r="N47" s="1276"/>
      <c r="O47" s="1276"/>
      <c r="P47" s="1276"/>
      <c r="Q47" s="1276"/>
      <c r="R47" s="1276"/>
      <c r="S47" s="1277"/>
      <c r="T47" s="149"/>
      <c r="U47" s="9"/>
      <c r="V47" s="18"/>
      <c r="W47" s="18"/>
      <c r="X47" s="18"/>
      <c r="Y47" s="150"/>
    </row>
    <row r="48" spans="2:28" x14ac:dyDescent="0.15">
      <c r="B48" s="173"/>
      <c r="C48" s="172"/>
      <c r="D48" s="172"/>
      <c r="E48" s="172"/>
      <c r="F48" s="172"/>
      <c r="G48" s="172"/>
      <c r="H48" s="172"/>
      <c r="I48" s="172"/>
      <c r="J48" s="172"/>
      <c r="K48" s="172"/>
      <c r="L48" s="172"/>
      <c r="M48" s="172"/>
      <c r="N48" s="172"/>
      <c r="O48" s="172"/>
      <c r="P48" s="172"/>
      <c r="Q48" s="172"/>
      <c r="R48" s="172"/>
      <c r="S48" s="172"/>
      <c r="T48" s="171"/>
      <c r="U48" s="173"/>
      <c r="V48" s="172"/>
      <c r="W48" s="172"/>
      <c r="X48" s="172"/>
      <c r="Y48" s="171"/>
    </row>
    <row r="49" spans="2:28" ht="4.5" customHeight="1" x14ac:dyDescent="0.15">
      <c r="Z49"/>
      <c r="AA49"/>
      <c r="AB49"/>
    </row>
    <row r="50" spans="2:28" x14ac:dyDescent="0.15">
      <c r="B50" s="8" t="s">
        <v>1602</v>
      </c>
      <c r="Z50"/>
      <c r="AA50"/>
      <c r="AB50"/>
    </row>
    <row r="51" spans="2:28" ht="24" customHeight="1" x14ac:dyDescent="0.15">
      <c r="B51" s="158"/>
      <c r="C51" s="1275" t="s">
        <v>1601</v>
      </c>
      <c r="D51" s="1275"/>
      <c r="E51" s="1275"/>
      <c r="F51" s="1275"/>
      <c r="G51" s="1275"/>
      <c r="H51" s="1275"/>
      <c r="I51" s="1275"/>
      <c r="J51" s="1275"/>
      <c r="K51" s="1275"/>
      <c r="L51" s="1275"/>
      <c r="M51" s="1275"/>
      <c r="N51" s="1275"/>
      <c r="O51" s="1275"/>
      <c r="P51" s="1275"/>
      <c r="Q51" s="1275"/>
      <c r="R51" s="1275"/>
      <c r="S51" s="1275"/>
      <c r="T51" s="156"/>
      <c r="U51" s="157"/>
      <c r="V51" s="278" t="s">
        <v>227</v>
      </c>
      <c r="W51" s="278" t="s">
        <v>217</v>
      </c>
      <c r="X51" s="278" t="s">
        <v>226</v>
      </c>
      <c r="Y51" s="156"/>
      <c r="Z51"/>
      <c r="AA51"/>
      <c r="AB51"/>
    </row>
    <row r="52" spans="2:28" ht="5.25" customHeight="1" x14ac:dyDescent="0.15">
      <c r="B52" s="9"/>
      <c r="C52" s="628"/>
      <c r="D52" s="628"/>
      <c r="E52" s="628"/>
      <c r="F52" s="628"/>
      <c r="G52" s="628"/>
      <c r="H52" s="628"/>
      <c r="I52" s="628"/>
      <c r="J52" s="628"/>
      <c r="K52" s="628"/>
      <c r="L52" s="628"/>
      <c r="M52" s="628"/>
      <c r="N52" s="628"/>
      <c r="O52" s="628"/>
      <c r="P52" s="628"/>
      <c r="Q52" s="628"/>
      <c r="R52" s="628"/>
      <c r="S52" s="628"/>
      <c r="T52" s="149"/>
      <c r="V52" s="152"/>
      <c r="W52" s="152"/>
      <c r="X52" s="152"/>
      <c r="Y52" s="149"/>
      <c r="Z52"/>
      <c r="AA52"/>
      <c r="AB52"/>
    </row>
    <row r="53" spans="2:28" ht="21" customHeight="1" x14ac:dyDescent="0.15">
      <c r="B53" s="9"/>
      <c r="C53" s="627" t="s">
        <v>279</v>
      </c>
      <c r="D53" s="1276" t="s">
        <v>1600</v>
      </c>
      <c r="E53" s="1276"/>
      <c r="F53" s="1276"/>
      <c r="G53" s="1276"/>
      <c r="H53" s="1276"/>
      <c r="I53" s="1276"/>
      <c r="J53" s="1276"/>
      <c r="K53" s="1276"/>
      <c r="L53" s="1276"/>
      <c r="M53" s="1276"/>
      <c r="N53" s="1276"/>
      <c r="O53" s="1276"/>
      <c r="P53" s="1276"/>
      <c r="Q53" s="1276"/>
      <c r="R53" s="1276"/>
      <c r="S53" s="1277"/>
      <c r="T53" s="149"/>
      <c r="V53" s="18" t="s">
        <v>0</v>
      </c>
      <c r="W53" s="18" t="s">
        <v>217</v>
      </c>
      <c r="X53" s="18" t="s">
        <v>0</v>
      </c>
      <c r="Y53" s="149"/>
      <c r="Z53"/>
      <c r="AA53"/>
      <c r="AB53"/>
    </row>
    <row r="54" spans="2:28" ht="5.25" customHeight="1" x14ac:dyDescent="0.15">
      <c r="B54" s="9"/>
      <c r="D54" s="323"/>
      <c r="T54" s="149"/>
      <c r="V54" s="18"/>
      <c r="W54" s="18"/>
      <c r="X54" s="18"/>
      <c r="Y54" s="149"/>
      <c r="Z54"/>
      <c r="AA54"/>
      <c r="AB54"/>
    </row>
    <row r="55" spans="2:28" ht="24.75" customHeight="1" x14ac:dyDescent="0.15">
      <c r="B55" s="9"/>
      <c r="C55" s="1213" t="s">
        <v>1599</v>
      </c>
      <c r="D55" s="1213"/>
      <c r="E55" s="1213"/>
      <c r="F55" s="1213"/>
      <c r="G55" s="1213"/>
      <c r="H55" s="1213"/>
      <c r="I55" s="1213"/>
      <c r="J55" s="1213"/>
      <c r="K55" s="1213"/>
      <c r="L55" s="1213"/>
      <c r="M55" s="1213"/>
      <c r="N55" s="1213"/>
      <c r="O55" s="1213"/>
      <c r="P55" s="1213"/>
      <c r="Q55" s="1213"/>
      <c r="R55" s="1213"/>
      <c r="S55" s="1213"/>
      <c r="T55" s="149"/>
      <c r="V55" s="249"/>
      <c r="W55" s="18"/>
      <c r="X55" s="249"/>
      <c r="Y55" s="150"/>
    </row>
    <row r="56" spans="2:28" ht="6" customHeight="1" x14ac:dyDescent="0.15">
      <c r="B56" s="9"/>
      <c r="C56" s="628"/>
      <c r="D56" s="628"/>
      <c r="E56" s="628"/>
      <c r="F56" s="628"/>
      <c r="G56" s="628"/>
      <c r="H56" s="628"/>
      <c r="I56" s="628"/>
      <c r="J56" s="628"/>
      <c r="K56" s="628"/>
      <c r="L56" s="628"/>
      <c r="M56" s="628"/>
      <c r="N56" s="628"/>
      <c r="O56" s="628"/>
      <c r="P56" s="628"/>
      <c r="Q56" s="628"/>
      <c r="R56" s="628"/>
      <c r="S56" s="628"/>
      <c r="T56" s="149"/>
      <c r="V56" s="249"/>
      <c r="W56" s="18"/>
      <c r="X56" s="249"/>
      <c r="Y56" s="150"/>
    </row>
    <row r="57" spans="2:28" ht="22.5" customHeight="1" x14ac:dyDescent="0.15">
      <c r="B57" s="9"/>
      <c r="C57" s="627" t="s">
        <v>279</v>
      </c>
      <c r="D57" s="1276" t="s">
        <v>1598</v>
      </c>
      <c r="E57" s="1276"/>
      <c r="F57" s="1276"/>
      <c r="G57" s="1276"/>
      <c r="H57" s="1276"/>
      <c r="I57" s="1276"/>
      <c r="J57" s="1276"/>
      <c r="K57" s="1276"/>
      <c r="L57" s="1276"/>
      <c r="M57" s="1276"/>
      <c r="N57" s="1276"/>
      <c r="O57" s="1276"/>
      <c r="P57" s="1276"/>
      <c r="Q57" s="1276"/>
      <c r="R57" s="1276"/>
      <c r="S57" s="1277"/>
      <c r="T57" s="149"/>
      <c r="V57" s="18" t="s">
        <v>0</v>
      </c>
      <c r="W57" s="18" t="s">
        <v>217</v>
      </c>
      <c r="X57" s="18" t="s">
        <v>0</v>
      </c>
      <c r="Y57" s="150"/>
    </row>
    <row r="58" spans="2:28" ht="5.25" customHeight="1" x14ac:dyDescent="0.15">
      <c r="B58" s="173"/>
      <c r="C58" s="172"/>
      <c r="D58" s="172"/>
      <c r="E58" s="172"/>
      <c r="F58" s="172"/>
      <c r="G58" s="172"/>
      <c r="H58" s="172"/>
      <c r="I58" s="172"/>
      <c r="J58" s="172"/>
      <c r="K58" s="172"/>
      <c r="L58" s="172"/>
      <c r="M58" s="172"/>
      <c r="N58" s="172"/>
      <c r="O58" s="172"/>
      <c r="P58" s="172"/>
      <c r="Q58" s="172"/>
      <c r="R58" s="172"/>
      <c r="S58" s="172"/>
      <c r="T58" s="171"/>
      <c r="U58" s="172"/>
      <c r="V58" s="172"/>
      <c r="W58" s="172"/>
      <c r="X58" s="172"/>
      <c r="Y58" s="171"/>
    </row>
    <row r="59" spans="2:28" x14ac:dyDescent="0.15">
      <c r="B59" s="8" t="s">
        <v>507</v>
      </c>
    </row>
    <row r="60" spans="2:28" x14ac:dyDescent="0.15">
      <c r="B60" s="8" t="s">
        <v>506</v>
      </c>
      <c r="K60"/>
      <c r="L60"/>
      <c r="M60"/>
      <c r="N60"/>
      <c r="O60"/>
      <c r="P60"/>
      <c r="Q60"/>
      <c r="R60"/>
      <c r="S60"/>
      <c r="T60"/>
      <c r="U60"/>
      <c r="V60"/>
      <c r="W60"/>
      <c r="X60"/>
      <c r="Y60"/>
      <c r="Z60"/>
      <c r="AA60"/>
      <c r="AB60"/>
    </row>
    <row r="122" spans="3:7" x14ac:dyDescent="0.15">
      <c r="C122" s="172"/>
      <c r="D122" s="172"/>
      <c r="E122" s="172"/>
      <c r="F122" s="172"/>
      <c r="G122" s="172"/>
    </row>
    <row r="123" spans="3:7" x14ac:dyDescent="0.15">
      <c r="C123" s="157"/>
    </row>
  </sheetData>
  <mergeCells count="46">
    <mergeCell ref="H11:Y11"/>
    <mergeCell ref="H12:Y12"/>
    <mergeCell ref="D17:S17"/>
    <mergeCell ref="D18:S18"/>
    <mergeCell ref="D19:S19"/>
    <mergeCell ref="B11:F12"/>
    <mergeCell ref="B4:Y4"/>
    <mergeCell ref="B6:F6"/>
    <mergeCell ref="G6:Y6"/>
    <mergeCell ref="B7:F7"/>
    <mergeCell ref="B8:F10"/>
    <mergeCell ref="H8:Y8"/>
    <mergeCell ref="H9:Y9"/>
    <mergeCell ref="H10:Y10"/>
    <mergeCell ref="D20:S20"/>
    <mergeCell ref="C21:C24"/>
    <mergeCell ref="D21:E24"/>
    <mergeCell ref="F21:S21"/>
    <mergeCell ref="F22:S22"/>
    <mergeCell ref="F23:S23"/>
    <mergeCell ref="F24:S24"/>
    <mergeCell ref="C32:C35"/>
    <mergeCell ref="D32:E35"/>
    <mergeCell ref="F32:S32"/>
    <mergeCell ref="F33:S33"/>
    <mergeCell ref="F34:S34"/>
    <mergeCell ref="F35:S35"/>
    <mergeCell ref="D28:S28"/>
    <mergeCell ref="D29:S29"/>
    <mergeCell ref="D30:S30"/>
    <mergeCell ref="D31:S31"/>
    <mergeCell ref="F47:S47"/>
    <mergeCell ref="D39:S39"/>
    <mergeCell ref="D40:S40"/>
    <mergeCell ref="D41:S41"/>
    <mergeCell ref="D42:S42"/>
    <mergeCell ref="D43:S43"/>
    <mergeCell ref="C51:S51"/>
    <mergeCell ref="D53:S53"/>
    <mergeCell ref="C55:S55"/>
    <mergeCell ref="D57:S57"/>
    <mergeCell ref="C44:C47"/>
    <mergeCell ref="D44:E47"/>
    <mergeCell ref="F44:S44"/>
    <mergeCell ref="F45:S45"/>
    <mergeCell ref="F46:S46"/>
  </mergeCells>
  <phoneticPr fontId="2"/>
  <dataValidations count="1">
    <dataValidation type="list" allowBlank="1" showInputMessage="1" showErrorMessage="1" sqref="L7 Q7 G7:G12 X57 V57 X17:X24 X28:X35 V17:V24 V28:V35 V39:V47 X39:X47 V53:V54 X53:X54">
      <formula1>"□,■"</formula1>
    </dataValidation>
  </dataValidations>
  <pageMargins left="0.7" right="0.7" top="0.75" bottom="0.75" header="0.3" footer="0.3"/>
  <pageSetup paperSize="9" scale="70" orientation="portrait" r:id="rId1"/>
</worksheet>
</file>

<file path=xl/worksheets/sheet6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AK123"/>
  <sheetViews>
    <sheetView zoomScaleNormal="100" workbookViewId="0">
      <selection activeCell="C87" sqref="C87"/>
    </sheetView>
  </sheetViews>
  <sheetFormatPr defaultColWidth="4" defaultRowHeight="13.5" x14ac:dyDescent="0.15"/>
  <cols>
    <col min="1" max="1" width="1.5" style="8" customWidth="1"/>
    <col min="2" max="2" width="2.375" style="8" customWidth="1"/>
    <col min="3" max="3" width="1.125" style="8" customWidth="1"/>
    <col min="4" max="20" width="4" style="8"/>
    <col min="21" max="21" width="2.375" style="8" customWidth="1"/>
    <col min="22" max="22" width="4" style="8"/>
    <col min="23" max="23" width="2.25" style="8" customWidth="1"/>
    <col min="24" max="24" width="4" style="8"/>
    <col min="25" max="25" width="2.375" style="8" customWidth="1"/>
    <col min="26" max="26" width="1.5" style="8" customWidth="1"/>
    <col min="27" max="16384" width="4" style="8"/>
  </cols>
  <sheetData>
    <row r="2" spans="2:28" x14ac:dyDescent="0.15">
      <c r="B2" s="8" t="s">
        <v>1641</v>
      </c>
      <c r="C2"/>
      <c r="D2"/>
      <c r="E2"/>
      <c r="F2"/>
      <c r="G2"/>
      <c r="H2"/>
      <c r="I2"/>
      <c r="J2"/>
      <c r="K2"/>
      <c r="L2"/>
      <c r="M2"/>
      <c r="N2"/>
      <c r="O2"/>
      <c r="P2"/>
      <c r="Q2"/>
      <c r="R2"/>
      <c r="S2"/>
      <c r="T2"/>
      <c r="U2"/>
      <c r="V2"/>
      <c r="W2"/>
      <c r="X2"/>
      <c r="Y2"/>
    </row>
    <row r="4" spans="2:28" x14ac:dyDescent="0.15">
      <c r="B4" s="778" t="s">
        <v>1640</v>
      </c>
      <c r="C4" s="778"/>
      <c r="D4" s="778"/>
      <c r="E4" s="778"/>
      <c r="F4" s="778"/>
      <c r="G4" s="778"/>
      <c r="H4" s="778"/>
      <c r="I4" s="778"/>
      <c r="J4" s="778"/>
      <c r="K4" s="778"/>
      <c r="L4" s="778"/>
      <c r="M4" s="778"/>
      <c r="N4" s="778"/>
      <c r="O4" s="778"/>
      <c r="P4" s="778"/>
      <c r="Q4" s="778"/>
      <c r="R4" s="778"/>
      <c r="S4" s="778"/>
      <c r="T4" s="778"/>
      <c r="U4" s="778"/>
      <c r="V4" s="778"/>
      <c r="W4" s="778"/>
      <c r="X4" s="778"/>
      <c r="Y4" s="778"/>
    </row>
    <row r="6" spans="2:28" ht="23.25" customHeight="1" x14ac:dyDescent="0.15">
      <c r="B6" s="790" t="s">
        <v>531</v>
      </c>
      <c r="C6" s="790"/>
      <c r="D6" s="790"/>
      <c r="E6" s="790"/>
      <c r="F6" s="790"/>
      <c r="G6" s="791"/>
      <c r="H6" s="792"/>
      <c r="I6" s="792"/>
      <c r="J6" s="792"/>
      <c r="K6" s="792"/>
      <c r="L6" s="792"/>
      <c r="M6" s="792"/>
      <c r="N6" s="792"/>
      <c r="O6" s="792"/>
      <c r="P6" s="792"/>
      <c r="Q6" s="792"/>
      <c r="R6" s="792"/>
      <c r="S6" s="792"/>
      <c r="T6" s="792"/>
      <c r="U6" s="792"/>
      <c r="V6" s="792"/>
      <c r="W6" s="792"/>
      <c r="X6" s="792"/>
      <c r="Y6" s="793"/>
    </row>
    <row r="7" spans="2:28" ht="23.25" customHeight="1" x14ac:dyDescent="0.15">
      <c r="B7" s="790" t="s">
        <v>481</v>
      </c>
      <c r="C7" s="790"/>
      <c r="D7" s="790"/>
      <c r="E7" s="790"/>
      <c r="F7" s="790"/>
      <c r="G7" s="169" t="s">
        <v>0</v>
      </c>
      <c r="H7" s="168" t="s">
        <v>242</v>
      </c>
      <c r="I7" s="168"/>
      <c r="J7" s="168"/>
      <c r="K7" s="168"/>
      <c r="L7" s="177" t="s">
        <v>0</v>
      </c>
      <c r="M7" s="168" t="s">
        <v>241</v>
      </c>
      <c r="N7" s="168"/>
      <c r="O7" s="168"/>
      <c r="P7" s="168"/>
      <c r="Q7" s="177" t="s">
        <v>0</v>
      </c>
      <c r="R7" s="168" t="s">
        <v>240</v>
      </c>
      <c r="S7" s="168"/>
      <c r="T7" s="168"/>
      <c r="U7" s="168"/>
      <c r="V7" s="168"/>
      <c r="W7" s="181"/>
      <c r="X7" s="181"/>
      <c r="Y7" s="197"/>
    </row>
    <row r="10" spans="2:28" x14ac:dyDescent="0.15">
      <c r="B10" s="158"/>
      <c r="C10" s="157"/>
      <c r="D10" s="157"/>
      <c r="E10" s="157"/>
      <c r="F10" s="157"/>
      <c r="G10" s="157"/>
      <c r="H10" s="157"/>
      <c r="I10" s="157"/>
      <c r="J10" s="157"/>
      <c r="K10" s="157"/>
      <c r="L10" s="157"/>
      <c r="M10" s="157"/>
      <c r="N10" s="157"/>
      <c r="O10" s="157"/>
      <c r="P10" s="157"/>
      <c r="Q10" s="157"/>
      <c r="R10" s="157"/>
      <c r="S10" s="157"/>
      <c r="T10" s="156"/>
      <c r="U10" s="157"/>
      <c r="V10" s="157"/>
      <c r="W10" s="157"/>
      <c r="X10" s="157"/>
      <c r="Y10" s="156"/>
      <c r="Z10"/>
      <c r="AA10"/>
      <c r="AB10"/>
    </row>
    <row r="11" spans="2:28" x14ac:dyDescent="0.15">
      <c r="B11" s="9" t="s">
        <v>1639</v>
      </c>
      <c r="T11" s="149"/>
      <c r="V11" s="152" t="s">
        <v>227</v>
      </c>
      <c r="W11" s="152" t="s">
        <v>217</v>
      </c>
      <c r="X11" s="152" t="s">
        <v>226</v>
      </c>
      <c r="Y11" s="149"/>
      <c r="Z11"/>
      <c r="AA11"/>
      <c r="AB11"/>
    </row>
    <row r="12" spans="2:28" x14ac:dyDescent="0.15">
      <c r="B12" s="9"/>
      <c r="T12" s="149"/>
      <c r="Y12" s="149"/>
      <c r="Z12"/>
      <c r="AA12"/>
      <c r="AB12"/>
    </row>
    <row r="13" spans="2:28" ht="17.25" customHeight="1" x14ac:dyDescent="0.15">
      <c r="B13" s="9"/>
      <c r="D13" s="18" t="s">
        <v>279</v>
      </c>
      <c r="E13" s="809" t="s">
        <v>1638</v>
      </c>
      <c r="F13" s="809"/>
      <c r="G13" s="809"/>
      <c r="H13" s="809"/>
      <c r="I13" s="809"/>
      <c r="J13" s="809"/>
      <c r="K13" s="809"/>
      <c r="L13" s="809"/>
      <c r="M13" s="809"/>
      <c r="N13" s="809"/>
      <c r="O13" s="809"/>
      <c r="P13" s="809"/>
      <c r="Q13" s="809"/>
      <c r="R13" s="809"/>
      <c r="S13" s="809"/>
      <c r="T13" s="821"/>
      <c r="V13" s="18" t="s">
        <v>0</v>
      </c>
      <c r="W13" s="18" t="s">
        <v>217</v>
      </c>
      <c r="X13" s="18" t="s">
        <v>0</v>
      </c>
      <c r="Y13" s="150"/>
    </row>
    <row r="14" spans="2:28" x14ac:dyDescent="0.15">
      <c r="B14" s="9"/>
      <c r="T14" s="149"/>
      <c r="V14" s="18"/>
      <c r="W14" s="18"/>
      <c r="X14" s="18"/>
      <c r="Y14" s="174"/>
    </row>
    <row r="15" spans="2:28" ht="33" customHeight="1" x14ac:dyDescent="0.15">
      <c r="B15" s="9"/>
      <c r="D15" s="18" t="s">
        <v>277</v>
      </c>
      <c r="E15" s="789" t="s">
        <v>1637</v>
      </c>
      <c r="F15" s="789"/>
      <c r="G15" s="789"/>
      <c r="H15" s="789"/>
      <c r="I15" s="789"/>
      <c r="J15" s="789"/>
      <c r="K15" s="789"/>
      <c r="L15" s="789"/>
      <c r="M15" s="789"/>
      <c r="N15" s="789"/>
      <c r="O15" s="789"/>
      <c r="P15" s="789"/>
      <c r="Q15" s="789"/>
      <c r="R15" s="789"/>
      <c r="S15" s="789"/>
      <c r="T15" s="805"/>
      <c r="V15" s="18" t="s">
        <v>0</v>
      </c>
      <c r="W15" s="18" t="s">
        <v>217</v>
      </c>
      <c r="X15" s="18" t="s">
        <v>0</v>
      </c>
      <c r="Y15" s="150"/>
    </row>
    <row r="16" spans="2:28" x14ac:dyDescent="0.15">
      <c r="B16" s="9"/>
      <c r="T16" s="149"/>
      <c r="V16" s="18"/>
      <c r="W16" s="18"/>
      <c r="X16" s="18"/>
      <c r="Y16" s="174"/>
    </row>
    <row r="17" spans="2:37" ht="35.25" customHeight="1" x14ac:dyDescent="0.15">
      <c r="B17" s="9"/>
      <c r="C17" s="8" t="s">
        <v>1635</v>
      </c>
      <c r="D17" s="18"/>
      <c r="E17" s="789" t="s">
        <v>1636</v>
      </c>
      <c r="F17" s="789"/>
      <c r="G17" s="789"/>
      <c r="H17" s="789"/>
      <c r="I17" s="789"/>
      <c r="J17" s="789"/>
      <c r="K17" s="789"/>
      <c r="L17" s="789"/>
      <c r="M17" s="789"/>
      <c r="N17" s="789"/>
      <c r="O17" s="789"/>
      <c r="P17" s="789"/>
      <c r="Q17" s="789"/>
      <c r="R17" s="789"/>
      <c r="S17" s="789"/>
      <c r="T17" s="805"/>
      <c r="V17" s="18" t="s">
        <v>0</v>
      </c>
      <c r="W17" s="18" t="s">
        <v>217</v>
      </c>
      <c r="X17" s="18" t="s">
        <v>0</v>
      </c>
      <c r="Y17" s="150"/>
    </row>
    <row r="18" spans="2:37" ht="17.25" customHeight="1" x14ac:dyDescent="0.15">
      <c r="B18" s="9"/>
      <c r="T18" s="149"/>
      <c r="V18" s="16"/>
      <c r="W18" s="16"/>
      <c r="X18" s="16"/>
      <c r="Y18" s="150"/>
    </row>
    <row r="19" spans="2:37" ht="35.25" customHeight="1" x14ac:dyDescent="0.15">
      <c r="B19" s="9"/>
      <c r="C19" s="8" t="s">
        <v>1635</v>
      </c>
      <c r="D19" s="18" t="s">
        <v>513</v>
      </c>
      <c r="E19" s="789" t="s">
        <v>1634</v>
      </c>
      <c r="F19" s="789"/>
      <c r="G19" s="789"/>
      <c r="H19" s="789"/>
      <c r="I19" s="789"/>
      <c r="J19" s="789"/>
      <c r="K19" s="789"/>
      <c r="L19" s="789"/>
      <c r="M19" s="789"/>
      <c r="N19" s="789"/>
      <c r="O19" s="789"/>
      <c r="P19" s="789"/>
      <c r="Q19" s="789"/>
      <c r="R19" s="789"/>
      <c r="S19" s="789"/>
      <c r="T19" s="805"/>
      <c r="V19" s="18" t="s">
        <v>0</v>
      </c>
      <c r="W19" s="18" t="s">
        <v>217</v>
      </c>
      <c r="X19" s="18" t="s">
        <v>0</v>
      </c>
      <c r="Y19" s="150"/>
    </row>
    <row r="20" spans="2:37" ht="17.25" customHeight="1" x14ac:dyDescent="0.15">
      <c r="B20" s="9"/>
      <c r="T20" s="149"/>
      <c r="V20" s="16"/>
      <c r="W20" s="16"/>
      <c r="X20" s="16"/>
      <c r="Y20" s="150"/>
    </row>
    <row r="21" spans="2:37" ht="30.6" customHeight="1" x14ac:dyDescent="0.15">
      <c r="B21" s="9"/>
      <c r="D21" s="18" t="s">
        <v>511</v>
      </c>
      <c r="E21" s="789" t="s">
        <v>1633</v>
      </c>
      <c r="F21" s="789"/>
      <c r="G21" s="789"/>
      <c r="H21" s="789"/>
      <c r="I21" s="789"/>
      <c r="J21" s="789"/>
      <c r="K21" s="789"/>
      <c r="L21" s="789"/>
      <c r="M21" s="789"/>
      <c r="N21" s="789"/>
      <c r="O21" s="789"/>
      <c r="P21" s="789"/>
      <c r="Q21" s="789"/>
      <c r="R21" s="789"/>
      <c r="S21" s="789"/>
      <c r="T21" s="805"/>
      <c r="V21" s="18" t="s">
        <v>0</v>
      </c>
      <c r="W21" s="18" t="s">
        <v>217</v>
      </c>
      <c r="X21" s="18" t="s">
        <v>0</v>
      </c>
      <c r="Y21" s="150"/>
    </row>
    <row r="22" spans="2:37" ht="17.25" customHeight="1" x14ac:dyDescent="0.15">
      <c r="B22" s="9"/>
      <c r="T22" s="149"/>
      <c r="V22" s="16"/>
      <c r="W22" s="16"/>
      <c r="X22" s="16"/>
      <c r="Y22" s="150"/>
    </row>
    <row r="23" spans="2:37" ht="31.5" customHeight="1" x14ac:dyDescent="0.15">
      <c r="B23" s="9"/>
      <c r="D23" s="18" t="s">
        <v>509</v>
      </c>
      <c r="E23" s="789" t="s">
        <v>1632</v>
      </c>
      <c r="F23" s="789"/>
      <c r="G23" s="789"/>
      <c r="H23" s="789"/>
      <c r="I23" s="789"/>
      <c r="J23" s="789"/>
      <c r="K23" s="789"/>
      <c r="L23" s="789"/>
      <c r="M23" s="789"/>
      <c r="N23" s="789"/>
      <c r="O23" s="789"/>
      <c r="P23" s="789"/>
      <c r="Q23" s="789"/>
      <c r="R23" s="789"/>
      <c r="S23" s="789"/>
      <c r="T23" s="805"/>
      <c r="V23" s="18" t="s">
        <v>0</v>
      </c>
      <c r="W23" s="18" t="s">
        <v>217</v>
      </c>
      <c r="X23" s="18" t="s">
        <v>0</v>
      </c>
      <c r="Y23" s="150"/>
    </row>
    <row r="24" spans="2:37" x14ac:dyDescent="0.15">
      <c r="B24" s="173"/>
      <c r="C24" s="172"/>
      <c r="D24" s="172"/>
      <c r="E24" s="172"/>
      <c r="F24" s="172"/>
      <c r="G24" s="172"/>
      <c r="H24" s="172"/>
      <c r="I24" s="172"/>
      <c r="J24" s="172"/>
      <c r="K24" s="172"/>
      <c r="L24" s="172"/>
      <c r="M24" s="172"/>
      <c r="N24" s="172"/>
      <c r="O24" s="172"/>
      <c r="P24" s="172"/>
      <c r="Q24" s="172"/>
      <c r="R24" s="172"/>
      <c r="S24" s="172"/>
      <c r="T24" s="171"/>
      <c r="U24" s="172"/>
      <c r="V24" s="172"/>
      <c r="W24" s="172"/>
      <c r="X24" s="172"/>
      <c r="Y24" s="171"/>
    </row>
    <row r="26" spans="2:37" x14ac:dyDescent="0.15">
      <c r="B26" s="629" t="s">
        <v>1631</v>
      </c>
      <c r="C26" s="629"/>
      <c r="D26" s="629"/>
      <c r="E26" s="629"/>
      <c r="F26" s="629"/>
      <c r="G26" s="629"/>
      <c r="H26" s="629"/>
      <c r="I26" s="629"/>
      <c r="J26" s="629"/>
      <c r="K26" s="629"/>
      <c r="L26" s="629"/>
      <c r="M26" s="629"/>
      <c r="N26" s="629"/>
      <c r="O26" s="629"/>
      <c r="P26" s="629"/>
      <c r="Q26" s="629"/>
      <c r="R26" s="629"/>
      <c r="S26" s="629"/>
      <c r="T26" s="629"/>
      <c r="Z26"/>
      <c r="AA26"/>
      <c r="AB26"/>
      <c r="AE26" s="975"/>
      <c r="AF26" s="931"/>
      <c r="AG26" s="263"/>
      <c r="AH26" s="263"/>
      <c r="AI26" s="263"/>
      <c r="AJ26" s="263"/>
      <c r="AK26" s="263"/>
    </row>
    <row r="27" spans="2:37" ht="6" customHeight="1" x14ac:dyDescent="0.15">
      <c r="B27" s="629"/>
      <c r="C27" s="629"/>
      <c r="D27" s="629"/>
      <c r="E27" s="629"/>
      <c r="F27" s="629"/>
      <c r="G27" s="629"/>
      <c r="H27" s="629"/>
      <c r="I27" s="629"/>
      <c r="J27" s="629"/>
      <c r="K27" s="629"/>
      <c r="L27" s="629"/>
      <c r="M27" s="629"/>
      <c r="N27" s="629"/>
      <c r="O27" s="629"/>
      <c r="P27" s="629"/>
      <c r="Q27" s="629"/>
      <c r="R27" s="629"/>
      <c r="S27" s="629"/>
      <c r="T27" s="629"/>
      <c r="V27" s="152"/>
      <c r="W27" s="152"/>
      <c r="X27" s="152"/>
      <c r="Z27"/>
      <c r="AA27"/>
      <c r="AB27"/>
    </row>
    <row r="28" spans="2:37" ht="24.95" customHeight="1" x14ac:dyDescent="0.15">
      <c r="B28" s="1288" t="s">
        <v>1630</v>
      </c>
      <c r="C28" s="1288"/>
      <c r="D28" s="1288"/>
      <c r="E28" s="1288"/>
      <c r="F28" s="1289"/>
      <c r="G28" s="1289"/>
      <c r="H28" s="1289"/>
      <c r="I28" s="1289"/>
      <c r="J28" s="1289"/>
      <c r="K28" s="1289"/>
      <c r="L28" s="1289"/>
      <c r="M28" s="1289"/>
      <c r="N28" s="1289"/>
      <c r="O28" s="1289"/>
      <c r="P28" s="1289"/>
      <c r="Q28" s="1289"/>
      <c r="R28" s="1289"/>
      <c r="S28" s="1289"/>
      <c r="T28" s="1289"/>
      <c r="U28" s="1289"/>
      <c r="V28" s="1289"/>
      <c r="W28" s="1289"/>
      <c r="X28" s="1289"/>
      <c r="Y28" s="1289"/>
      <c r="Z28"/>
      <c r="AA28"/>
      <c r="AB28"/>
    </row>
    <row r="29" spans="2:37" ht="24.95" customHeight="1" x14ac:dyDescent="0.15">
      <c r="B29" s="1288" t="s">
        <v>1630</v>
      </c>
      <c r="C29" s="1288"/>
      <c r="D29" s="1288"/>
      <c r="E29" s="1288"/>
      <c r="F29" s="1289"/>
      <c r="G29" s="1289"/>
      <c r="H29" s="1289"/>
      <c r="I29" s="1289"/>
      <c r="J29" s="1289"/>
      <c r="K29" s="1289"/>
      <c r="L29" s="1289"/>
      <c r="M29" s="1289"/>
      <c r="N29" s="1289"/>
      <c r="O29" s="1289"/>
      <c r="P29" s="1289"/>
      <c r="Q29" s="1289"/>
      <c r="R29" s="1289"/>
      <c r="S29" s="1289"/>
      <c r="T29" s="1289"/>
      <c r="U29" s="1289"/>
      <c r="V29" s="1289"/>
      <c r="W29" s="1289"/>
      <c r="X29" s="1289"/>
      <c r="Y29" s="1289"/>
    </row>
    <row r="30" spans="2:37" ht="24.95" customHeight="1" x14ac:dyDescent="0.15">
      <c r="B30" s="1288" t="s">
        <v>1630</v>
      </c>
      <c r="C30" s="1288"/>
      <c r="D30" s="1288"/>
      <c r="E30" s="1288"/>
      <c r="F30" s="1289"/>
      <c r="G30" s="1289"/>
      <c r="H30" s="1289"/>
      <c r="I30" s="1289"/>
      <c r="J30" s="1289"/>
      <c r="K30" s="1289"/>
      <c r="L30" s="1289"/>
      <c r="M30" s="1289"/>
      <c r="N30" s="1289"/>
      <c r="O30" s="1289"/>
      <c r="P30" s="1289"/>
      <c r="Q30" s="1289"/>
      <c r="R30" s="1289"/>
      <c r="S30" s="1289"/>
      <c r="T30" s="1289"/>
      <c r="U30" s="1289"/>
      <c r="V30" s="1289"/>
      <c r="W30" s="1289"/>
      <c r="X30" s="1289"/>
      <c r="Y30" s="1289"/>
    </row>
    <row r="31" spans="2:37" ht="24.95" customHeight="1" x14ac:dyDescent="0.15">
      <c r="B31" s="1288" t="s">
        <v>1630</v>
      </c>
      <c r="C31" s="1288"/>
      <c r="D31" s="1288"/>
      <c r="E31" s="1288"/>
      <c r="F31" s="1289"/>
      <c r="G31" s="1289"/>
      <c r="H31" s="1289"/>
      <c r="I31" s="1289"/>
      <c r="J31" s="1289"/>
      <c r="K31" s="1289"/>
      <c r="L31" s="1289"/>
      <c r="M31" s="1289"/>
      <c r="N31" s="1289"/>
      <c r="O31" s="1289"/>
      <c r="P31" s="1289"/>
      <c r="Q31" s="1289"/>
      <c r="R31" s="1289"/>
      <c r="S31" s="1289"/>
      <c r="T31" s="1289"/>
      <c r="U31" s="1289"/>
      <c r="V31" s="1289"/>
      <c r="W31" s="1289"/>
      <c r="X31" s="1289"/>
      <c r="Y31" s="1289"/>
    </row>
    <row r="32" spans="2:37" ht="7.5" customHeight="1" x14ac:dyDescent="0.15">
      <c r="V32" s="16"/>
      <c r="W32" s="16"/>
      <c r="X32" s="16"/>
      <c r="Y32" s="16"/>
    </row>
    <row r="34" spans="2:28" x14ac:dyDescent="0.15">
      <c r="B34" s="8" t="s">
        <v>507</v>
      </c>
    </row>
    <row r="35" spans="2:28" x14ac:dyDescent="0.15">
      <c r="B35" s="8" t="s">
        <v>506</v>
      </c>
      <c r="K35"/>
      <c r="L35"/>
      <c r="M35"/>
      <c r="N35"/>
      <c r="O35"/>
      <c r="P35"/>
      <c r="Q35"/>
      <c r="R35"/>
      <c r="S35"/>
      <c r="T35"/>
      <c r="U35"/>
      <c r="V35"/>
      <c r="W35"/>
      <c r="X35"/>
      <c r="Y35"/>
      <c r="Z35"/>
      <c r="AA35"/>
      <c r="AB35"/>
    </row>
    <row r="122" spans="3:7" x14ac:dyDescent="0.15">
      <c r="C122" s="172"/>
      <c r="D122" s="172"/>
      <c r="E122" s="172"/>
      <c r="F122" s="172"/>
      <c r="G122" s="172"/>
    </row>
    <row r="123" spans="3:7" x14ac:dyDescent="0.15">
      <c r="C123" s="157"/>
    </row>
  </sheetData>
  <mergeCells count="19">
    <mergeCell ref="E17:T17"/>
    <mergeCell ref="E19:T19"/>
    <mergeCell ref="E21:T21"/>
    <mergeCell ref="E23:T23"/>
    <mergeCell ref="B4:Y4"/>
    <mergeCell ref="B6:F6"/>
    <mergeCell ref="G6:Y6"/>
    <mergeCell ref="B7:F7"/>
    <mergeCell ref="E13:T13"/>
    <mergeCell ref="E15:T15"/>
    <mergeCell ref="B31:E31"/>
    <mergeCell ref="F31:Y31"/>
    <mergeCell ref="AE26:AF26"/>
    <mergeCell ref="B29:E29"/>
    <mergeCell ref="F29:Y29"/>
    <mergeCell ref="B30:E30"/>
    <mergeCell ref="F30:Y30"/>
    <mergeCell ref="B28:E28"/>
    <mergeCell ref="F28:Y28"/>
  </mergeCells>
  <phoneticPr fontId="2"/>
  <dataValidations count="1">
    <dataValidation type="list" allowBlank="1" showInputMessage="1" showErrorMessage="1" sqref="L7 G7 Q7 V13 X13 V15 X15 V17 X17 V19 X19 V21 X21 V23 X23">
      <formula1>"□,■"</formula1>
    </dataValidation>
  </dataValidations>
  <pageMargins left="0.7" right="0.7" top="0.75" bottom="0.75" header="0.3" footer="0.3"/>
  <pageSetup paperSize="9" scale="79" orientation="portrait" r:id="rId1"/>
</worksheet>
</file>

<file path=xl/worksheets/sheet6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AF121"/>
  <sheetViews>
    <sheetView zoomScaleNormal="100" workbookViewId="0">
      <selection activeCell="C87" sqref="C87"/>
    </sheetView>
  </sheetViews>
  <sheetFormatPr defaultColWidth="4" defaultRowHeight="13.5" x14ac:dyDescent="0.15"/>
  <cols>
    <col min="1" max="1" width="2.875" style="8" customWidth="1"/>
    <col min="2" max="2" width="2.375" style="8" customWidth="1"/>
    <col min="3" max="3" width="3.5" style="8" customWidth="1"/>
    <col min="4" max="10" width="3.625" style="8" customWidth="1"/>
    <col min="11" max="11" width="4.875" style="8" customWidth="1"/>
    <col min="12" max="15" width="3.625" style="8" customWidth="1"/>
    <col min="16" max="16" width="1.5" style="8" customWidth="1"/>
    <col min="17" max="18" width="3.625" style="8" customWidth="1"/>
    <col min="19" max="19" width="2.75" style="8" customWidth="1"/>
    <col min="20" max="28" width="3.625" style="8" customWidth="1"/>
    <col min="29" max="29" width="2.5" style="8" customWidth="1"/>
    <col min="30" max="30" width="1.875" style="8" customWidth="1"/>
    <col min="31" max="16384" width="4" style="8"/>
  </cols>
  <sheetData>
    <row r="2" spans="2:29" x14ac:dyDescent="0.15">
      <c r="B2" s="8" t="s">
        <v>1658</v>
      </c>
      <c r="C2"/>
      <c r="D2"/>
      <c r="E2"/>
      <c r="F2"/>
      <c r="G2"/>
      <c r="H2"/>
      <c r="I2"/>
      <c r="J2"/>
      <c r="K2"/>
      <c r="L2"/>
      <c r="M2"/>
      <c r="N2"/>
      <c r="O2"/>
      <c r="P2"/>
      <c r="Q2"/>
      <c r="R2"/>
      <c r="S2"/>
      <c r="T2"/>
      <c r="U2"/>
      <c r="V2"/>
      <c r="W2"/>
      <c r="X2"/>
      <c r="Y2"/>
      <c r="Z2"/>
    </row>
    <row r="3" spans="2:29" x14ac:dyDescent="0.15">
      <c r="AA3" s="17"/>
      <c r="AB3" s="18"/>
      <c r="AC3" s="17"/>
    </row>
    <row r="4" spans="2:29" ht="34.5" customHeight="1" x14ac:dyDescent="0.15">
      <c r="B4" s="1033" t="s">
        <v>1657</v>
      </c>
      <c r="C4" s="778"/>
      <c r="D4" s="778"/>
      <c r="E4" s="778"/>
      <c r="F4" s="778"/>
      <c r="G4" s="778"/>
      <c r="H4" s="778"/>
      <c r="I4" s="778"/>
      <c r="J4" s="778"/>
      <c r="K4" s="778"/>
      <c r="L4" s="778"/>
      <c r="M4" s="778"/>
      <c r="N4" s="778"/>
      <c r="O4" s="778"/>
      <c r="P4" s="778"/>
      <c r="Q4" s="778"/>
      <c r="R4" s="778"/>
      <c r="S4" s="778"/>
      <c r="T4" s="778"/>
      <c r="U4" s="778"/>
      <c r="V4" s="778"/>
      <c r="W4" s="778"/>
      <c r="X4" s="778"/>
      <c r="Y4" s="778"/>
      <c r="Z4" s="778"/>
    </row>
    <row r="5" spans="2:29" ht="16.5" customHeight="1" x14ac:dyDescent="0.15">
      <c r="B5" s="778" t="s">
        <v>1656</v>
      </c>
      <c r="C5" s="778"/>
      <c r="D5" s="778"/>
      <c r="E5" s="778"/>
      <c r="F5" s="778"/>
      <c r="G5" s="778"/>
      <c r="H5" s="778"/>
      <c r="I5" s="778"/>
      <c r="J5" s="778"/>
      <c r="K5" s="778"/>
      <c r="L5" s="778"/>
      <c r="M5" s="778"/>
      <c r="N5" s="778"/>
      <c r="O5" s="778"/>
      <c r="P5" s="778"/>
      <c r="Q5" s="778"/>
      <c r="R5" s="778"/>
      <c r="S5" s="778"/>
      <c r="T5" s="778"/>
      <c r="U5" s="778"/>
      <c r="V5" s="778"/>
      <c r="W5" s="778"/>
      <c r="X5" s="778"/>
      <c r="Y5" s="778"/>
      <c r="Z5" s="778"/>
    </row>
    <row r="6" spans="2:29" ht="13.5" customHeight="1" x14ac:dyDescent="0.15">
      <c r="B6" s="18"/>
      <c r="C6" s="18"/>
      <c r="D6" s="18"/>
      <c r="E6" s="18"/>
      <c r="F6" s="18"/>
      <c r="G6" s="18"/>
      <c r="H6" s="18"/>
      <c r="I6" s="18"/>
      <c r="J6" s="18"/>
      <c r="K6" s="18"/>
      <c r="L6" s="18"/>
      <c r="M6" s="18"/>
      <c r="N6" s="18"/>
      <c r="O6" s="18"/>
      <c r="P6" s="18"/>
      <c r="Q6" s="18"/>
      <c r="R6" s="18"/>
      <c r="S6" s="18"/>
      <c r="T6" s="18"/>
      <c r="U6" s="18"/>
      <c r="V6" s="18"/>
      <c r="W6" s="18"/>
      <c r="X6" s="18"/>
      <c r="Y6" s="18"/>
      <c r="Z6" s="18"/>
    </row>
    <row r="7" spans="2:29" ht="24" customHeight="1" x14ac:dyDescent="0.15">
      <c r="B7" s="790" t="s">
        <v>531</v>
      </c>
      <c r="C7" s="790"/>
      <c r="D7" s="790"/>
      <c r="E7" s="790"/>
      <c r="F7" s="790"/>
      <c r="G7" s="791"/>
      <c r="H7" s="792"/>
      <c r="I7" s="792"/>
      <c r="J7" s="792"/>
      <c r="K7" s="792"/>
      <c r="L7" s="792"/>
      <c r="M7" s="792"/>
      <c r="N7" s="792"/>
      <c r="O7" s="792"/>
      <c r="P7" s="792"/>
      <c r="Q7" s="792"/>
      <c r="R7" s="792"/>
      <c r="S7" s="792"/>
      <c r="T7" s="792"/>
      <c r="U7" s="792"/>
      <c r="V7" s="792"/>
      <c r="W7" s="792"/>
      <c r="X7" s="792"/>
      <c r="Y7" s="792"/>
      <c r="Z7" s="793"/>
    </row>
    <row r="8" spans="2:29" ht="24" customHeight="1" x14ac:dyDescent="0.15">
      <c r="B8" s="790" t="s">
        <v>481</v>
      </c>
      <c r="C8" s="790"/>
      <c r="D8" s="790"/>
      <c r="E8" s="790"/>
      <c r="F8" s="790"/>
      <c r="G8" s="177" t="s">
        <v>0</v>
      </c>
      <c r="H8" s="168" t="s">
        <v>242</v>
      </c>
      <c r="I8" s="168"/>
      <c r="J8" s="168"/>
      <c r="K8" s="168"/>
      <c r="L8" s="177" t="s">
        <v>0</v>
      </c>
      <c r="M8" s="168" t="s">
        <v>241</v>
      </c>
      <c r="N8" s="168"/>
      <c r="O8" s="168"/>
      <c r="P8" s="168"/>
      <c r="Q8" s="177" t="s">
        <v>0</v>
      </c>
      <c r="R8" s="168" t="s">
        <v>240</v>
      </c>
      <c r="S8" s="168"/>
      <c r="T8" s="168"/>
      <c r="U8" s="168"/>
      <c r="V8" s="168"/>
      <c r="W8" s="168"/>
      <c r="X8" s="168"/>
      <c r="Y8" s="181"/>
      <c r="Z8" s="197"/>
    </row>
    <row r="9" spans="2:29" ht="21.95" customHeight="1" x14ac:dyDescent="0.15">
      <c r="B9" s="783" t="s">
        <v>530</v>
      </c>
      <c r="C9" s="784"/>
      <c r="D9" s="784"/>
      <c r="E9" s="784"/>
      <c r="F9" s="785"/>
      <c r="G9" s="250" t="s">
        <v>0</v>
      </c>
      <c r="H9" s="157" t="s">
        <v>1655</v>
      </c>
      <c r="I9" s="259"/>
      <c r="J9" s="259"/>
      <c r="K9" s="259"/>
      <c r="L9" s="259"/>
      <c r="M9" s="259"/>
      <c r="N9" s="259"/>
      <c r="O9" s="259"/>
      <c r="P9" s="259"/>
      <c r="Q9" s="259"/>
      <c r="R9" s="259"/>
      <c r="S9" s="259"/>
      <c r="T9" s="259"/>
      <c r="U9" s="259"/>
      <c r="V9" s="259"/>
      <c r="W9" s="259"/>
      <c r="X9" s="259"/>
      <c r="Y9" s="259"/>
      <c r="Z9" s="258"/>
    </row>
    <row r="10" spans="2:29" ht="21.95" customHeight="1" x14ac:dyDescent="0.15">
      <c r="B10" s="786"/>
      <c r="C10" s="787"/>
      <c r="D10" s="787"/>
      <c r="E10" s="787"/>
      <c r="F10" s="788"/>
      <c r="G10" s="163" t="s">
        <v>0</v>
      </c>
      <c r="H10" s="172" t="s">
        <v>1654</v>
      </c>
      <c r="I10" s="145"/>
      <c r="J10" s="145"/>
      <c r="K10" s="145"/>
      <c r="L10" s="145"/>
      <c r="M10" s="145"/>
      <c r="N10" s="145"/>
      <c r="O10" s="145"/>
      <c r="P10" s="145"/>
      <c r="Q10" s="145"/>
      <c r="R10" s="145"/>
      <c r="S10" s="145"/>
      <c r="T10" s="145"/>
      <c r="U10" s="145"/>
      <c r="V10" s="145"/>
      <c r="W10" s="145"/>
      <c r="X10" s="145"/>
      <c r="Y10" s="145"/>
      <c r="Z10" s="257"/>
    </row>
    <row r="11" spans="2:29" ht="13.5" customHeight="1" x14ac:dyDescent="0.15"/>
    <row r="12" spans="2:29" ht="12.95" customHeight="1" x14ac:dyDescent="0.15">
      <c r="B12" s="252"/>
      <c r="C12" s="181"/>
      <c r="D12" s="181"/>
      <c r="E12" s="181"/>
      <c r="F12" s="181"/>
      <c r="G12" s="181"/>
      <c r="H12" s="181"/>
      <c r="I12" s="181"/>
      <c r="J12" s="181"/>
      <c r="K12" s="181"/>
      <c r="L12" s="181"/>
      <c r="M12" s="181"/>
      <c r="N12" s="181"/>
      <c r="O12" s="181"/>
      <c r="P12" s="181"/>
      <c r="Q12" s="181"/>
      <c r="R12" s="181"/>
      <c r="S12" s="181"/>
      <c r="T12" s="181"/>
      <c r="U12" s="181"/>
      <c r="V12" s="181"/>
      <c r="W12" s="181"/>
      <c r="X12" s="181"/>
      <c r="Y12" s="169"/>
      <c r="Z12" s="177" t="s">
        <v>227</v>
      </c>
      <c r="AA12" s="177" t="s">
        <v>217</v>
      </c>
      <c r="AB12" s="177" t="s">
        <v>226</v>
      </c>
      <c r="AC12" s="197"/>
    </row>
    <row r="13" spans="2:29" ht="17.100000000000001" customHeight="1" x14ac:dyDescent="0.15">
      <c r="B13" s="158" t="s">
        <v>1653</v>
      </c>
      <c r="C13" s="157"/>
      <c r="D13" s="157"/>
      <c r="E13" s="157"/>
      <c r="F13" s="157"/>
      <c r="G13" s="157"/>
      <c r="H13" s="157"/>
      <c r="I13" s="157"/>
      <c r="J13" s="157"/>
      <c r="K13" s="157"/>
      <c r="L13" s="157"/>
      <c r="M13" s="157"/>
      <c r="N13" s="157"/>
      <c r="O13" s="157"/>
      <c r="P13" s="157"/>
      <c r="Q13" s="157"/>
      <c r="R13" s="157"/>
      <c r="S13" s="157"/>
      <c r="T13" s="157"/>
      <c r="U13" s="157"/>
      <c r="V13" s="157"/>
      <c r="W13" s="157"/>
      <c r="X13" s="157"/>
      <c r="Y13" s="250"/>
      <c r="Z13" s="194"/>
      <c r="AA13" s="194"/>
      <c r="AB13" s="157"/>
      <c r="AC13" s="156"/>
    </row>
    <row r="14" spans="2:29" ht="17.100000000000001" customHeight="1" x14ac:dyDescent="0.15">
      <c r="B14" s="9"/>
      <c r="C14" s="245" t="s">
        <v>443</v>
      </c>
      <c r="D14" s="827" t="s">
        <v>1652</v>
      </c>
      <c r="E14" s="827"/>
      <c r="F14" s="827"/>
      <c r="G14" s="827"/>
      <c r="H14" s="827"/>
      <c r="I14" s="827"/>
      <c r="J14" s="827"/>
      <c r="K14" s="827"/>
      <c r="L14" s="827"/>
      <c r="M14" s="827"/>
      <c r="N14" s="827"/>
      <c r="O14" s="827"/>
      <c r="P14" s="827"/>
      <c r="Q14" s="827"/>
      <c r="R14" s="827"/>
      <c r="S14" s="827"/>
      <c r="T14" s="827"/>
      <c r="U14" s="827"/>
      <c r="V14" s="827"/>
      <c r="W14" s="827"/>
      <c r="Y14" s="151"/>
      <c r="Z14" s="18" t="s">
        <v>0</v>
      </c>
      <c r="AA14" s="18" t="s">
        <v>217</v>
      </c>
      <c r="AB14" s="18" t="s">
        <v>0</v>
      </c>
      <c r="AC14" s="149"/>
    </row>
    <row r="15" spans="2:29" ht="33" customHeight="1" x14ac:dyDescent="0.15">
      <c r="B15" s="9"/>
      <c r="C15" s="245"/>
      <c r="D15" s="827"/>
      <c r="E15" s="827"/>
      <c r="F15" s="827"/>
      <c r="G15" s="827"/>
      <c r="H15" s="827"/>
      <c r="I15" s="827"/>
      <c r="J15" s="827"/>
      <c r="K15" s="827"/>
      <c r="L15" s="827"/>
      <c r="M15" s="827"/>
      <c r="N15" s="827"/>
      <c r="O15" s="827"/>
      <c r="P15" s="827"/>
      <c r="Q15" s="827"/>
      <c r="R15" s="827"/>
      <c r="S15" s="827"/>
      <c r="T15" s="827"/>
      <c r="U15" s="827"/>
      <c r="V15" s="827"/>
      <c r="W15" s="827"/>
      <c r="Y15" s="151"/>
      <c r="Z15" s="18"/>
      <c r="AA15" s="18"/>
      <c r="AB15" s="18"/>
      <c r="AC15" s="149"/>
    </row>
    <row r="16" spans="2:29" ht="19.5" customHeight="1" x14ac:dyDescent="0.15">
      <c r="B16" s="9"/>
      <c r="Y16" s="151"/>
      <c r="Z16" s="18"/>
      <c r="AA16" s="18"/>
      <c r="AC16" s="149"/>
    </row>
    <row r="17" spans="2:29" ht="19.5" customHeight="1" x14ac:dyDescent="0.15">
      <c r="B17" s="9"/>
      <c r="C17" s="245"/>
      <c r="D17" s="247" t="s">
        <v>463</v>
      </c>
      <c r="E17" s="168"/>
      <c r="F17" s="168"/>
      <c r="G17" s="168"/>
      <c r="H17" s="168"/>
      <c r="I17" s="168"/>
      <c r="J17" s="168"/>
      <c r="K17" s="168"/>
      <c r="L17" s="168"/>
      <c r="M17" s="168"/>
      <c r="N17" s="168"/>
      <c r="O17" s="181"/>
      <c r="P17" s="181"/>
      <c r="Q17" s="181"/>
      <c r="R17" s="181"/>
      <c r="S17" s="197"/>
      <c r="T17" s="780"/>
      <c r="U17" s="781"/>
      <c r="V17" s="781"/>
      <c r="W17" s="197" t="s">
        <v>435</v>
      </c>
      <c r="X17" s="189"/>
      <c r="Y17" s="151"/>
      <c r="Z17" s="18"/>
      <c r="AA17" s="18"/>
      <c r="AC17" s="149"/>
    </row>
    <row r="18" spans="2:29" ht="19.5" customHeight="1" x14ac:dyDescent="0.15">
      <c r="B18" s="9"/>
      <c r="C18" s="245"/>
      <c r="D18" s="16"/>
      <c r="E18" s="16"/>
      <c r="F18" s="16"/>
      <c r="G18" s="16"/>
      <c r="H18" s="16"/>
      <c r="I18" s="16"/>
      <c r="J18" s="16"/>
      <c r="K18" s="16"/>
      <c r="L18" s="16"/>
      <c r="M18" s="16"/>
      <c r="N18" s="16"/>
      <c r="U18" s="18"/>
      <c r="V18" s="18"/>
      <c r="W18" s="18"/>
      <c r="Y18" s="151"/>
      <c r="Z18" s="18"/>
      <c r="AA18" s="18"/>
      <c r="AC18" s="149"/>
    </row>
    <row r="19" spans="2:29" ht="19.5" customHeight="1" x14ac:dyDescent="0.15">
      <c r="B19" s="9"/>
      <c r="C19" s="245"/>
      <c r="E19" s="248" t="s">
        <v>462</v>
      </c>
      <c r="Y19" s="151"/>
      <c r="Z19" s="18"/>
      <c r="AA19" s="18"/>
      <c r="AC19" s="149"/>
    </row>
    <row r="20" spans="2:29" ht="19.5" customHeight="1" x14ac:dyDescent="0.15">
      <c r="B20" s="9"/>
      <c r="C20" s="245"/>
      <c r="E20" s="919" t="s">
        <v>489</v>
      </c>
      <c r="F20" s="919"/>
      <c r="G20" s="919"/>
      <c r="H20" s="919"/>
      <c r="I20" s="919"/>
      <c r="J20" s="919"/>
      <c r="K20" s="919"/>
      <c r="L20" s="919"/>
      <c r="M20" s="919"/>
      <c r="N20" s="919"/>
      <c r="O20" s="919" t="s">
        <v>460</v>
      </c>
      <c r="P20" s="919"/>
      <c r="Q20" s="919"/>
      <c r="R20" s="919"/>
      <c r="S20" s="919"/>
      <c r="Y20" s="151"/>
      <c r="Z20" s="18"/>
      <c r="AA20" s="18"/>
      <c r="AC20" s="149"/>
    </row>
    <row r="21" spans="2:29" ht="19.5" customHeight="1" x14ac:dyDescent="0.15">
      <c r="B21" s="9"/>
      <c r="C21" s="245"/>
      <c r="E21" s="919" t="s">
        <v>459</v>
      </c>
      <c r="F21" s="919"/>
      <c r="G21" s="919"/>
      <c r="H21" s="919"/>
      <c r="I21" s="919"/>
      <c r="J21" s="919"/>
      <c r="K21" s="919"/>
      <c r="L21" s="919"/>
      <c r="M21" s="919"/>
      <c r="N21" s="919"/>
      <c r="O21" s="919" t="s">
        <v>458</v>
      </c>
      <c r="P21" s="919"/>
      <c r="Q21" s="919"/>
      <c r="R21" s="919"/>
      <c r="S21" s="919"/>
      <c r="Y21" s="151"/>
      <c r="Z21" s="18"/>
      <c r="AA21" s="18"/>
      <c r="AC21" s="149"/>
    </row>
    <row r="22" spans="2:29" ht="19.5" customHeight="1" x14ac:dyDescent="0.15">
      <c r="B22" s="9"/>
      <c r="C22" s="245"/>
      <c r="E22" s="919" t="s">
        <v>457</v>
      </c>
      <c r="F22" s="919"/>
      <c r="G22" s="919"/>
      <c r="H22" s="919"/>
      <c r="I22" s="919"/>
      <c r="J22" s="919"/>
      <c r="K22" s="919"/>
      <c r="L22" s="919"/>
      <c r="M22" s="919"/>
      <c r="N22" s="919"/>
      <c r="O22" s="919" t="s">
        <v>456</v>
      </c>
      <c r="P22" s="919"/>
      <c r="Q22" s="919"/>
      <c r="R22" s="919"/>
      <c r="S22" s="919"/>
      <c r="Y22" s="151"/>
      <c r="Z22" s="18"/>
      <c r="AA22" s="18"/>
      <c r="AC22" s="149"/>
    </row>
    <row r="23" spans="2:29" ht="19.5" customHeight="1" x14ac:dyDescent="0.15">
      <c r="B23" s="9"/>
      <c r="C23" s="245"/>
      <c r="E23" s="919" t="s">
        <v>455</v>
      </c>
      <c r="F23" s="919"/>
      <c r="G23" s="919"/>
      <c r="H23" s="919"/>
      <c r="I23" s="919"/>
      <c r="J23" s="919"/>
      <c r="K23" s="919"/>
      <c r="L23" s="919"/>
      <c r="M23" s="919"/>
      <c r="N23" s="919"/>
      <c r="O23" s="919" t="s">
        <v>454</v>
      </c>
      <c r="P23" s="919"/>
      <c r="Q23" s="919"/>
      <c r="R23" s="919"/>
      <c r="S23" s="919"/>
      <c r="Y23" s="151"/>
      <c r="Z23" s="18"/>
      <c r="AA23" s="18"/>
      <c r="AC23" s="149"/>
    </row>
    <row r="24" spans="2:29" ht="19.5" customHeight="1" x14ac:dyDescent="0.15">
      <c r="B24" s="9"/>
      <c r="C24" s="245"/>
      <c r="E24" s="919" t="s">
        <v>453</v>
      </c>
      <c r="F24" s="919"/>
      <c r="G24" s="919"/>
      <c r="H24" s="919"/>
      <c r="I24" s="919"/>
      <c r="J24" s="919"/>
      <c r="K24" s="919"/>
      <c r="L24" s="919"/>
      <c r="M24" s="919"/>
      <c r="N24" s="919"/>
      <c r="O24" s="919" t="s">
        <v>452</v>
      </c>
      <c r="P24" s="919"/>
      <c r="Q24" s="919"/>
      <c r="R24" s="919"/>
      <c r="S24" s="919"/>
      <c r="Y24" s="151"/>
      <c r="Z24" s="18"/>
      <c r="AA24" s="18"/>
      <c r="AC24" s="149"/>
    </row>
    <row r="25" spans="2:29" ht="19.5" customHeight="1" x14ac:dyDescent="0.15">
      <c r="B25" s="9"/>
      <c r="C25" s="245"/>
      <c r="E25" s="919" t="s">
        <v>451</v>
      </c>
      <c r="F25" s="919"/>
      <c r="G25" s="919"/>
      <c r="H25" s="919"/>
      <c r="I25" s="919"/>
      <c r="J25" s="919"/>
      <c r="K25" s="919"/>
      <c r="L25" s="919"/>
      <c r="M25" s="919"/>
      <c r="N25" s="919"/>
      <c r="O25" s="919" t="s">
        <v>450</v>
      </c>
      <c r="P25" s="919"/>
      <c r="Q25" s="919"/>
      <c r="R25" s="919"/>
      <c r="S25" s="919"/>
      <c r="Y25" s="151"/>
      <c r="Z25" s="18"/>
      <c r="AA25" s="18"/>
      <c r="AC25" s="149"/>
    </row>
    <row r="26" spans="2:29" ht="19.5" customHeight="1" x14ac:dyDescent="0.15">
      <c r="B26" s="9"/>
      <c r="C26" s="245"/>
      <c r="E26" s="919" t="s">
        <v>449</v>
      </c>
      <c r="F26" s="919"/>
      <c r="G26" s="919"/>
      <c r="H26" s="919"/>
      <c r="I26" s="919"/>
      <c r="J26" s="919"/>
      <c r="K26" s="919"/>
      <c r="L26" s="919"/>
      <c r="M26" s="919"/>
      <c r="N26" s="919"/>
      <c r="O26" s="919" t="s">
        <v>448</v>
      </c>
      <c r="P26" s="919"/>
      <c r="Q26" s="919"/>
      <c r="R26" s="919"/>
      <c r="S26" s="919"/>
      <c r="Y26" s="151"/>
      <c r="Z26" s="18"/>
      <c r="AA26" s="18"/>
      <c r="AC26" s="149"/>
    </row>
    <row r="27" spans="2:29" ht="19.5" customHeight="1" x14ac:dyDescent="0.15">
      <c r="B27" s="9"/>
      <c r="C27" s="245"/>
      <c r="E27" s="919" t="s">
        <v>447</v>
      </c>
      <c r="F27" s="919"/>
      <c r="G27" s="919"/>
      <c r="H27" s="919"/>
      <c r="I27" s="919"/>
      <c r="J27" s="919"/>
      <c r="K27" s="919"/>
      <c r="L27" s="919"/>
      <c r="M27" s="919"/>
      <c r="N27" s="919"/>
      <c r="O27" s="919" t="s">
        <v>447</v>
      </c>
      <c r="P27" s="919"/>
      <c r="Q27" s="919"/>
      <c r="R27" s="919"/>
      <c r="S27" s="919"/>
      <c r="Y27" s="151"/>
      <c r="Z27" s="18"/>
      <c r="AA27" s="18"/>
      <c r="AC27" s="149"/>
    </row>
    <row r="28" spans="2:29" ht="19.5" customHeight="1" x14ac:dyDescent="0.15">
      <c r="B28" s="9"/>
      <c r="C28" s="245"/>
      <c r="J28" s="778"/>
      <c r="K28" s="778"/>
      <c r="L28" s="778"/>
      <c r="M28" s="778"/>
      <c r="N28" s="778"/>
      <c r="O28" s="778"/>
      <c r="P28" s="778"/>
      <c r="Q28" s="778"/>
      <c r="R28" s="778"/>
      <c r="S28" s="778"/>
      <c r="T28" s="778"/>
      <c r="U28" s="778"/>
      <c r="V28" s="778"/>
      <c r="Y28" s="151"/>
      <c r="Z28" s="18"/>
      <c r="AA28" s="18"/>
      <c r="AC28" s="149"/>
    </row>
    <row r="29" spans="2:29" ht="19.149999999999999" customHeight="1" x14ac:dyDescent="0.15">
      <c r="B29" s="9"/>
      <c r="C29" s="245" t="s">
        <v>440</v>
      </c>
      <c r="D29" s="827" t="s">
        <v>1651</v>
      </c>
      <c r="E29" s="827"/>
      <c r="F29" s="827"/>
      <c r="G29" s="827"/>
      <c r="H29" s="827"/>
      <c r="I29" s="827"/>
      <c r="J29" s="827"/>
      <c r="K29" s="827"/>
      <c r="L29" s="827"/>
      <c r="M29" s="827"/>
      <c r="N29" s="827"/>
      <c r="O29" s="827"/>
      <c r="P29" s="827"/>
      <c r="Q29" s="827"/>
      <c r="R29" s="827"/>
      <c r="S29" s="827"/>
      <c r="T29" s="827"/>
      <c r="U29" s="827"/>
      <c r="V29" s="827"/>
      <c r="W29" s="827"/>
      <c r="Y29" s="155"/>
      <c r="Z29" s="18" t="s">
        <v>0</v>
      </c>
      <c r="AA29" s="18" t="s">
        <v>217</v>
      </c>
      <c r="AB29" s="18" t="s">
        <v>0</v>
      </c>
      <c r="AC29" s="149"/>
    </row>
    <row r="30" spans="2:29" ht="19.899999999999999" customHeight="1" x14ac:dyDescent="0.15">
      <c r="B30" s="9"/>
      <c r="D30" s="827"/>
      <c r="E30" s="827"/>
      <c r="F30" s="827"/>
      <c r="G30" s="827"/>
      <c r="H30" s="827"/>
      <c r="I30" s="827"/>
      <c r="J30" s="827"/>
      <c r="K30" s="827"/>
      <c r="L30" s="827"/>
      <c r="M30" s="827"/>
      <c r="N30" s="827"/>
      <c r="O30" s="827"/>
      <c r="P30" s="827"/>
      <c r="Q30" s="827"/>
      <c r="R30" s="827"/>
      <c r="S30" s="827"/>
      <c r="T30" s="827"/>
      <c r="U30" s="827"/>
      <c r="V30" s="827"/>
      <c r="W30" s="827"/>
      <c r="Y30" s="151"/>
      <c r="Z30" s="18"/>
      <c r="AA30" s="18"/>
      <c r="AC30" s="149"/>
    </row>
    <row r="31" spans="2:29" ht="13.5" customHeight="1" x14ac:dyDescent="0.15">
      <c r="B31" s="9"/>
      <c r="Y31" s="151"/>
      <c r="Z31" s="18"/>
      <c r="AA31" s="18"/>
      <c r="AC31" s="149"/>
    </row>
    <row r="32" spans="2:29" ht="32.450000000000003" customHeight="1" x14ac:dyDescent="0.15">
      <c r="B32" s="9"/>
      <c r="C32" s="245" t="s">
        <v>432</v>
      </c>
      <c r="D32" s="827" t="s">
        <v>1650</v>
      </c>
      <c r="E32" s="827"/>
      <c r="F32" s="827"/>
      <c r="G32" s="827"/>
      <c r="H32" s="827"/>
      <c r="I32" s="827"/>
      <c r="J32" s="827"/>
      <c r="K32" s="827"/>
      <c r="L32" s="827"/>
      <c r="M32" s="827"/>
      <c r="N32" s="827"/>
      <c r="O32" s="827"/>
      <c r="P32" s="827"/>
      <c r="Q32" s="827"/>
      <c r="R32" s="827"/>
      <c r="S32" s="827"/>
      <c r="T32" s="827"/>
      <c r="U32" s="827"/>
      <c r="V32" s="827"/>
      <c r="W32" s="827"/>
      <c r="Y32" s="155"/>
      <c r="Z32" s="18" t="s">
        <v>0</v>
      </c>
      <c r="AA32" s="18" t="s">
        <v>217</v>
      </c>
      <c r="AB32" s="18" t="s">
        <v>0</v>
      </c>
      <c r="AC32" s="149"/>
    </row>
    <row r="33" spans="1:32" x14ac:dyDescent="0.15">
      <c r="B33" s="9"/>
      <c r="D33" s="827"/>
      <c r="E33" s="827"/>
      <c r="F33" s="827"/>
      <c r="G33" s="827"/>
      <c r="H33" s="827"/>
      <c r="I33" s="827"/>
      <c r="J33" s="827"/>
      <c r="K33" s="827"/>
      <c r="L33" s="827"/>
      <c r="M33" s="827"/>
      <c r="N33" s="827"/>
      <c r="O33" s="827"/>
      <c r="P33" s="827"/>
      <c r="Q33" s="827"/>
      <c r="R33" s="827"/>
      <c r="S33" s="827"/>
      <c r="T33" s="827"/>
      <c r="U33" s="827"/>
      <c r="V33" s="827"/>
      <c r="W33" s="827"/>
      <c r="Y33" s="151"/>
      <c r="Z33" s="18"/>
      <c r="AA33" s="18"/>
      <c r="AC33" s="149"/>
    </row>
    <row r="34" spans="1:32" x14ac:dyDescent="0.15">
      <c r="B34" s="9"/>
      <c r="Y34" s="151"/>
      <c r="Z34" s="18"/>
      <c r="AA34" s="18"/>
      <c r="AC34" s="149"/>
    </row>
    <row r="35" spans="1:32" x14ac:dyDescent="0.15">
      <c r="B35" s="9"/>
      <c r="C35" s="245" t="s">
        <v>429</v>
      </c>
      <c r="D35" s="827" t="s">
        <v>1649</v>
      </c>
      <c r="E35" s="827"/>
      <c r="F35" s="827"/>
      <c r="G35" s="827"/>
      <c r="H35" s="827"/>
      <c r="I35" s="827"/>
      <c r="J35" s="827"/>
      <c r="K35" s="827"/>
      <c r="L35" s="827"/>
      <c r="M35" s="827"/>
      <c r="N35" s="827"/>
      <c r="O35" s="827"/>
      <c r="P35" s="827"/>
      <c r="Q35" s="827"/>
      <c r="R35" s="827"/>
      <c r="S35" s="827"/>
      <c r="T35" s="827"/>
      <c r="U35" s="827"/>
      <c r="V35" s="827"/>
      <c r="W35" s="827"/>
      <c r="Y35" s="155"/>
      <c r="Z35" s="18" t="s">
        <v>0</v>
      </c>
      <c r="AA35" s="18" t="s">
        <v>217</v>
      </c>
      <c r="AB35" s="18" t="s">
        <v>0</v>
      </c>
      <c r="AC35" s="149"/>
    </row>
    <row r="36" spans="1:32" x14ac:dyDescent="0.15">
      <c r="B36" s="9"/>
      <c r="C36" s="245"/>
      <c r="D36" s="827"/>
      <c r="E36" s="827"/>
      <c r="F36" s="827"/>
      <c r="G36" s="827"/>
      <c r="H36" s="827"/>
      <c r="I36" s="827"/>
      <c r="J36" s="827"/>
      <c r="K36" s="827"/>
      <c r="L36" s="827"/>
      <c r="M36" s="827"/>
      <c r="N36" s="827"/>
      <c r="O36" s="827"/>
      <c r="P36" s="827"/>
      <c r="Q36" s="827"/>
      <c r="R36" s="827"/>
      <c r="S36" s="827"/>
      <c r="T36" s="827"/>
      <c r="U36" s="827"/>
      <c r="V36" s="827"/>
      <c r="W36" s="827"/>
      <c r="Y36" s="151"/>
      <c r="Z36" s="18"/>
      <c r="AA36" s="18"/>
      <c r="AC36" s="149"/>
    </row>
    <row r="37" spans="1:32" x14ac:dyDescent="0.15">
      <c r="A37" s="149"/>
      <c r="B37" s="172"/>
      <c r="C37" s="172"/>
      <c r="D37" s="172"/>
      <c r="E37" s="172"/>
      <c r="F37" s="172"/>
      <c r="G37" s="172"/>
      <c r="H37" s="172"/>
      <c r="I37" s="172"/>
      <c r="J37" s="172"/>
      <c r="K37" s="172"/>
      <c r="L37" s="172"/>
      <c r="M37" s="172"/>
      <c r="N37" s="172"/>
      <c r="O37" s="172"/>
      <c r="P37" s="172"/>
      <c r="Q37" s="172"/>
      <c r="R37" s="172"/>
      <c r="S37" s="172"/>
      <c r="T37" s="172"/>
      <c r="U37" s="172"/>
      <c r="V37" s="172"/>
      <c r="W37" s="172"/>
      <c r="X37" s="172"/>
      <c r="Y37" s="163"/>
      <c r="Z37" s="143"/>
      <c r="AA37" s="143"/>
      <c r="AB37" s="172"/>
      <c r="AC37" s="172"/>
      <c r="AD37" s="9"/>
    </row>
    <row r="38" spans="1:32" x14ac:dyDescent="0.15">
      <c r="B38" s="9" t="s">
        <v>1648</v>
      </c>
      <c r="C38" s="157"/>
      <c r="Y38" s="151"/>
      <c r="Z38" s="18"/>
      <c r="AA38" s="18"/>
      <c r="AC38" s="149"/>
    </row>
    <row r="39" spans="1:32" x14ac:dyDescent="0.15">
      <c r="B39" s="9"/>
      <c r="C39" s="245" t="s">
        <v>443</v>
      </c>
      <c r="D39" s="827" t="s">
        <v>1647</v>
      </c>
      <c r="E39" s="827"/>
      <c r="F39" s="827"/>
      <c r="G39" s="827"/>
      <c r="H39" s="827"/>
      <c r="I39" s="827"/>
      <c r="J39" s="827"/>
      <c r="K39" s="827"/>
      <c r="L39" s="827"/>
      <c r="M39" s="827"/>
      <c r="N39" s="827"/>
      <c r="O39" s="827"/>
      <c r="P39" s="827"/>
      <c r="Q39" s="827"/>
      <c r="R39" s="827"/>
      <c r="S39" s="827"/>
      <c r="T39" s="827"/>
      <c r="U39" s="827"/>
      <c r="V39" s="827"/>
      <c r="W39" s="827"/>
      <c r="Y39" s="155"/>
      <c r="Z39" s="18" t="s">
        <v>0</v>
      </c>
      <c r="AA39" s="18" t="s">
        <v>217</v>
      </c>
      <c r="AB39" s="18" t="s">
        <v>0</v>
      </c>
      <c r="AC39" s="149"/>
    </row>
    <row r="40" spans="1:32" x14ac:dyDescent="0.15">
      <c r="B40" s="9"/>
      <c r="D40" s="827"/>
      <c r="E40" s="827"/>
      <c r="F40" s="827"/>
      <c r="G40" s="827"/>
      <c r="H40" s="827"/>
      <c r="I40" s="827"/>
      <c r="J40" s="827"/>
      <c r="K40" s="827"/>
      <c r="L40" s="827"/>
      <c r="M40" s="827"/>
      <c r="N40" s="827"/>
      <c r="O40" s="827"/>
      <c r="P40" s="827"/>
      <c r="Q40" s="827"/>
      <c r="R40" s="827"/>
      <c r="S40" s="827"/>
      <c r="T40" s="827"/>
      <c r="U40" s="827"/>
      <c r="V40" s="827"/>
      <c r="W40" s="827"/>
      <c r="Y40" s="151"/>
      <c r="Z40" s="18"/>
      <c r="AA40" s="18"/>
      <c r="AC40" s="149"/>
    </row>
    <row r="41" spans="1:32" x14ac:dyDescent="0.15">
      <c r="B41" s="173"/>
      <c r="C41" s="243"/>
      <c r="D41" s="172"/>
      <c r="E41" s="172"/>
      <c r="F41" s="172"/>
      <c r="G41" s="172"/>
      <c r="H41" s="172"/>
      <c r="I41" s="172"/>
      <c r="J41" s="172"/>
      <c r="K41" s="172"/>
      <c r="L41" s="172"/>
      <c r="M41" s="172"/>
      <c r="N41" s="172"/>
      <c r="O41" s="172"/>
      <c r="P41" s="172"/>
      <c r="Q41" s="172"/>
      <c r="R41" s="172"/>
      <c r="S41" s="172"/>
      <c r="T41" s="172"/>
      <c r="U41" s="172"/>
      <c r="V41" s="172"/>
      <c r="W41" s="172"/>
      <c r="X41" s="172"/>
      <c r="Y41" s="163"/>
      <c r="Z41" s="143"/>
      <c r="AA41" s="143"/>
      <c r="AB41" s="172"/>
      <c r="AC41" s="171"/>
    </row>
    <row r="42" spans="1:32" ht="18.75" customHeight="1" x14ac:dyDescent="0.15">
      <c r="B42" s="1290" t="s">
        <v>1646</v>
      </c>
      <c r="C42" s="1290"/>
      <c r="D42" s="1290"/>
      <c r="E42" s="1290"/>
      <c r="F42" s="1290"/>
      <c r="G42" s="1290"/>
      <c r="H42" s="1290"/>
      <c r="I42" s="1290"/>
      <c r="J42" s="1290"/>
      <c r="K42" s="1290"/>
      <c r="L42" s="1290"/>
      <c r="M42" s="1290"/>
      <c r="N42" s="1290"/>
      <c r="O42" s="1290"/>
      <c r="P42" s="1290"/>
      <c r="Q42" s="1290"/>
      <c r="R42" s="1290"/>
      <c r="S42" s="1290"/>
      <c r="T42" s="1290"/>
      <c r="U42" s="1290"/>
      <c r="V42" s="1290"/>
      <c r="W42" s="1290"/>
      <c r="X42" s="1290"/>
      <c r="Y42" s="1290"/>
      <c r="Z42" s="1290"/>
      <c r="AA42" s="1290"/>
      <c r="AB42" s="1290"/>
      <c r="AC42" s="1290"/>
    </row>
    <row r="43" spans="1:32" ht="17.25" customHeight="1" x14ac:dyDescent="0.15">
      <c r="B43" s="827"/>
      <c r="C43" s="827"/>
      <c r="D43" s="827"/>
      <c r="E43" s="827"/>
      <c r="F43" s="827"/>
      <c r="G43" s="827"/>
      <c r="H43" s="827"/>
      <c r="I43" s="827"/>
      <c r="J43" s="827"/>
      <c r="K43" s="827"/>
      <c r="L43" s="827"/>
      <c r="M43" s="827"/>
      <c r="N43" s="827"/>
      <c r="O43" s="827"/>
      <c r="P43" s="827"/>
      <c r="Q43" s="827"/>
      <c r="R43" s="827"/>
      <c r="S43" s="827"/>
      <c r="T43" s="827"/>
      <c r="U43" s="827"/>
      <c r="V43" s="827"/>
      <c r="W43" s="827"/>
      <c r="X43" s="827"/>
      <c r="Y43" s="827"/>
      <c r="Z43" s="827"/>
      <c r="AA43" s="827"/>
      <c r="AB43" s="827"/>
      <c r="AC43" s="827"/>
    </row>
    <row r="44" spans="1:32" x14ac:dyDescent="0.15">
      <c r="B44" s="827" t="s">
        <v>1645</v>
      </c>
      <c r="C44" s="827"/>
      <c r="D44" s="827"/>
      <c r="E44" s="827"/>
      <c r="F44" s="827"/>
      <c r="G44" s="827"/>
      <c r="H44" s="827"/>
      <c r="I44" s="827"/>
      <c r="J44" s="827"/>
      <c r="K44" s="827"/>
      <c r="L44" s="827"/>
      <c r="M44" s="827"/>
      <c r="N44" s="827"/>
      <c r="O44" s="827"/>
      <c r="P44" s="827"/>
      <c r="Q44" s="827"/>
      <c r="R44" s="827"/>
      <c r="S44" s="827"/>
      <c r="T44" s="827"/>
      <c r="U44" s="827"/>
      <c r="V44" s="827"/>
      <c r="W44" s="827"/>
      <c r="X44" s="827"/>
      <c r="Y44" s="827"/>
      <c r="Z44" s="827"/>
      <c r="AA44" s="827"/>
      <c r="AB44" s="827"/>
      <c r="AC44" s="827"/>
    </row>
    <row r="45" spans="1:32" x14ac:dyDescent="0.15">
      <c r="B45" s="827"/>
      <c r="C45" s="827"/>
      <c r="D45" s="827"/>
      <c r="E45" s="827"/>
      <c r="F45" s="827"/>
      <c r="G45" s="827"/>
      <c r="H45" s="827"/>
      <c r="I45" s="827"/>
      <c r="J45" s="827"/>
      <c r="K45" s="827"/>
      <c r="L45" s="827"/>
      <c r="M45" s="827"/>
      <c r="N45" s="827"/>
      <c r="O45" s="827"/>
      <c r="P45" s="827"/>
      <c r="Q45" s="827"/>
      <c r="R45" s="827"/>
      <c r="S45" s="827"/>
      <c r="T45" s="827"/>
      <c r="U45" s="827"/>
      <c r="V45" s="827"/>
      <c r="W45" s="827"/>
      <c r="X45" s="827"/>
      <c r="Y45" s="827"/>
      <c r="Z45" s="827"/>
      <c r="AA45" s="827"/>
      <c r="AB45" s="827"/>
      <c r="AC45" s="827"/>
    </row>
    <row r="46" spans="1:32" ht="18" customHeight="1" x14ac:dyDescent="0.15">
      <c r="B46" s="827"/>
      <c r="C46" s="827"/>
      <c r="D46" s="827"/>
      <c r="E46" s="827"/>
      <c r="F46" s="827"/>
      <c r="G46" s="827"/>
      <c r="H46" s="827"/>
      <c r="I46" s="827"/>
      <c r="J46" s="827"/>
      <c r="K46" s="827"/>
      <c r="L46" s="827"/>
      <c r="M46" s="827"/>
      <c r="N46" s="827"/>
      <c r="O46" s="827"/>
      <c r="P46" s="827"/>
      <c r="Q46" s="827"/>
      <c r="R46" s="827"/>
      <c r="S46" s="827"/>
      <c r="T46" s="827"/>
      <c r="U46" s="827"/>
      <c r="V46" s="827"/>
      <c r="W46" s="827"/>
      <c r="X46" s="827"/>
      <c r="Y46" s="827"/>
      <c r="Z46" s="827"/>
      <c r="AA46" s="827"/>
      <c r="AB46" s="827"/>
      <c r="AC46" s="827"/>
    </row>
    <row r="47" spans="1:32" x14ac:dyDescent="0.15">
      <c r="D47" s="8" t="s">
        <v>1644</v>
      </c>
      <c r="K47" s="235"/>
      <c r="L47" s="827" t="s">
        <v>1643</v>
      </c>
      <c r="M47" s="827"/>
      <c r="N47" s="827"/>
      <c r="O47" s="827"/>
      <c r="P47" s="827"/>
      <c r="Q47" s="827"/>
      <c r="R47" s="827"/>
      <c r="S47" s="827"/>
      <c r="T47" s="827"/>
      <c r="U47" s="827"/>
      <c r="V47" s="827"/>
      <c r="W47" s="827"/>
      <c r="X47" s="827"/>
      <c r="Y47" s="827"/>
      <c r="Z47" s="827"/>
      <c r="AA47" s="827"/>
      <c r="AB47" s="827"/>
      <c r="AC47" s="235"/>
    </row>
    <row r="48" spans="1:32" x14ac:dyDescent="0.15">
      <c r="K48" s="235"/>
      <c r="L48" s="827"/>
      <c r="M48" s="827"/>
      <c r="N48" s="827"/>
      <c r="O48" s="827"/>
      <c r="P48" s="827"/>
      <c r="Q48" s="827"/>
      <c r="R48" s="827"/>
      <c r="S48" s="827"/>
      <c r="T48" s="827"/>
      <c r="U48" s="827"/>
      <c r="V48" s="827"/>
      <c r="W48" s="827"/>
      <c r="X48" s="827"/>
      <c r="Y48" s="827"/>
      <c r="Z48" s="827"/>
      <c r="AA48" s="827"/>
      <c r="AB48" s="827"/>
      <c r="AC48" s="235"/>
      <c r="AF48" s="8" t="s">
        <v>230</v>
      </c>
    </row>
    <row r="49" spans="2:29" ht="49.5" customHeight="1" x14ac:dyDescent="0.15">
      <c r="K49" s="235"/>
      <c r="L49" s="827"/>
      <c r="M49" s="827"/>
      <c r="N49" s="827"/>
      <c r="O49" s="827"/>
      <c r="P49" s="827"/>
      <c r="Q49" s="827"/>
      <c r="R49" s="827"/>
      <c r="S49" s="827"/>
      <c r="T49" s="827"/>
      <c r="U49" s="827"/>
      <c r="V49" s="827"/>
      <c r="W49" s="827"/>
      <c r="X49" s="827"/>
      <c r="Y49" s="827"/>
      <c r="Z49" s="827"/>
      <c r="AA49" s="827"/>
      <c r="AB49" s="827"/>
      <c r="AC49" s="235"/>
    </row>
    <row r="50" spans="2:29" x14ac:dyDescent="0.15">
      <c r="B50" s="827" t="s">
        <v>1642</v>
      </c>
      <c r="C50" s="827"/>
      <c r="D50" s="827"/>
      <c r="E50" s="827"/>
      <c r="F50" s="827"/>
      <c r="G50" s="827"/>
      <c r="H50" s="827"/>
      <c r="I50" s="827"/>
      <c r="J50" s="827"/>
      <c r="K50" s="827"/>
      <c r="L50" s="827"/>
      <c r="M50" s="827"/>
      <c r="N50" s="827"/>
      <c r="O50" s="827"/>
      <c r="P50" s="827"/>
      <c r="Q50" s="827"/>
      <c r="R50" s="827"/>
      <c r="S50" s="827"/>
      <c r="T50" s="827"/>
      <c r="U50" s="827"/>
      <c r="V50" s="827"/>
      <c r="W50" s="827"/>
      <c r="X50" s="827"/>
      <c r="Y50" s="827"/>
      <c r="Z50" s="827"/>
      <c r="AA50" s="827"/>
      <c r="AB50" s="827"/>
      <c r="AC50" s="827"/>
    </row>
    <row r="51" spans="2:29" x14ac:dyDescent="0.15">
      <c r="B51" s="827"/>
      <c r="C51" s="827"/>
      <c r="D51" s="827"/>
      <c r="E51" s="827"/>
      <c r="F51" s="827"/>
      <c r="G51" s="827"/>
      <c r="H51" s="827"/>
      <c r="I51" s="827"/>
      <c r="J51" s="827"/>
      <c r="K51" s="827"/>
      <c r="L51" s="827"/>
      <c r="M51" s="827"/>
      <c r="N51" s="827"/>
      <c r="O51" s="827"/>
      <c r="P51" s="827"/>
      <c r="Q51" s="827"/>
      <c r="R51" s="827"/>
      <c r="S51" s="827"/>
      <c r="T51" s="827"/>
      <c r="U51" s="827"/>
      <c r="V51" s="827"/>
      <c r="W51" s="827"/>
      <c r="X51" s="827"/>
      <c r="Y51" s="827"/>
      <c r="Z51" s="827"/>
      <c r="AA51" s="827"/>
      <c r="AB51" s="827"/>
      <c r="AC51" s="827"/>
    </row>
    <row r="52" spans="2:29" ht="30" customHeight="1" x14ac:dyDescent="0.15">
      <c r="B52" s="827"/>
      <c r="C52" s="827"/>
      <c r="D52" s="827"/>
      <c r="E52" s="827"/>
      <c r="F52" s="827"/>
      <c r="G52" s="827"/>
      <c r="H52" s="827"/>
      <c r="I52" s="827"/>
      <c r="J52" s="827"/>
      <c r="K52" s="827"/>
      <c r="L52" s="827"/>
      <c r="M52" s="827"/>
      <c r="N52" s="827"/>
      <c r="O52" s="827"/>
      <c r="P52" s="827"/>
      <c r="Q52" s="827"/>
      <c r="R52" s="827"/>
      <c r="S52" s="827"/>
      <c r="T52" s="827"/>
      <c r="U52" s="827"/>
      <c r="V52" s="827"/>
      <c r="W52" s="827"/>
      <c r="X52" s="827"/>
      <c r="Y52" s="827"/>
      <c r="Z52" s="827"/>
      <c r="AA52" s="827"/>
      <c r="AB52" s="827"/>
      <c r="AC52" s="827"/>
    </row>
    <row r="120" spans="3:7" x14ac:dyDescent="0.15">
      <c r="C120" s="172"/>
      <c r="D120" s="172"/>
      <c r="E120" s="172"/>
      <c r="F120" s="172"/>
      <c r="G120" s="172"/>
    </row>
    <row r="121" spans="3:7" x14ac:dyDescent="0.15">
      <c r="C121" s="157"/>
    </row>
  </sheetData>
  <mergeCells count="34">
    <mergeCell ref="B9:F10"/>
    <mergeCell ref="B4:Z4"/>
    <mergeCell ref="B5:Z5"/>
    <mergeCell ref="B7:F7"/>
    <mergeCell ref="G7:Z7"/>
    <mergeCell ref="B8:F8"/>
    <mergeCell ref="D14:W15"/>
    <mergeCell ref="T17:V17"/>
    <mergeCell ref="E20:N20"/>
    <mergeCell ref="O20:S20"/>
    <mergeCell ref="E21:N21"/>
    <mergeCell ref="O21:S21"/>
    <mergeCell ref="E22:N22"/>
    <mergeCell ref="O22:S22"/>
    <mergeCell ref="E23:N23"/>
    <mergeCell ref="O23:S23"/>
    <mergeCell ref="E24:N24"/>
    <mergeCell ref="O24:S24"/>
    <mergeCell ref="E25:N25"/>
    <mergeCell ref="O25:S25"/>
    <mergeCell ref="E26:N26"/>
    <mergeCell ref="O26:S26"/>
    <mergeCell ref="E27:N27"/>
    <mergeCell ref="O27:S27"/>
    <mergeCell ref="B42:AC43"/>
    <mergeCell ref="B44:AC46"/>
    <mergeCell ref="L47:AB49"/>
    <mergeCell ref="B50:AC52"/>
    <mergeCell ref="J28:S28"/>
    <mergeCell ref="T28:V28"/>
    <mergeCell ref="D29:W30"/>
    <mergeCell ref="D32:W33"/>
    <mergeCell ref="D35:W36"/>
    <mergeCell ref="D39:W40"/>
  </mergeCells>
  <phoneticPr fontId="2"/>
  <dataValidations count="1">
    <dataValidation type="list" allowBlank="1" showInputMessage="1" showErrorMessage="1" sqref="Z14:Z15 AB14:AB15 Z29 AB29 Z39 AB39 G8:G10 L8 Q8 Z32 AB32 Z35 AB35">
      <formula1>"□,■"</formula1>
    </dataValidation>
  </dataValidations>
  <pageMargins left="0.7" right="0.7" top="0.75" bottom="0.75" header="0.3" footer="0.3"/>
  <pageSetup paperSize="9" scale="65" orientation="portrait" r:id="rId1"/>
  <rowBreaks count="1" manualBreakCount="1">
    <brk id="53" max="16383" man="1"/>
  </rowBreaks>
</worksheet>
</file>

<file path=xl/worksheets/sheet6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AF123"/>
  <sheetViews>
    <sheetView view="pageBreakPreview" zoomScaleNormal="100" zoomScaleSheetLayoutView="100" workbookViewId="0">
      <selection activeCell="C87" sqref="C87"/>
    </sheetView>
  </sheetViews>
  <sheetFormatPr defaultColWidth="4" defaultRowHeight="13.5" x14ac:dyDescent="0.15"/>
  <cols>
    <col min="1" max="1" width="1.5" style="8" customWidth="1"/>
    <col min="2" max="2" width="2.375" style="8" customWidth="1"/>
    <col min="3" max="3" width="2.75" style="8" customWidth="1"/>
    <col min="4" max="7" width="4" style="8"/>
    <col min="8" max="8" width="2.875" style="8" customWidth="1"/>
    <col min="9" max="16" width="4" style="8"/>
    <col min="17" max="17" width="5.375" style="8" customWidth="1"/>
    <col min="18" max="18" width="5" style="8" customWidth="1"/>
    <col min="19" max="19" width="4.625" style="8" customWidth="1"/>
    <col min="20" max="24" width="4" style="8"/>
    <col min="25" max="25" width="2.375" style="8" customWidth="1"/>
    <col min="26" max="26" width="4" style="8"/>
    <col min="27" max="27" width="2.25" style="8" customWidth="1"/>
    <col min="28" max="28" width="4" style="8"/>
    <col min="29" max="29" width="2.375" style="8" customWidth="1"/>
    <col min="30" max="30" width="1.5" style="8" customWidth="1"/>
    <col min="31" max="16384" width="4" style="8"/>
  </cols>
  <sheetData>
    <row r="2" spans="2:32" x14ac:dyDescent="0.15">
      <c r="B2" s="8" t="s">
        <v>1674</v>
      </c>
      <c r="C2"/>
      <c r="D2"/>
      <c r="E2"/>
      <c r="F2"/>
      <c r="G2"/>
      <c r="H2"/>
      <c r="I2"/>
      <c r="J2"/>
      <c r="K2"/>
      <c r="L2"/>
      <c r="M2"/>
      <c r="N2"/>
      <c r="O2"/>
      <c r="P2"/>
      <c r="Q2"/>
      <c r="R2"/>
      <c r="S2"/>
      <c r="T2"/>
      <c r="U2"/>
      <c r="V2"/>
      <c r="W2"/>
      <c r="X2"/>
      <c r="Y2"/>
      <c r="Z2"/>
      <c r="AA2"/>
      <c r="AB2"/>
      <c r="AC2"/>
    </row>
    <row r="4" spans="2:32" x14ac:dyDescent="0.15">
      <c r="B4" s="778" t="s">
        <v>1673</v>
      </c>
      <c r="C4" s="778"/>
      <c r="D4" s="778"/>
      <c r="E4" s="778"/>
      <c r="F4" s="778"/>
      <c r="G4" s="778"/>
      <c r="H4" s="778"/>
      <c r="I4" s="778"/>
      <c r="J4" s="778"/>
      <c r="K4" s="778"/>
      <c r="L4" s="778"/>
      <c r="M4" s="778"/>
      <c r="N4" s="778"/>
      <c r="O4" s="778"/>
      <c r="P4" s="778"/>
      <c r="Q4" s="778"/>
      <c r="R4" s="778"/>
      <c r="S4" s="778"/>
      <c r="T4" s="778"/>
      <c r="U4" s="778"/>
      <c r="V4" s="778"/>
      <c r="W4" s="778"/>
      <c r="X4" s="778"/>
      <c r="Y4" s="778"/>
      <c r="Z4" s="778"/>
      <c r="AA4" s="778"/>
      <c r="AB4" s="778"/>
      <c r="AC4" s="778"/>
    </row>
    <row r="6" spans="2:32" ht="23.25" customHeight="1" x14ac:dyDescent="0.15">
      <c r="B6" s="790" t="s">
        <v>531</v>
      </c>
      <c r="C6" s="790"/>
      <c r="D6" s="790"/>
      <c r="E6" s="790"/>
      <c r="F6" s="790"/>
      <c r="G6" s="791"/>
      <c r="H6" s="792"/>
      <c r="I6" s="792"/>
      <c r="J6" s="792"/>
      <c r="K6" s="792"/>
      <c r="L6" s="792"/>
      <c r="M6" s="792"/>
      <c r="N6" s="792"/>
      <c r="O6" s="792"/>
      <c r="P6" s="792"/>
      <c r="Q6" s="792"/>
      <c r="R6" s="792"/>
      <c r="S6" s="792"/>
      <c r="T6" s="792"/>
      <c r="U6" s="792"/>
      <c r="V6" s="792"/>
      <c r="W6" s="792"/>
      <c r="X6" s="792"/>
      <c r="Y6" s="792"/>
      <c r="Z6" s="792"/>
      <c r="AA6" s="792"/>
      <c r="AB6" s="792"/>
      <c r="AC6" s="793"/>
    </row>
    <row r="7" spans="2:32" ht="23.25" customHeight="1" x14ac:dyDescent="0.15">
      <c r="B7" s="1294" t="s">
        <v>481</v>
      </c>
      <c r="C7" s="1294"/>
      <c r="D7" s="1294"/>
      <c r="E7" s="1294"/>
      <c r="F7" s="1294"/>
      <c r="G7" s="177" t="s">
        <v>0</v>
      </c>
      <c r="H7" s="166" t="s">
        <v>242</v>
      </c>
      <c r="I7" s="166"/>
      <c r="J7" s="166"/>
      <c r="K7" s="166"/>
      <c r="L7" s="177" t="s">
        <v>0</v>
      </c>
      <c r="M7" s="166" t="s">
        <v>241</v>
      </c>
      <c r="N7" s="166"/>
      <c r="O7" s="166"/>
      <c r="P7" s="166"/>
      <c r="Q7" s="177" t="s">
        <v>0</v>
      </c>
      <c r="R7" s="166" t="s">
        <v>240</v>
      </c>
      <c r="S7" s="166"/>
      <c r="T7" s="166"/>
      <c r="U7" s="166"/>
      <c r="V7" s="166"/>
      <c r="W7" s="166"/>
      <c r="X7" s="166"/>
      <c r="Y7" s="166"/>
      <c r="Z7" s="166"/>
      <c r="AA7" s="157"/>
      <c r="AB7" s="157"/>
      <c r="AC7" s="156"/>
    </row>
    <row r="8" spans="2:32" ht="20.100000000000001" customHeight="1" x14ac:dyDescent="0.15">
      <c r="B8" s="780" t="s">
        <v>678</v>
      </c>
      <c r="C8" s="781"/>
      <c r="D8" s="781"/>
      <c r="E8" s="781"/>
      <c r="F8" s="782"/>
      <c r="G8" s="177" t="s">
        <v>0</v>
      </c>
      <c r="H8" s="792" t="s">
        <v>1655</v>
      </c>
      <c r="I8" s="792"/>
      <c r="J8" s="792"/>
      <c r="K8" s="792"/>
      <c r="L8" s="792"/>
      <c r="M8" s="792"/>
      <c r="N8" s="792"/>
      <c r="O8" s="792"/>
      <c r="P8" s="792"/>
      <c r="Q8" s="181"/>
      <c r="R8" s="177" t="s">
        <v>0</v>
      </c>
      <c r="S8" s="792" t="s">
        <v>1672</v>
      </c>
      <c r="T8" s="792"/>
      <c r="U8" s="792"/>
      <c r="V8" s="792"/>
      <c r="W8" s="792"/>
      <c r="X8" s="792"/>
      <c r="Y8" s="792"/>
      <c r="Z8" s="792"/>
      <c r="AA8" s="792"/>
      <c r="AB8" s="792"/>
      <c r="AC8" s="793"/>
    </row>
    <row r="10" spans="2:32" x14ac:dyDescent="0.15">
      <c r="B10" s="158"/>
      <c r="C10" s="157"/>
      <c r="D10" s="157"/>
      <c r="E10" s="157"/>
      <c r="F10" s="157"/>
      <c r="G10" s="157"/>
      <c r="H10" s="157"/>
      <c r="I10" s="157"/>
      <c r="J10" s="157"/>
      <c r="K10" s="157"/>
      <c r="L10" s="157"/>
      <c r="M10" s="157"/>
      <c r="N10" s="157"/>
      <c r="O10" s="157"/>
      <c r="P10" s="157"/>
      <c r="Q10" s="157"/>
      <c r="R10" s="157"/>
      <c r="S10" s="157"/>
      <c r="T10" s="157"/>
      <c r="U10" s="157"/>
      <c r="V10" s="157"/>
      <c r="W10" s="157"/>
      <c r="X10" s="156"/>
      <c r="Y10" s="157"/>
      <c r="Z10" s="157"/>
      <c r="AA10" s="157"/>
      <c r="AB10" s="157"/>
      <c r="AC10" s="156"/>
      <c r="AD10"/>
      <c r="AE10"/>
      <c r="AF10"/>
    </row>
    <row r="11" spans="2:32" x14ac:dyDescent="0.15">
      <c r="B11" s="9" t="s">
        <v>1671</v>
      </c>
      <c r="X11" s="149"/>
      <c r="Z11" s="152" t="s">
        <v>227</v>
      </c>
      <c r="AA11" s="152" t="s">
        <v>217</v>
      </c>
      <c r="AB11" s="152" t="s">
        <v>226</v>
      </c>
      <c r="AC11" s="149"/>
      <c r="AD11"/>
      <c r="AE11"/>
      <c r="AF11"/>
    </row>
    <row r="12" spans="2:32" x14ac:dyDescent="0.15">
      <c r="B12" s="9"/>
      <c r="X12" s="149"/>
      <c r="AC12" s="149"/>
      <c r="AD12"/>
      <c r="AE12"/>
      <c r="AF12"/>
    </row>
    <row r="13" spans="2:32" ht="53.25" customHeight="1" x14ac:dyDescent="0.15">
      <c r="B13" s="9"/>
      <c r="C13" s="169">
        <v>1</v>
      </c>
      <c r="D13" s="825" t="s">
        <v>1670</v>
      </c>
      <c r="E13" s="825"/>
      <c r="F13" s="826"/>
      <c r="G13" s="829" t="s">
        <v>1669</v>
      </c>
      <c r="H13" s="829"/>
      <c r="I13" s="829"/>
      <c r="J13" s="829"/>
      <c r="K13" s="829"/>
      <c r="L13" s="829"/>
      <c r="M13" s="829"/>
      <c r="N13" s="829"/>
      <c r="O13" s="829"/>
      <c r="P13" s="829"/>
      <c r="Q13" s="829"/>
      <c r="R13" s="829"/>
      <c r="S13" s="829"/>
      <c r="T13" s="829"/>
      <c r="U13" s="829"/>
      <c r="V13" s="829"/>
      <c r="W13" s="830"/>
      <c r="X13" s="149"/>
      <c r="Z13" s="18" t="s">
        <v>0</v>
      </c>
      <c r="AA13" s="18" t="s">
        <v>217</v>
      </c>
      <c r="AB13" s="18" t="s">
        <v>0</v>
      </c>
      <c r="AC13" s="150"/>
    </row>
    <row r="14" spans="2:32" x14ac:dyDescent="0.15">
      <c r="B14" s="9"/>
      <c r="X14" s="149"/>
      <c r="Z14" s="18"/>
      <c r="AA14" s="18"/>
      <c r="AB14" s="18"/>
      <c r="AC14" s="174"/>
    </row>
    <row r="15" spans="2:32" ht="47.25" customHeight="1" x14ac:dyDescent="0.15">
      <c r="B15" s="9"/>
      <c r="C15" s="169">
        <v>2</v>
      </c>
      <c r="D15" s="825" t="s">
        <v>1668</v>
      </c>
      <c r="E15" s="825"/>
      <c r="F15" s="826"/>
      <c r="G15" s="828" t="s">
        <v>1667</v>
      </c>
      <c r="H15" s="829"/>
      <c r="I15" s="829"/>
      <c r="J15" s="829"/>
      <c r="K15" s="829"/>
      <c r="L15" s="829"/>
      <c r="M15" s="829"/>
      <c r="N15" s="829"/>
      <c r="O15" s="829"/>
      <c r="P15" s="829"/>
      <c r="Q15" s="829"/>
      <c r="R15" s="829"/>
      <c r="S15" s="829"/>
      <c r="T15" s="829"/>
      <c r="U15" s="829"/>
      <c r="V15" s="829"/>
      <c r="W15" s="830"/>
      <c r="X15" s="149"/>
      <c r="Z15" s="18" t="s">
        <v>0</v>
      </c>
      <c r="AA15" s="18" t="s">
        <v>217</v>
      </c>
      <c r="AB15" s="18" t="s">
        <v>0</v>
      </c>
      <c r="AC15" s="150"/>
    </row>
    <row r="16" spans="2:32" x14ac:dyDescent="0.15">
      <c r="B16" s="9"/>
      <c r="X16" s="149"/>
      <c r="Z16" s="18"/>
      <c r="AA16" s="18"/>
      <c r="AB16" s="18"/>
      <c r="AC16" s="174"/>
    </row>
    <row r="17" spans="2:32" ht="28.15" customHeight="1" x14ac:dyDescent="0.15">
      <c r="B17" s="9"/>
      <c r="C17" s="923">
        <v>3</v>
      </c>
      <c r="D17" s="924" t="s">
        <v>1666</v>
      </c>
      <c r="E17" s="924"/>
      <c r="F17" s="925"/>
      <c r="G17" s="1295" t="s">
        <v>1665</v>
      </c>
      <c r="H17" s="1296"/>
      <c r="I17" s="1296"/>
      <c r="J17" s="1296"/>
      <c r="K17" s="1296"/>
      <c r="L17" s="1296"/>
      <c r="M17" s="1296"/>
      <c r="N17" s="1296"/>
      <c r="O17" s="1296"/>
      <c r="P17" s="1296"/>
      <c r="Q17" s="1296"/>
      <c r="R17" s="1296"/>
      <c r="S17" s="1296"/>
      <c r="T17" s="1296"/>
      <c r="U17" s="1296"/>
      <c r="V17" s="1296"/>
      <c r="W17" s="1297"/>
      <c r="X17" s="149"/>
      <c r="Z17" s="249"/>
      <c r="AA17" s="18"/>
      <c r="AB17" s="249"/>
      <c r="AC17" s="150"/>
    </row>
    <row r="18" spans="2:32" ht="17.25" customHeight="1" x14ac:dyDescent="0.15">
      <c r="B18" s="9"/>
      <c r="C18" s="926"/>
      <c r="D18" s="807"/>
      <c r="E18" s="807"/>
      <c r="F18" s="927"/>
      <c r="G18" s="20" t="s">
        <v>1664</v>
      </c>
      <c r="H18" s="16"/>
      <c r="I18" s="16"/>
      <c r="J18" s="16"/>
      <c r="K18" s="16"/>
      <c r="L18" s="16"/>
      <c r="M18" s="16"/>
      <c r="N18" s="16"/>
      <c r="O18" s="16"/>
      <c r="P18" s="16"/>
      <c r="Q18" s="16"/>
      <c r="R18" s="16"/>
      <c r="S18" s="16"/>
      <c r="T18" s="16"/>
      <c r="U18" s="16"/>
      <c r="V18" s="16"/>
      <c r="W18" s="150"/>
      <c r="X18" s="149"/>
      <c r="Z18" s="18" t="s">
        <v>0</v>
      </c>
      <c r="AA18" s="18" t="s">
        <v>217</v>
      </c>
      <c r="AB18" s="18" t="s">
        <v>0</v>
      </c>
      <c r="AC18" s="150"/>
    </row>
    <row r="19" spans="2:32" ht="17.25" customHeight="1" x14ac:dyDescent="0.15">
      <c r="B19" s="9"/>
      <c r="C19" s="926"/>
      <c r="D19" s="807"/>
      <c r="E19" s="807"/>
      <c r="F19" s="927"/>
      <c r="G19" s="9"/>
      <c r="W19" s="149"/>
      <c r="X19" s="149"/>
      <c r="Z19" s="249"/>
      <c r="AA19" s="18"/>
      <c r="AB19" s="249"/>
      <c r="AC19" s="150"/>
    </row>
    <row r="20" spans="2:32" ht="17.25" customHeight="1" x14ac:dyDescent="0.15">
      <c r="B20" s="9"/>
      <c r="C20" s="926"/>
      <c r="D20" s="807"/>
      <c r="E20" s="807"/>
      <c r="F20" s="927"/>
      <c r="G20" s="1291" t="s">
        <v>1663</v>
      </c>
      <c r="H20" s="1292"/>
      <c r="I20" s="1292"/>
      <c r="J20" s="1292"/>
      <c r="K20" s="1292"/>
      <c r="L20" s="1292"/>
      <c r="M20" s="1292"/>
      <c r="N20" s="1292"/>
      <c r="O20" s="1292"/>
      <c r="P20" s="1292"/>
      <c r="Q20" s="1292"/>
      <c r="R20" s="1292"/>
      <c r="S20" s="1292"/>
      <c r="T20" s="1292"/>
      <c r="U20" s="1292"/>
      <c r="V20" s="1292"/>
      <c r="W20" s="1293"/>
      <c r="X20" s="149"/>
      <c r="Z20" s="249"/>
      <c r="AA20" s="18"/>
      <c r="AB20" s="249"/>
      <c r="AC20" s="150"/>
    </row>
    <row r="21" spans="2:32" ht="17.25" customHeight="1" x14ac:dyDescent="0.15">
      <c r="B21" s="9"/>
      <c r="C21" s="926"/>
      <c r="D21" s="807"/>
      <c r="E21" s="807"/>
      <c r="F21" s="927"/>
      <c r="G21" s="20" t="s">
        <v>1662</v>
      </c>
      <c r="H21" s="16"/>
      <c r="I21" s="16"/>
      <c r="J21" s="16"/>
      <c r="K21" s="16"/>
      <c r="L21" s="16"/>
      <c r="M21" s="16"/>
      <c r="N21" s="16"/>
      <c r="O21" s="16"/>
      <c r="P21" s="16"/>
      <c r="Q21" s="16"/>
      <c r="R21" s="16"/>
      <c r="S21" s="16"/>
      <c r="T21" s="16"/>
      <c r="U21" s="16"/>
      <c r="V21" s="16"/>
      <c r="W21" s="150"/>
      <c r="X21" s="149"/>
      <c r="Z21" s="18" t="s">
        <v>0</v>
      </c>
      <c r="AA21" s="18" t="s">
        <v>217</v>
      </c>
      <c r="AB21" s="18" t="s">
        <v>0</v>
      </c>
      <c r="AC21" s="150"/>
    </row>
    <row r="22" spans="2:32" ht="17.25" customHeight="1" x14ac:dyDescent="0.15">
      <c r="B22" s="9"/>
      <c r="C22" s="926"/>
      <c r="D22" s="807"/>
      <c r="E22" s="807"/>
      <c r="F22" s="927"/>
      <c r="G22" s="9"/>
      <c r="H22" s="252" t="s">
        <v>279</v>
      </c>
      <c r="I22" s="792" t="s">
        <v>1661</v>
      </c>
      <c r="J22" s="792"/>
      <c r="K22" s="792"/>
      <c r="L22" s="792"/>
      <c r="M22" s="792"/>
      <c r="N22" s="792"/>
      <c r="O22" s="792"/>
      <c r="P22" s="792"/>
      <c r="Q22" s="792"/>
      <c r="R22" s="792"/>
      <c r="S22" s="792"/>
      <c r="T22" s="780"/>
      <c r="U22" s="782"/>
      <c r="V22" s="197" t="s">
        <v>175</v>
      </c>
      <c r="X22" s="189"/>
      <c r="Z22" s="249"/>
      <c r="AA22" s="18"/>
      <c r="AB22" s="249"/>
      <c r="AC22" s="150"/>
    </row>
    <row r="23" spans="2:32" ht="31.5" customHeight="1" x14ac:dyDescent="0.15">
      <c r="B23" s="9"/>
      <c r="C23" s="926"/>
      <c r="D23" s="807"/>
      <c r="E23" s="807"/>
      <c r="F23" s="927"/>
      <c r="G23" s="189"/>
      <c r="H23" s="252" t="s">
        <v>277</v>
      </c>
      <c r="I23" s="829" t="s">
        <v>1660</v>
      </c>
      <c r="J23" s="829"/>
      <c r="K23" s="829"/>
      <c r="L23" s="829"/>
      <c r="M23" s="829"/>
      <c r="N23" s="829"/>
      <c r="O23" s="829"/>
      <c r="P23" s="829"/>
      <c r="Q23" s="829"/>
      <c r="R23" s="829"/>
      <c r="S23" s="830"/>
      <c r="T23" s="780"/>
      <c r="U23" s="782"/>
      <c r="V23" s="197" t="s">
        <v>175</v>
      </c>
      <c r="X23" s="189"/>
      <c r="Z23" s="249"/>
      <c r="AA23" s="18"/>
      <c r="AB23" s="249"/>
      <c r="AC23" s="150"/>
    </row>
    <row r="24" spans="2:32" ht="17.25" customHeight="1" x14ac:dyDescent="0.15">
      <c r="B24" s="9"/>
      <c r="C24" s="926"/>
      <c r="D24" s="807"/>
      <c r="E24" s="807"/>
      <c r="F24" s="927"/>
      <c r="G24" s="9"/>
      <c r="W24" s="149"/>
      <c r="X24" s="149"/>
      <c r="Z24" s="16"/>
      <c r="AA24" s="16"/>
      <c r="AB24" s="16"/>
      <c r="AC24" s="150"/>
    </row>
    <row r="25" spans="2:32" ht="17.25" customHeight="1" x14ac:dyDescent="0.15">
      <c r="B25" s="9"/>
      <c r="C25" s="926"/>
      <c r="D25" s="807"/>
      <c r="E25" s="807"/>
      <c r="F25" s="927"/>
      <c r="G25" s="20" t="s">
        <v>1659</v>
      </c>
      <c r="H25" s="16"/>
      <c r="I25" s="16"/>
      <c r="J25" s="16"/>
      <c r="K25" s="16"/>
      <c r="L25" s="16"/>
      <c r="M25" s="16"/>
      <c r="N25" s="16"/>
      <c r="O25" s="16"/>
      <c r="P25" s="16"/>
      <c r="Q25" s="16"/>
      <c r="R25" s="16"/>
      <c r="S25" s="16"/>
      <c r="T25" s="16"/>
      <c r="U25" s="16"/>
      <c r="V25" s="16"/>
      <c r="W25" s="150"/>
      <c r="X25" s="150"/>
      <c r="Z25" s="18" t="s">
        <v>0</v>
      </c>
      <c r="AA25" s="18" t="s">
        <v>217</v>
      </c>
      <c r="AB25" s="18" t="s">
        <v>0</v>
      </c>
      <c r="AC25" s="150"/>
    </row>
    <row r="26" spans="2:32" ht="17.25" customHeight="1" x14ac:dyDescent="0.15">
      <c r="B26" s="9"/>
      <c r="C26" s="928"/>
      <c r="D26" s="929"/>
      <c r="E26" s="929"/>
      <c r="F26" s="930"/>
      <c r="G26" s="561"/>
      <c r="H26" s="630"/>
      <c r="I26" s="630"/>
      <c r="J26" s="172"/>
      <c r="K26" s="172"/>
      <c r="L26" s="172"/>
      <c r="M26" s="172"/>
      <c r="N26" s="172"/>
      <c r="O26" s="172"/>
      <c r="P26" s="172"/>
      <c r="Q26" s="172"/>
      <c r="R26" s="172"/>
      <c r="S26" s="172"/>
      <c r="T26" s="172"/>
      <c r="U26" s="172"/>
      <c r="V26" s="172"/>
      <c r="W26" s="171"/>
      <c r="X26" s="149"/>
      <c r="Z26" s="249"/>
      <c r="AA26" s="18"/>
      <c r="AB26" s="249"/>
      <c r="AC26" s="150"/>
    </row>
    <row r="27" spans="2:32" ht="17.25" customHeight="1" x14ac:dyDescent="0.15">
      <c r="B27" s="9"/>
      <c r="D27" s="14"/>
      <c r="E27" s="14"/>
      <c r="F27" s="14"/>
      <c r="X27" s="149"/>
      <c r="Z27" s="249"/>
      <c r="AA27" s="18"/>
      <c r="AB27" s="249"/>
      <c r="AC27" s="150"/>
    </row>
    <row r="28" spans="2:32" x14ac:dyDescent="0.15">
      <c r="B28" s="173"/>
      <c r="C28" s="172"/>
      <c r="D28" s="172"/>
      <c r="E28" s="172"/>
      <c r="F28" s="172"/>
      <c r="G28" s="172"/>
      <c r="H28" s="172"/>
      <c r="I28" s="172"/>
      <c r="J28" s="172"/>
      <c r="K28" s="172"/>
      <c r="L28" s="172"/>
      <c r="M28" s="172"/>
      <c r="N28" s="172"/>
      <c r="O28" s="172"/>
      <c r="P28" s="172"/>
      <c r="Q28" s="172"/>
      <c r="R28" s="172"/>
      <c r="S28" s="172"/>
      <c r="T28" s="172"/>
      <c r="U28" s="172"/>
      <c r="V28" s="172"/>
      <c r="W28" s="172"/>
      <c r="X28" s="171"/>
      <c r="Y28" s="172"/>
      <c r="Z28" s="172"/>
      <c r="AA28" s="172"/>
      <c r="AB28" s="172"/>
      <c r="AC28" s="171"/>
    </row>
    <row r="30" spans="2:32" ht="7.5" customHeight="1" x14ac:dyDescent="0.15">
      <c r="Z30" s="16"/>
      <c r="AA30" s="16"/>
      <c r="AB30" s="16"/>
      <c r="AC30" s="16"/>
    </row>
    <row r="31" spans="2:32" x14ac:dyDescent="0.15">
      <c r="B31" s="8" t="s">
        <v>507</v>
      </c>
    </row>
    <row r="32" spans="2:32" x14ac:dyDescent="0.15">
      <c r="B32" s="8" t="s">
        <v>506</v>
      </c>
      <c r="K32"/>
      <c r="L32"/>
      <c r="M32"/>
      <c r="N32"/>
      <c r="O32"/>
      <c r="P32"/>
      <c r="Q32"/>
      <c r="R32"/>
      <c r="S32"/>
      <c r="T32"/>
      <c r="U32"/>
      <c r="V32"/>
      <c r="W32"/>
      <c r="X32"/>
      <c r="Y32"/>
      <c r="Z32"/>
      <c r="AA32"/>
      <c r="AB32"/>
      <c r="AC32"/>
      <c r="AD32"/>
      <c r="AE32"/>
      <c r="AF32"/>
    </row>
    <row r="122" spans="3:7" x14ac:dyDescent="0.15">
      <c r="C122" s="172"/>
      <c r="D122" s="172"/>
      <c r="E122" s="172"/>
      <c r="F122" s="172"/>
      <c r="G122" s="172"/>
    </row>
    <row r="123" spans="3:7" x14ac:dyDescent="0.15">
      <c r="C123" s="157"/>
    </row>
  </sheetData>
  <mergeCells count="19">
    <mergeCell ref="D13:F13"/>
    <mergeCell ref="G13:W13"/>
    <mergeCell ref="D15:F15"/>
    <mergeCell ref="G15:W15"/>
    <mergeCell ref="C17:C26"/>
    <mergeCell ref="D17:F26"/>
    <mergeCell ref="G17:W17"/>
    <mergeCell ref="B4:AC4"/>
    <mergeCell ref="B6:F6"/>
    <mergeCell ref="G6:AC6"/>
    <mergeCell ref="B7:F7"/>
    <mergeCell ref="B8:F8"/>
    <mergeCell ref="H8:P8"/>
    <mergeCell ref="S8:AC8"/>
    <mergeCell ref="G20:W20"/>
    <mergeCell ref="I22:S22"/>
    <mergeCell ref="T22:U22"/>
    <mergeCell ref="I23:S23"/>
    <mergeCell ref="T23:U23"/>
  </mergeCells>
  <phoneticPr fontId="2"/>
  <dataValidations count="1">
    <dataValidation type="list" allowBlank="1" showInputMessage="1" showErrorMessage="1" sqref="Z13 AB13 Z15 AB15 Z18 AB18 Z21 AB21 Z25 AB25 L7 G7:G8 Q7 R8">
      <formula1>"□,■"</formula1>
    </dataValidation>
  </dataValidations>
  <pageMargins left="0.7" right="0.7" top="0.75" bottom="0.75" header="0.3" footer="0.3"/>
  <pageSetup paperSize="9" scale="83" orientation="portrait" r:id="rId1"/>
</worksheet>
</file>

<file path=xl/worksheets/sheet6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AK123"/>
  <sheetViews>
    <sheetView view="pageBreakPreview" zoomScaleNormal="100" zoomScaleSheetLayoutView="100" workbookViewId="0">
      <selection activeCell="C87" sqref="C87"/>
    </sheetView>
  </sheetViews>
  <sheetFormatPr defaultColWidth="4" defaultRowHeight="13.5" x14ac:dyDescent="0.15"/>
  <cols>
    <col min="1" max="1" width="1.5" style="8" customWidth="1"/>
    <col min="2" max="2" width="2.375" style="8" customWidth="1"/>
    <col min="3" max="3" width="1.125" style="8" customWidth="1"/>
    <col min="4" max="18" width="4" style="8"/>
    <col min="19" max="19" width="8.125" style="8" customWidth="1"/>
    <col min="20" max="20" width="4" style="8"/>
    <col min="21" max="21" width="2.375" style="8" customWidth="1"/>
    <col min="22" max="22" width="4" style="8"/>
    <col min="23" max="23" width="2.25" style="8" customWidth="1"/>
    <col min="24" max="24" width="4" style="8"/>
    <col min="25" max="25" width="2.375" style="8" customWidth="1"/>
    <col min="26" max="26" width="1.5" style="8" customWidth="1"/>
    <col min="27" max="16384" width="4" style="8"/>
  </cols>
  <sheetData>
    <row r="2" spans="2:25" x14ac:dyDescent="0.15">
      <c r="B2" s="8" t="s">
        <v>1693</v>
      </c>
      <c r="C2"/>
      <c r="D2"/>
      <c r="E2"/>
      <c r="F2"/>
      <c r="G2"/>
      <c r="H2"/>
      <c r="I2"/>
      <c r="J2"/>
      <c r="K2"/>
      <c r="L2"/>
      <c r="M2"/>
      <c r="N2"/>
      <c r="O2"/>
      <c r="P2"/>
      <c r="Q2"/>
      <c r="R2"/>
      <c r="S2"/>
      <c r="T2"/>
      <c r="U2"/>
      <c r="V2"/>
      <c r="W2"/>
      <c r="X2"/>
      <c r="Y2"/>
    </row>
    <row r="4" spans="2:25" x14ac:dyDescent="0.15">
      <c r="B4" s="778" t="s">
        <v>1692</v>
      </c>
      <c r="C4" s="778"/>
      <c r="D4" s="778"/>
      <c r="E4" s="778"/>
      <c r="F4" s="778"/>
      <c r="G4" s="778"/>
      <c r="H4" s="778"/>
      <c r="I4" s="778"/>
      <c r="J4" s="778"/>
      <c r="K4" s="778"/>
      <c r="L4" s="778"/>
      <c r="M4" s="778"/>
      <c r="N4" s="778"/>
      <c r="O4" s="778"/>
      <c r="P4" s="778"/>
      <c r="Q4" s="778"/>
      <c r="R4" s="778"/>
      <c r="S4" s="778"/>
      <c r="T4" s="778"/>
      <c r="U4" s="778"/>
      <c r="V4" s="778"/>
      <c r="W4" s="778"/>
      <c r="X4" s="778"/>
      <c r="Y4" s="778"/>
    </row>
    <row r="6" spans="2:25" ht="23.25" customHeight="1" x14ac:dyDescent="0.15">
      <c r="B6" s="790" t="s">
        <v>531</v>
      </c>
      <c r="C6" s="790"/>
      <c r="D6" s="790"/>
      <c r="E6" s="790"/>
      <c r="F6" s="790"/>
      <c r="G6" s="791"/>
      <c r="H6" s="792"/>
      <c r="I6" s="792"/>
      <c r="J6" s="792"/>
      <c r="K6" s="792"/>
      <c r="L6" s="792"/>
      <c r="M6" s="792"/>
      <c r="N6" s="792"/>
      <c r="O6" s="792"/>
      <c r="P6" s="792"/>
      <c r="Q6" s="792"/>
      <c r="R6" s="792"/>
      <c r="S6" s="792"/>
      <c r="T6" s="792"/>
      <c r="U6" s="792"/>
      <c r="V6" s="792"/>
      <c r="W6" s="792"/>
      <c r="X6" s="792"/>
      <c r="Y6" s="793"/>
    </row>
    <row r="7" spans="2:25" ht="23.25" customHeight="1" x14ac:dyDescent="0.15">
      <c r="B7" s="790" t="s">
        <v>481</v>
      </c>
      <c r="C7" s="790"/>
      <c r="D7" s="790"/>
      <c r="E7" s="790"/>
      <c r="F7" s="790"/>
      <c r="G7" s="177" t="s">
        <v>0</v>
      </c>
      <c r="H7" s="168" t="s">
        <v>242</v>
      </c>
      <c r="I7" s="168"/>
      <c r="J7" s="168"/>
      <c r="K7" s="168"/>
      <c r="L7" s="177" t="s">
        <v>0</v>
      </c>
      <c r="M7" s="168" t="s">
        <v>241</v>
      </c>
      <c r="N7" s="168"/>
      <c r="O7" s="168"/>
      <c r="P7" s="168"/>
      <c r="Q7" s="177" t="s">
        <v>0</v>
      </c>
      <c r="R7" s="168" t="s">
        <v>240</v>
      </c>
      <c r="S7" s="168"/>
      <c r="T7" s="168"/>
      <c r="U7" s="168"/>
      <c r="V7" s="168"/>
      <c r="W7" s="181"/>
      <c r="X7" s="181"/>
      <c r="Y7" s="197"/>
    </row>
    <row r="8" spans="2:25" ht="20.100000000000001" customHeight="1" x14ac:dyDescent="0.15">
      <c r="B8" s="783" t="s">
        <v>318</v>
      </c>
      <c r="C8" s="784"/>
      <c r="D8" s="784"/>
      <c r="E8" s="784"/>
      <c r="F8" s="785"/>
      <c r="G8" s="250" t="s">
        <v>0</v>
      </c>
      <c r="H8" s="907" t="s">
        <v>1691</v>
      </c>
      <c r="I8" s="907"/>
      <c r="J8" s="907"/>
      <c r="K8" s="907"/>
      <c r="L8" s="907"/>
      <c r="M8" s="907"/>
      <c r="N8" s="907"/>
      <c r="O8" s="907"/>
      <c r="P8" s="907"/>
      <c r="Q8" s="907"/>
      <c r="R8" s="907"/>
      <c r="S8" s="907"/>
      <c r="T8" s="907"/>
      <c r="U8" s="907"/>
      <c r="V8" s="907"/>
      <c r="W8" s="907"/>
      <c r="X8" s="907"/>
      <c r="Y8" s="908"/>
    </row>
    <row r="9" spans="2:25" ht="20.100000000000001" customHeight="1" x14ac:dyDescent="0.15">
      <c r="B9" s="786"/>
      <c r="C9" s="787"/>
      <c r="D9" s="787"/>
      <c r="E9" s="787"/>
      <c r="F9" s="788"/>
      <c r="G9" s="163" t="s">
        <v>0</v>
      </c>
      <c r="H9" s="910" t="s">
        <v>1690</v>
      </c>
      <c r="I9" s="910"/>
      <c r="J9" s="910"/>
      <c r="K9" s="910"/>
      <c r="L9" s="910"/>
      <c r="M9" s="910"/>
      <c r="N9" s="910"/>
      <c r="O9" s="910"/>
      <c r="P9" s="910"/>
      <c r="Q9" s="910"/>
      <c r="R9" s="910"/>
      <c r="S9" s="910"/>
      <c r="T9" s="910"/>
      <c r="U9" s="910"/>
      <c r="V9" s="910"/>
      <c r="W9" s="910"/>
      <c r="X9" s="910"/>
      <c r="Y9" s="911"/>
    </row>
    <row r="10" spans="2:25" ht="10.5" customHeight="1" x14ac:dyDescent="0.15">
      <c r="B10" s="18"/>
      <c r="C10" s="18"/>
      <c r="D10" s="18"/>
      <c r="E10" s="18"/>
      <c r="F10" s="18"/>
      <c r="G10" s="16"/>
      <c r="I10" s="154"/>
      <c r="J10" s="154"/>
      <c r="K10" s="154"/>
      <c r="L10" s="154"/>
      <c r="M10" s="154"/>
      <c r="N10" s="154"/>
      <c r="O10" s="154"/>
      <c r="P10" s="154"/>
      <c r="Q10" s="154"/>
      <c r="R10" s="154"/>
      <c r="S10" s="154"/>
      <c r="T10" s="154"/>
      <c r="U10" s="154"/>
      <c r="V10" s="154"/>
      <c r="W10" s="154"/>
      <c r="X10" s="154"/>
      <c r="Y10" s="154"/>
    </row>
    <row r="11" spans="2:25" ht="17.25" customHeight="1" x14ac:dyDescent="0.15">
      <c r="B11" s="8" t="s">
        <v>1689</v>
      </c>
      <c r="C11" s="18"/>
      <c r="D11" s="18"/>
      <c r="E11" s="18"/>
      <c r="F11" s="18"/>
      <c r="G11" s="16"/>
      <c r="I11" s="154"/>
      <c r="J11" s="154"/>
      <c r="K11" s="154"/>
      <c r="L11" s="154"/>
      <c r="M11" s="154"/>
      <c r="N11" s="154"/>
      <c r="O11" s="154"/>
      <c r="P11" s="154"/>
      <c r="Q11" s="154"/>
      <c r="R11" s="154"/>
      <c r="S11" s="154"/>
      <c r="T11" s="154"/>
    </row>
    <row r="12" spans="2:25" ht="6" customHeight="1" x14ac:dyDescent="0.15">
      <c r="B12" s="158"/>
      <c r="C12" s="157"/>
      <c r="D12" s="157"/>
      <c r="E12" s="157"/>
      <c r="F12" s="157"/>
      <c r="G12" s="157"/>
      <c r="H12" s="157"/>
      <c r="I12" s="157"/>
      <c r="J12" s="157"/>
      <c r="K12" s="157"/>
      <c r="L12" s="157"/>
      <c r="M12" s="157"/>
      <c r="N12" s="157"/>
      <c r="O12" s="157"/>
      <c r="P12" s="157"/>
      <c r="Q12" s="157"/>
      <c r="R12" s="157"/>
      <c r="S12" s="157"/>
      <c r="T12" s="157"/>
      <c r="U12" s="158"/>
      <c r="V12" s="278"/>
      <c r="W12" s="278"/>
      <c r="X12" s="278"/>
      <c r="Y12" s="156"/>
    </row>
    <row r="13" spans="2:25" ht="21.75" customHeight="1" x14ac:dyDescent="0.15">
      <c r="B13" s="9"/>
      <c r="C13" s="8" t="s">
        <v>1688</v>
      </c>
      <c r="U13" s="9"/>
      <c r="V13" s="152"/>
      <c r="W13" s="152"/>
      <c r="X13" s="152"/>
      <c r="Y13" s="149"/>
    </row>
    <row r="14" spans="2:25" ht="5.25" customHeight="1" x14ac:dyDescent="0.15">
      <c r="B14" s="9"/>
      <c r="U14" s="9"/>
      <c r="Y14" s="149"/>
    </row>
    <row r="15" spans="2:25" ht="28.5" customHeight="1" x14ac:dyDescent="0.15">
      <c r="B15" s="9"/>
      <c r="D15" s="780"/>
      <c r="E15" s="781"/>
      <c r="F15" s="781"/>
      <c r="G15" s="781"/>
      <c r="H15" s="781"/>
      <c r="I15" s="781"/>
      <c r="J15" s="781"/>
      <c r="K15" s="781"/>
      <c r="L15" s="825" t="s">
        <v>1687</v>
      </c>
      <c r="M15" s="825"/>
      <c r="N15" s="826"/>
      <c r="O15" s="9"/>
      <c r="T15" s="18"/>
      <c r="U15" s="9"/>
      <c r="V15" s="152" t="s">
        <v>227</v>
      </c>
      <c r="W15" s="152" t="s">
        <v>217</v>
      </c>
      <c r="X15" s="152" t="s">
        <v>226</v>
      </c>
      <c r="Y15" s="149"/>
    </row>
    <row r="16" spans="2:25" ht="6" customHeight="1" x14ac:dyDescent="0.15">
      <c r="B16" s="9"/>
      <c r="U16" s="9"/>
      <c r="Y16" s="149"/>
    </row>
    <row r="17" spans="1:37" ht="19.5" customHeight="1" x14ac:dyDescent="0.15">
      <c r="B17" s="9"/>
      <c r="C17" s="8" t="s">
        <v>1686</v>
      </c>
      <c r="U17" s="9"/>
      <c r="V17" s="178" t="s">
        <v>0</v>
      </c>
      <c r="W17" s="178" t="s">
        <v>217</v>
      </c>
      <c r="X17" s="178" t="s">
        <v>0</v>
      </c>
      <c r="Y17" s="149"/>
    </row>
    <row r="18" spans="1:37" ht="6.75" customHeight="1" x14ac:dyDescent="0.15">
      <c r="B18" s="9"/>
      <c r="L18" s="18"/>
      <c r="Q18" s="18"/>
      <c r="U18" s="9"/>
      <c r="Y18" s="149"/>
    </row>
    <row r="19" spans="1:37" ht="27.75" customHeight="1" x14ac:dyDescent="0.15">
      <c r="B19" s="9"/>
      <c r="C19" s="789" t="s">
        <v>1685</v>
      </c>
      <c r="D19" s="789"/>
      <c r="E19" s="789"/>
      <c r="F19" s="789"/>
      <c r="G19" s="789"/>
      <c r="H19" s="789"/>
      <c r="I19" s="789"/>
      <c r="J19" s="789"/>
      <c r="K19" s="789"/>
      <c r="L19" s="789"/>
      <c r="M19" s="789"/>
      <c r="N19" s="789"/>
      <c r="O19" s="789"/>
      <c r="P19" s="789"/>
      <c r="Q19" s="789"/>
      <c r="R19" s="789"/>
      <c r="S19" s="789"/>
      <c r="T19" s="805"/>
      <c r="U19" s="9"/>
      <c r="V19" s="178" t="s">
        <v>0</v>
      </c>
      <c r="W19" s="178" t="s">
        <v>217</v>
      </c>
      <c r="X19" s="178" t="s">
        <v>0</v>
      </c>
      <c r="Y19" s="149"/>
    </row>
    <row r="20" spans="1:37" ht="8.25" customHeight="1" x14ac:dyDescent="0.15">
      <c r="B20" s="9"/>
      <c r="L20" s="18"/>
      <c r="Q20" s="18"/>
      <c r="U20" s="9"/>
      <c r="Y20" s="149"/>
    </row>
    <row r="21" spans="1:37" ht="18" customHeight="1" x14ac:dyDescent="0.15">
      <c r="B21" s="9"/>
      <c r="C21" s="8" t="s">
        <v>1684</v>
      </c>
      <c r="L21" s="18"/>
      <c r="U21" s="9"/>
      <c r="V21" s="178" t="s">
        <v>0</v>
      </c>
      <c r="W21" s="178" t="s">
        <v>217</v>
      </c>
      <c r="X21" s="178" t="s">
        <v>0</v>
      </c>
      <c r="Y21" s="149"/>
    </row>
    <row r="22" spans="1:37" ht="8.25" customHeight="1" x14ac:dyDescent="0.15">
      <c r="B22" s="9"/>
      <c r="U22" s="9"/>
      <c r="Y22" s="149"/>
    </row>
    <row r="23" spans="1:37" ht="27.75" customHeight="1" x14ac:dyDescent="0.15">
      <c r="B23" s="20"/>
      <c r="C23"/>
      <c r="D23" s="169" t="s">
        <v>1683</v>
      </c>
      <c r="E23" s="829" t="s">
        <v>1682</v>
      </c>
      <c r="F23" s="829"/>
      <c r="G23" s="829"/>
      <c r="H23" s="829"/>
      <c r="I23" s="829"/>
      <c r="J23" s="829"/>
      <c r="K23" s="829"/>
      <c r="L23" s="829"/>
      <c r="M23" s="829"/>
      <c r="N23" s="829"/>
      <c r="O23" s="829"/>
      <c r="P23" s="829"/>
      <c r="Q23" s="829"/>
      <c r="R23" s="830"/>
      <c r="S23" s="631"/>
      <c r="U23" s="9"/>
      <c r="V23" s="249"/>
      <c r="W23" s="18"/>
      <c r="X23" s="249"/>
      <c r="Y23" s="150"/>
      <c r="AC23" s="16"/>
      <c r="AD23" s="16"/>
      <c r="AE23" s="16"/>
      <c r="AF23" s="16"/>
      <c r="AG23" s="16"/>
      <c r="AH23" s="16"/>
      <c r="AI23" s="16"/>
      <c r="AJ23" s="16"/>
      <c r="AK23" s="16"/>
    </row>
    <row r="24" spans="1:37" ht="54" customHeight="1" x14ac:dyDescent="0.15">
      <c r="B24" s="20"/>
      <c r="C24"/>
      <c r="D24" s="169" t="s">
        <v>1681</v>
      </c>
      <c r="E24" s="829" t="s">
        <v>1680</v>
      </c>
      <c r="F24" s="829"/>
      <c r="G24" s="829"/>
      <c r="H24" s="829"/>
      <c r="I24" s="829"/>
      <c r="J24" s="829"/>
      <c r="K24" s="829"/>
      <c r="L24" s="829"/>
      <c r="M24" s="829"/>
      <c r="N24" s="829"/>
      <c r="O24" s="829"/>
      <c r="P24" s="829"/>
      <c r="Q24" s="829"/>
      <c r="R24" s="830"/>
      <c r="S24" s="631"/>
      <c r="U24" s="9"/>
      <c r="V24" s="249"/>
      <c r="W24" s="18"/>
      <c r="X24" s="249"/>
      <c r="Y24" s="150"/>
      <c r="AC24" s="16"/>
      <c r="AD24" s="16"/>
      <c r="AE24" s="16"/>
      <c r="AF24" s="16"/>
      <c r="AG24" s="16"/>
      <c r="AH24" s="16"/>
      <c r="AI24" s="16"/>
      <c r="AJ24" s="16"/>
      <c r="AK24" s="16"/>
    </row>
    <row r="25" spans="1:37" ht="26.25" customHeight="1" x14ac:dyDescent="0.15">
      <c r="B25" s="20"/>
      <c r="C25"/>
      <c r="D25" s="169" t="s">
        <v>1679</v>
      </c>
      <c r="E25" s="829" t="s">
        <v>1678</v>
      </c>
      <c r="F25" s="829"/>
      <c r="G25" s="829"/>
      <c r="H25" s="829"/>
      <c r="I25" s="829"/>
      <c r="J25" s="829"/>
      <c r="K25" s="829"/>
      <c r="L25" s="829"/>
      <c r="M25" s="829"/>
      <c r="N25" s="829"/>
      <c r="O25" s="829"/>
      <c r="P25" s="829"/>
      <c r="Q25" s="829"/>
      <c r="R25" s="830"/>
      <c r="S25" s="631"/>
      <c r="U25" s="9"/>
      <c r="V25" s="249"/>
      <c r="W25" s="18"/>
      <c r="X25" s="249"/>
      <c r="Y25" s="150"/>
      <c r="AC25" s="16"/>
      <c r="AD25" s="16"/>
      <c r="AE25" s="16"/>
      <c r="AF25" s="16"/>
      <c r="AG25" s="16"/>
      <c r="AH25" s="16"/>
      <c r="AI25" s="16"/>
      <c r="AJ25" s="16"/>
      <c r="AK25" s="16"/>
    </row>
    <row r="26" spans="1:37" ht="17.25" customHeight="1" x14ac:dyDescent="0.15">
      <c r="B26" s="288"/>
      <c r="C26" s="1183"/>
      <c r="D26" s="1183"/>
      <c r="E26" s="1168"/>
      <c r="F26" s="1168"/>
      <c r="G26" s="1168"/>
      <c r="H26" s="1168"/>
      <c r="I26" s="1168"/>
      <c r="J26" s="1168"/>
      <c r="K26" s="1168"/>
      <c r="L26" s="1168"/>
      <c r="M26" s="1168"/>
      <c r="N26" s="1168"/>
      <c r="O26" s="1168"/>
      <c r="P26" s="1168"/>
      <c r="Q26" s="1168"/>
      <c r="R26" s="1168"/>
      <c r="S26" s="1168"/>
      <c r="T26" s="1169"/>
      <c r="U26" s="173"/>
      <c r="V26" s="172"/>
      <c r="W26" s="172"/>
      <c r="X26" s="172"/>
      <c r="Y26" s="171"/>
    </row>
    <row r="27" spans="1:37" ht="4.5" customHeight="1" x14ac:dyDescent="0.15">
      <c r="A27" s="466"/>
      <c r="B27" s="466"/>
      <c r="C27" s="466"/>
      <c r="D27" s="466"/>
      <c r="E27" s="466"/>
      <c r="F27" s="466"/>
      <c r="G27" s="466"/>
      <c r="H27" s="466"/>
      <c r="I27" s="466"/>
      <c r="J27" s="466"/>
      <c r="K27" s="466"/>
      <c r="L27" s="466"/>
      <c r="M27" s="466"/>
      <c r="N27" s="466"/>
      <c r="O27" s="466"/>
      <c r="P27" s="466"/>
      <c r="Q27" s="466"/>
      <c r="R27" s="466"/>
      <c r="S27" s="466"/>
      <c r="T27" s="466"/>
      <c r="U27" s="466"/>
      <c r="V27" s="466"/>
      <c r="W27" s="466"/>
      <c r="X27" s="466"/>
      <c r="Y27" s="466"/>
      <c r="Z27" s="466"/>
    </row>
    <row r="28" spans="1:37" ht="26.25" customHeight="1" x14ac:dyDescent="0.15">
      <c r="B28" s="172" t="s">
        <v>1677</v>
      </c>
    </row>
    <row r="29" spans="1:37" ht="6" customHeight="1" x14ac:dyDescent="0.15">
      <c r="B29" s="158"/>
      <c r="C29" s="157"/>
      <c r="D29" s="157"/>
      <c r="E29" s="157"/>
      <c r="F29" s="157"/>
      <c r="G29" s="157"/>
      <c r="H29" s="157"/>
      <c r="I29" s="157"/>
      <c r="J29" s="157"/>
      <c r="K29" s="157"/>
      <c r="L29" s="157"/>
      <c r="M29" s="157"/>
      <c r="N29" s="157"/>
      <c r="O29" s="157"/>
      <c r="P29" s="157"/>
      <c r="Q29" s="157"/>
      <c r="R29" s="157"/>
      <c r="S29" s="157"/>
      <c r="T29" s="157"/>
      <c r="U29" s="158"/>
      <c r="V29" s="157"/>
      <c r="W29" s="157"/>
      <c r="X29" s="157"/>
      <c r="Y29" s="156"/>
    </row>
    <row r="30" spans="1:37" ht="22.5" customHeight="1" x14ac:dyDescent="0.15">
      <c r="B30" s="9"/>
      <c r="C30" s="8" t="s">
        <v>1676</v>
      </c>
      <c r="U30" s="9"/>
      <c r="Y30" s="149"/>
    </row>
    <row r="31" spans="1:37" ht="6" customHeight="1" x14ac:dyDescent="0.15">
      <c r="B31" s="9"/>
      <c r="U31" s="9"/>
      <c r="Y31" s="149"/>
    </row>
    <row r="32" spans="1:37" ht="21" customHeight="1" x14ac:dyDescent="0.15">
      <c r="B32" s="9"/>
      <c r="D32" s="780"/>
      <c r="E32" s="781"/>
      <c r="F32" s="781"/>
      <c r="G32" s="781"/>
      <c r="H32" s="781"/>
      <c r="I32" s="781"/>
      <c r="J32" s="781"/>
      <c r="K32" s="781"/>
      <c r="L32" s="781"/>
      <c r="M32" s="781"/>
      <c r="N32" s="168" t="s">
        <v>175</v>
      </c>
      <c r="O32" s="9"/>
      <c r="T32" s="18"/>
      <c r="U32" s="9"/>
      <c r="Y32" s="149"/>
    </row>
    <row r="33" spans="2:25" ht="9" customHeight="1" x14ac:dyDescent="0.15">
      <c r="B33" s="9"/>
      <c r="L33" s="18"/>
      <c r="Q33" s="18"/>
      <c r="U33" s="9"/>
      <c r="Y33" s="149"/>
    </row>
    <row r="34" spans="2:25" x14ac:dyDescent="0.15">
      <c r="B34" s="9"/>
      <c r="C34" s="8" t="s">
        <v>950</v>
      </c>
      <c r="U34" s="9"/>
      <c r="Y34" s="149"/>
    </row>
    <row r="35" spans="2:25" ht="7.5" customHeight="1" x14ac:dyDescent="0.15">
      <c r="B35" s="9"/>
      <c r="U35" s="9"/>
      <c r="Y35" s="149"/>
    </row>
    <row r="36" spans="2:25" ht="21.75" customHeight="1" x14ac:dyDescent="0.15">
      <c r="B36" s="9"/>
      <c r="D36" s="780"/>
      <c r="E36" s="781"/>
      <c r="F36" s="781"/>
      <c r="G36" s="781"/>
      <c r="H36" s="781"/>
      <c r="I36" s="781"/>
      <c r="J36" s="781"/>
      <c r="K36" s="781"/>
      <c r="L36" s="781"/>
      <c r="M36" s="781"/>
      <c r="N36" s="168" t="s">
        <v>175</v>
      </c>
      <c r="O36" s="9"/>
      <c r="T36" s="18"/>
      <c r="U36" s="9"/>
      <c r="Y36" s="149"/>
    </row>
    <row r="37" spans="2:25" ht="6.75" customHeight="1" x14ac:dyDescent="0.15">
      <c r="B37" s="9"/>
      <c r="L37" s="18"/>
      <c r="Q37" s="18"/>
      <c r="U37" s="9"/>
      <c r="Y37" s="149"/>
    </row>
    <row r="38" spans="2:25" ht="15.75" customHeight="1" x14ac:dyDescent="0.15">
      <c r="B38" s="9"/>
      <c r="C38" s="8" t="s">
        <v>949</v>
      </c>
      <c r="L38" s="18"/>
      <c r="Q38" s="18"/>
      <c r="U38" s="9"/>
      <c r="V38" s="152" t="s">
        <v>227</v>
      </c>
      <c r="W38" s="152" t="s">
        <v>217</v>
      </c>
      <c r="X38" s="152" t="s">
        <v>226</v>
      </c>
      <c r="Y38" s="149"/>
    </row>
    <row r="39" spans="2:25" ht="6.75" customHeight="1" x14ac:dyDescent="0.15">
      <c r="B39" s="9"/>
      <c r="L39" s="18"/>
      <c r="Q39" s="18"/>
      <c r="U39" s="9"/>
      <c r="Y39" s="149"/>
    </row>
    <row r="40" spans="2:25" ht="21.75" customHeight="1" x14ac:dyDescent="0.15">
      <c r="B40" s="9"/>
      <c r="D40" s="780"/>
      <c r="E40" s="781"/>
      <c r="F40" s="781"/>
      <c r="G40" s="781"/>
      <c r="H40" s="781"/>
      <c r="I40" s="781"/>
      <c r="J40" s="781"/>
      <c r="K40" s="781"/>
      <c r="L40" s="781"/>
      <c r="M40" s="781"/>
      <c r="N40" s="168" t="s">
        <v>339</v>
      </c>
      <c r="O40" s="9"/>
      <c r="P40" s="18" t="s">
        <v>275</v>
      </c>
      <c r="Q40" s="18"/>
      <c r="R40" s="8" t="s">
        <v>947</v>
      </c>
      <c r="U40" s="148"/>
      <c r="V40" s="178" t="s">
        <v>0</v>
      </c>
      <c r="W40" s="178" t="s">
        <v>217</v>
      </c>
      <c r="X40" s="178" t="s">
        <v>0</v>
      </c>
      <c r="Y40" s="149"/>
    </row>
    <row r="41" spans="2:25" ht="8.25" customHeight="1" x14ac:dyDescent="0.15">
      <c r="B41" s="9"/>
      <c r="L41" s="18"/>
      <c r="Q41" s="18"/>
      <c r="U41" s="9"/>
      <c r="Y41" s="149"/>
    </row>
    <row r="42" spans="2:25" ht="14.25" customHeight="1" x14ac:dyDescent="0.15">
      <c r="B42" s="9"/>
      <c r="C42" s="8" t="s">
        <v>946</v>
      </c>
      <c r="U42" s="9"/>
      <c r="Y42" s="149"/>
    </row>
    <row r="43" spans="2:25" ht="5.25" customHeight="1" x14ac:dyDescent="0.15">
      <c r="B43" s="9"/>
      <c r="U43" s="9"/>
      <c r="Y43" s="149"/>
    </row>
    <row r="44" spans="2:25" ht="18" customHeight="1" x14ac:dyDescent="0.15">
      <c r="B44" s="9" t="s">
        <v>230</v>
      </c>
      <c r="D44" s="780" t="s">
        <v>232</v>
      </c>
      <c r="E44" s="781"/>
      <c r="F44" s="782"/>
      <c r="G44" s="828"/>
      <c r="H44" s="829"/>
      <c r="I44" s="829"/>
      <c r="J44" s="829"/>
      <c r="K44" s="829"/>
      <c r="L44" s="829"/>
      <c r="M44" s="829"/>
      <c r="N44" s="829"/>
      <c r="O44" s="829"/>
      <c r="P44" s="829"/>
      <c r="Q44" s="829"/>
      <c r="R44" s="829"/>
      <c r="S44" s="830"/>
      <c r="U44" s="20"/>
      <c r="V44" s="16"/>
      <c r="W44" s="16"/>
      <c r="X44" s="16"/>
      <c r="Y44" s="149"/>
    </row>
    <row r="45" spans="2:25" ht="18.75" customHeight="1" x14ac:dyDescent="0.15">
      <c r="B45" s="9" t="s">
        <v>230</v>
      </c>
      <c r="D45" s="780" t="s">
        <v>231</v>
      </c>
      <c r="E45" s="781"/>
      <c r="F45" s="782"/>
      <c r="G45" s="828"/>
      <c r="H45" s="829"/>
      <c r="I45" s="829"/>
      <c r="J45" s="829"/>
      <c r="K45" s="829"/>
      <c r="L45" s="829"/>
      <c r="M45" s="829"/>
      <c r="N45" s="829"/>
      <c r="O45" s="829"/>
      <c r="P45" s="829"/>
      <c r="Q45" s="829"/>
      <c r="R45" s="829"/>
      <c r="S45" s="830"/>
      <c r="U45" s="20"/>
      <c r="V45" s="16"/>
      <c r="W45" s="16"/>
      <c r="X45" s="16"/>
      <c r="Y45" s="149"/>
    </row>
    <row r="46" spans="2:25" ht="19.5" customHeight="1" x14ac:dyDescent="0.15">
      <c r="B46" s="9" t="s">
        <v>230</v>
      </c>
      <c r="D46" s="780" t="s">
        <v>229</v>
      </c>
      <c r="E46" s="781"/>
      <c r="F46" s="782"/>
      <c r="G46" s="828"/>
      <c r="H46" s="829"/>
      <c r="I46" s="829"/>
      <c r="J46" s="829"/>
      <c r="K46" s="829"/>
      <c r="L46" s="829"/>
      <c r="M46" s="829"/>
      <c r="N46" s="829"/>
      <c r="O46" s="829"/>
      <c r="P46" s="829"/>
      <c r="Q46" s="829"/>
      <c r="R46" s="829"/>
      <c r="S46" s="830"/>
      <c r="U46" s="20"/>
      <c r="V46" s="16"/>
      <c r="W46" s="16"/>
      <c r="X46" s="16"/>
      <c r="Y46" s="149"/>
    </row>
    <row r="47" spans="2:25" ht="21" customHeight="1" x14ac:dyDescent="0.15">
      <c r="B47" s="9"/>
      <c r="C47" s="18"/>
      <c r="D47" s="18"/>
      <c r="E47" s="18"/>
      <c r="F47" s="18"/>
      <c r="G47" s="18"/>
      <c r="H47" s="18"/>
      <c r="I47" s="18"/>
      <c r="J47" s="18"/>
      <c r="K47" s="18"/>
      <c r="L47" s="18"/>
      <c r="M47" s="18"/>
      <c r="N47" s="18"/>
      <c r="O47" s="18"/>
      <c r="U47" s="9"/>
      <c r="V47" s="152" t="s">
        <v>227</v>
      </c>
      <c r="W47" s="152" t="s">
        <v>217</v>
      </c>
      <c r="X47" s="152" t="s">
        <v>226</v>
      </c>
      <c r="Y47" s="149"/>
    </row>
    <row r="48" spans="2:25" x14ac:dyDescent="0.15">
      <c r="B48" s="9"/>
      <c r="C48" s="8" t="s">
        <v>945</v>
      </c>
      <c r="D48" s="18"/>
      <c r="E48" s="18"/>
      <c r="F48" s="18"/>
      <c r="G48" s="18"/>
      <c r="H48" s="18"/>
      <c r="I48" s="18"/>
      <c r="J48" s="18"/>
      <c r="K48" s="18"/>
      <c r="L48" s="18"/>
      <c r="M48" s="18"/>
      <c r="N48" s="18"/>
      <c r="O48" s="18"/>
      <c r="U48" s="148"/>
      <c r="V48" s="178" t="s">
        <v>0</v>
      </c>
      <c r="W48" s="178" t="s">
        <v>217</v>
      </c>
      <c r="X48" s="178" t="s">
        <v>0</v>
      </c>
      <c r="Y48" s="149"/>
    </row>
    <row r="49" spans="1:37" ht="9" customHeight="1" x14ac:dyDescent="0.15">
      <c r="B49" s="9"/>
      <c r="D49" s="18"/>
      <c r="E49" s="18"/>
      <c r="F49" s="18"/>
      <c r="G49" s="18"/>
      <c r="H49" s="18"/>
      <c r="I49" s="18"/>
      <c r="J49" s="18"/>
      <c r="K49" s="18"/>
      <c r="L49" s="18"/>
      <c r="M49" s="18"/>
      <c r="N49" s="18"/>
      <c r="O49" s="18"/>
      <c r="U49" s="20"/>
      <c r="V49" s="16"/>
      <c r="W49" s="16"/>
      <c r="X49" s="16"/>
      <c r="Y49" s="149"/>
      <c r="Z49" s="178"/>
      <c r="AA49" s="178"/>
      <c r="AB49" s="178"/>
    </row>
    <row r="50" spans="1:37" ht="37.5" customHeight="1" x14ac:dyDescent="0.15">
      <c r="B50" s="9"/>
      <c r="C50" s="789" t="s">
        <v>1675</v>
      </c>
      <c r="D50" s="789"/>
      <c r="E50" s="789"/>
      <c r="F50" s="789"/>
      <c r="G50" s="789"/>
      <c r="H50" s="789"/>
      <c r="I50" s="789"/>
      <c r="J50" s="789"/>
      <c r="K50" s="789"/>
      <c r="L50" s="789"/>
      <c r="M50" s="789"/>
      <c r="N50" s="789"/>
      <c r="O50" s="789"/>
      <c r="P50" s="789"/>
      <c r="Q50" s="789"/>
      <c r="R50" s="789"/>
      <c r="S50" s="789"/>
      <c r="T50" s="805"/>
      <c r="U50" s="148"/>
      <c r="V50" s="178" t="s">
        <v>0</v>
      </c>
      <c r="W50" s="178" t="s">
        <v>217</v>
      </c>
      <c r="X50" s="178" t="s">
        <v>0</v>
      </c>
      <c r="Y50" s="149"/>
    </row>
    <row r="51" spans="1:37" ht="6" customHeight="1" x14ac:dyDescent="0.15">
      <c r="B51" s="173"/>
      <c r="C51" s="172"/>
      <c r="D51" s="172"/>
      <c r="E51" s="172"/>
      <c r="F51" s="172"/>
      <c r="G51" s="172"/>
      <c r="H51" s="172"/>
      <c r="I51" s="172"/>
      <c r="J51" s="172"/>
      <c r="K51" s="172"/>
      <c r="L51" s="172"/>
      <c r="M51" s="172"/>
      <c r="N51" s="172"/>
      <c r="O51" s="172"/>
      <c r="P51" s="172"/>
      <c r="Q51" s="172"/>
      <c r="R51" s="172"/>
      <c r="S51" s="172"/>
      <c r="T51" s="172"/>
      <c r="U51" s="173"/>
      <c r="V51" s="172"/>
      <c r="W51" s="172"/>
      <c r="X51" s="172"/>
      <c r="Y51" s="171"/>
    </row>
    <row r="52" spans="1:37" x14ac:dyDescent="0.15">
      <c r="A52" s="16"/>
      <c r="B52" s="8" t="s">
        <v>507</v>
      </c>
      <c r="E52" s="166"/>
      <c r="F52" s="16"/>
      <c r="G52" s="16"/>
      <c r="H52" s="16"/>
      <c r="I52" s="16"/>
      <c r="J52" s="16"/>
      <c r="K52" s="16"/>
      <c r="L52" s="16"/>
      <c r="M52" s="16"/>
      <c r="N52" s="16"/>
      <c r="O52" s="16"/>
      <c r="P52" s="16"/>
      <c r="Q52" s="16"/>
      <c r="R52" s="16"/>
      <c r="S52" s="16"/>
      <c r="T52" s="16"/>
      <c r="U52" s="16"/>
      <c r="V52" s="16"/>
      <c r="W52" s="16"/>
      <c r="X52" s="16"/>
      <c r="Y52" s="16"/>
      <c r="Z52" s="16"/>
      <c r="AA52" s="16"/>
      <c r="AB52" s="16"/>
      <c r="AC52" s="16"/>
      <c r="AD52" s="16"/>
      <c r="AE52" s="16"/>
      <c r="AF52" s="16"/>
      <c r="AG52" s="16"/>
      <c r="AH52" s="16"/>
      <c r="AI52" s="16"/>
      <c r="AJ52" s="16"/>
      <c r="AK52" s="16"/>
    </row>
    <row r="53" spans="1:37" x14ac:dyDescent="0.15">
      <c r="A53" s="16"/>
      <c r="B53" s="8" t="s">
        <v>506</v>
      </c>
      <c r="E53" s="16"/>
      <c r="F53" s="16"/>
      <c r="G53" s="16"/>
      <c r="H53" s="16"/>
      <c r="I53" s="16"/>
      <c r="J53" s="16"/>
      <c r="K53" s="16"/>
      <c r="L53" s="16"/>
      <c r="M53" s="16"/>
      <c r="N53" s="16"/>
      <c r="O53" s="16"/>
      <c r="P53" s="16"/>
      <c r="Q53" s="16"/>
      <c r="R53" s="16"/>
      <c r="S53" s="16"/>
      <c r="T53" s="16"/>
      <c r="U53" s="16"/>
      <c r="V53" s="16"/>
      <c r="W53" s="16"/>
      <c r="X53" s="16"/>
      <c r="Y53" s="16"/>
      <c r="Z53" s="16"/>
      <c r="AA53" s="16"/>
      <c r="AB53" s="16"/>
      <c r="AC53" s="16"/>
      <c r="AD53" s="16"/>
      <c r="AE53" s="16"/>
      <c r="AF53" s="16"/>
      <c r="AG53" s="16"/>
      <c r="AH53" s="16"/>
      <c r="AI53" s="16"/>
      <c r="AJ53" s="16"/>
      <c r="AK53" s="16"/>
    </row>
    <row r="122" spans="3:7" x14ac:dyDescent="0.15">
      <c r="C122" s="172"/>
      <c r="D122" s="172"/>
      <c r="E122" s="172"/>
      <c r="F122" s="172"/>
      <c r="G122" s="172"/>
    </row>
    <row r="123" spans="3:7" x14ac:dyDescent="0.15">
      <c r="C123" s="157"/>
    </row>
  </sheetData>
  <mergeCells count="25">
    <mergeCell ref="C26:D26"/>
    <mergeCell ref="E26:T26"/>
    <mergeCell ref="D32:M32"/>
    <mergeCell ref="C50:T50"/>
    <mergeCell ref="D36:M36"/>
    <mergeCell ref="D40:M40"/>
    <mergeCell ref="B4:Y4"/>
    <mergeCell ref="B6:F6"/>
    <mergeCell ref="G6:Y6"/>
    <mergeCell ref="B7:F7"/>
    <mergeCell ref="B8:F9"/>
    <mergeCell ref="D15:K15"/>
    <mergeCell ref="L15:N15"/>
    <mergeCell ref="C19:T19"/>
    <mergeCell ref="E23:R23"/>
    <mergeCell ref="E24:R24"/>
    <mergeCell ref="E25:R25"/>
    <mergeCell ref="H8:Y8"/>
    <mergeCell ref="H9:Y9"/>
    <mergeCell ref="D44:F44"/>
    <mergeCell ref="G44:S44"/>
    <mergeCell ref="D45:F45"/>
    <mergeCell ref="G45:S45"/>
    <mergeCell ref="D46:F46"/>
    <mergeCell ref="G46:S46"/>
  </mergeCells>
  <phoneticPr fontId="2"/>
  <dataValidations count="1">
    <dataValidation type="list" allowBlank="1" showInputMessage="1" showErrorMessage="1" sqref="G7:G9 L7 Q7 V40 X40 V50 X50 V17 X17 X21 X19 V19 V21 X48 AB49 V48 Z49">
      <formula1>"□,■"</formula1>
    </dataValidation>
  </dataValidations>
  <pageMargins left="0.7" right="0.7" top="0.75" bottom="0.75" header="0.3" footer="0.3"/>
  <pageSetup paperSize="9" scale="92" orientation="portrait" r:id="rId1"/>
  <colBreaks count="1" manualBreakCount="1">
    <brk id="27" max="1048575" man="1"/>
  </colBreaks>
</worksheet>
</file>

<file path=xl/worksheets/sheet6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AB123"/>
  <sheetViews>
    <sheetView view="pageBreakPreview" zoomScaleNormal="100" zoomScaleSheetLayoutView="100" workbookViewId="0">
      <selection activeCell="C87" sqref="C87"/>
    </sheetView>
  </sheetViews>
  <sheetFormatPr defaultColWidth="4" defaultRowHeight="13.5" x14ac:dyDescent="0.15"/>
  <cols>
    <col min="1" max="1" width="1.5" style="8" customWidth="1"/>
    <col min="2" max="2" width="2.375" style="8" customWidth="1"/>
    <col min="3" max="3" width="1.125" style="8" customWidth="1"/>
    <col min="4" max="4" width="4" style="18"/>
    <col min="5" max="20" width="4" style="8"/>
    <col min="21" max="21" width="2.375" style="8" customWidth="1"/>
    <col min="22" max="22" width="4" style="8"/>
    <col min="23" max="23" width="2.25" style="8" customWidth="1"/>
    <col min="24" max="24" width="4" style="8"/>
    <col min="25" max="25" width="2.375" style="8" customWidth="1"/>
    <col min="26" max="26" width="1.5" style="8" customWidth="1"/>
    <col min="27" max="16384" width="4" style="8"/>
  </cols>
  <sheetData>
    <row r="2" spans="2:28" x14ac:dyDescent="0.15">
      <c r="B2" s="8" t="s">
        <v>1701</v>
      </c>
      <c r="C2"/>
      <c r="D2" s="632"/>
      <c r="E2"/>
      <c r="F2"/>
      <c r="G2"/>
      <c r="H2"/>
      <c r="I2"/>
      <c r="J2"/>
      <c r="K2"/>
      <c r="L2"/>
      <c r="M2"/>
      <c r="N2"/>
      <c r="O2"/>
      <c r="P2"/>
      <c r="Q2"/>
      <c r="R2"/>
      <c r="S2"/>
      <c r="T2"/>
      <c r="U2"/>
      <c r="V2"/>
      <c r="W2"/>
      <c r="X2"/>
      <c r="Y2"/>
    </row>
    <row r="4" spans="2:28" x14ac:dyDescent="0.15">
      <c r="B4" s="778" t="s">
        <v>1700</v>
      </c>
      <c r="C4" s="778"/>
      <c r="D4" s="778"/>
      <c r="E4" s="778"/>
      <c r="F4" s="778"/>
      <c r="G4" s="778"/>
      <c r="H4" s="778"/>
      <c r="I4" s="778"/>
      <c r="J4" s="778"/>
      <c r="K4" s="778"/>
      <c r="L4" s="778"/>
      <c r="M4" s="778"/>
      <c r="N4" s="778"/>
      <c r="O4" s="778"/>
      <c r="P4" s="778"/>
      <c r="Q4" s="778"/>
      <c r="R4" s="778"/>
      <c r="S4" s="778"/>
      <c r="T4" s="778"/>
      <c r="U4" s="778"/>
      <c r="V4" s="778"/>
      <c r="W4" s="778"/>
      <c r="X4" s="778"/>
      <c r="Y4" s="778"/>
    </row>
    <row r="6" spans="2:28" ht="23.25" customHeight="1" x14ac:dyDescent="0.15">
      <c r="B6" s="790" t="s">
        <v>531</v>
      </c>
      <c r="C6" s="790"/>
      <c r="D6" s="790"/>
      <c r="E6" s="790"/>
      <c r="F6" s="790"/>
      <c r="G6" s="791"/>
      <c r="H6" s="792"/>
      <c r="I6" s="792"/>
      <c r="J6" s="792"/>
      <c r="K6" s="792"/>
      <c r="L6" s="792"/>
      <c r="M6" s="792"/>
      <c r="N6" s="792"/>
      <c r="O6" s="792"/>
      <c r="P6" s="792"/>
      <c r="Q6" s="792"/>
      <c r="R6" s="792"/>
      <c r="S6" s="792"/>
      <c r="T6" s="792"/>
      <c r="U6" s="792"/>
      <c r="V6" s="792"/>
      <c r="W6" s="792"/>
      <c r="X6" s="792"/>
      <c r="Y6" s="793"/>
    </row>
    <row r="7" spans="2:28" ht="23.25" customHeight="1" x14ac:dyDescent="0.15">
      <c r="B7" s="790" t="s">
        <v>481</v>
      </c>
      <c r="C7" s="790"/>
      <c r="D7" s="790"/>
      <c r="E7" s="790"/>
      <c r="F7" s="790"/>
      <c r="G7" s="177" t="s">
        <v>0</v>
      </c>
      <c r="H7" s="168" t="s">
        <v>242</v>
      </c>
      <c r="I7" s="168"/>
      <c r="J7" s="168"/>
      <c r="K7" s="168"/>
      <c r="L7" s="177" t="s">
        <v>0</v>
      </c>
      <c r="M7" s="168" t="s">
        <v>241</v>
      </c>
      <c r="N7" s="168"/>
      <c r="O7" s="168"/>
      <c r="P7" s="168"/>
      <c r="Q7" s="177" t="s">
        <v>0</v>
      </c>
      <c r="R7" s="168" t="s">
        <v>240</v>
      </c>
      <c r="S7" s="168"/>
      <c r="T7" s="168"/>
      <c r="U7" s="168"/>
      <c r="V7" s="168"/>
      <c r="W7" s="181"/>
      <c r="X7" s="181"/>
      <c r="Y7" s="197"/>
    </row>
    <row r="9" spans="2:28" x14ac:dyDescent="0.15">
      <c r="B9" s="158"/>
      <c r="C9" s="157"/>
      <c r="D9" s="194"/>
      <c r="E9" s="157"/>
      <c r="F9" s="157"/>
      <c r="G9" s="157"/>
      <c r="H9" s="157"/>
      <c r="I9" s="157"/>
      <c r="J9" s="157"/>
      <c r="K9" s="157"/>
      <c r="L9" s="157"/>
      <c r="M9" s="157"/>
      <c r="N9" s="157"/>
      <c r="O9" s="157"/>
      <c r="P9" s="157"/>
      <c r="Q9" s="157"/>
      <c r="R9" s="157"/>
      <c r="S9" s="157"/>
      <c r="T9" s="156"/>
      <c r="U9" s="157"/>
      <c r="V9" s="157"/>
      <c r="W9" s="157"/>
      <c r="X9" s="157"/>
      <c r="Y9" s="156"/>
      <c r="Z9"/>
      <c r="AA9"/>
      <c r="AB9"/>
    </row>
    <row r="10" spans="2:28" x14ac:dyDescent="0.15">
      <c r="B10" s="9" t="s">
        <v>1699</v>
      </c>
      <c r="T10" s="149"/>
      <c r="V10" s="152" t="s">
        <v>227</v>
      </c>
      <c r="W10" s="152" t="s">
        <v>217</v>
      </c>
      <c r="X10" s="152" t="s">
        <v>226</v>
      </c>
      <c r="Y10" s="149"/>
      <c r="Z10"/>
      <c r="AA10"/>
      <c r="AB10"/>
    </row>
    <row r="11" spans="2:28" x14ac:dyDescent="0.15">
      <c r="B11" s="9"/>
      <c r="T11" s="149"/>
      <c r="Y11" s="149"/>
      <c r="Z11"/>
      <c r="AA11"/>
      <c r="AB11"/>
    </row>
    <row r="12" spans="2:28" ht="17.25" customHeight="1" x14ac:dyDescent="0.15">
      <c r="B12" s="9"/>
      <c r="D12" s="18" t="s">
        <v>279</v>
      </c>
      <c r="E12" s="809" t="s">
        <v>1698</v>
      </c>
      <c r="F12" s="809"/>
      <c r="G12" s="809"/>
      <c r="H12" s="809"/>
      <c r="I12" s="809"/>
      <c r="J12" s="809"/>
      <c r="K12" s="809"/>
      <c r="L12" s="809"/>
      <c r="M12" s="809"/>
      <c r="N12" s="809"/>
      <c r="O12" s="809"/>
      <c r="P12" s="809"/>
      <c r="Q12" s="809"/>
      <c r="R12" s="809"/>
      <c r="S12" s="809"/>
      <c r="T12" s="821"/>
      <c r="V12" s="18" t="s">
        <v>0</v>
      </c>
      <c r="W12" s="18" t="s">
        <v>217</v>
      </c>
      <c r="X12" s="18" t="s">
        <v>0</v>
      </c>
      <c r="Y12" s="150"/>
    </row>
    <row r="13" spans="2:28" ht="10.5" customHeight="1" x14ac:dyDescent="0.15">
      <c r="B13" s="9"/>
      <c r="T13" s="149"/>
      <c r="V13" s="18"/>
      <c r="W13" s="18"/>
      <c r="X13" s="18"/>
      <c r="Y13" s="174"/>
    </row>
    <row r="14" spans="2:28" ht="30.75" customHeight="1" x14ac:dyDescent="0.15">
      <c r="B14" s="9"/>
      <c r="D14" s="18" t="s">
        <v>277</v>
      </c>
      <c r="E14" s="789" t="s">
        <v>1697</v>
      </c>
      <c r="F14" s="789"/>
      <c r="G14" s="789"/>
      <c r="H14" s="789"/>
      <c r="I14" s="789"/>
      <c r="J14" s="789"/>
      <c r="K14" s="789"/>
      <c r="L14" s="789"/>
      <c r="M14" s="789"/>
      <c r="N14" s="789"/>
      <c r="O14" s="789"/>
      <c r="P14" s="789"/>
      <c r="Q14" s="789"/>
      <c r="R14" s="789"/>
      <c r="S14" s="789"/>
      <c r="T14" s="805"/>
      <c r="V14" s="18" t="s">
        <v>0</v>
      </c>
      <c r="W14" s="18" t="s">
        <v>217</v>
      </c>
      <c r="X14" s="18" t="s">
        <v>0</v>
      </c>
      <c r="Y14" s="150"/>
    </row>
    <row r="15" spans="2:28" ht="9" customHeight="1" x14ac:dyDescent="0.15">
      <c r="B15" s="9"/>
      <c r="T15" s="149"/>
      <c r="V15" s="18"/>
      <c r="W15" s="18"/>
      <c r="X15" s="18"/>
      <c r="Y15" s="174"/>
    </row>
    <row r="16" spans="2:28" ht="41.25" customHeight="1" x14ac:dyDescent="0.15">
      <c r="B16" s="9"/>
      <c r="D16" s="18" t="s">
        <v>293</v>
      </c>
      <c r="E16" s="789" t="s">
        <v>1696</v>
      </c>
      <c r="F16" s="789"/>
      <c r="G16" s="789"/>
      <c r="H16" s="789"/>
      <c r="I16" s="789"/>
      <c r="J16" s="789"/>
      <c r="K16" s="789"/>
      <c r="L16" s="789"/>
      <c r="M16" s="789"/>
      <c r="N16" s="789"/>
      <c r="O16" s="789"/>
      <c r="P16" s="789"/>
      <c r="Q16" s="789"/>
      <c r="R16" s="789"/>
      <c r="S16" s="789"/>
      <c r="T16" s="805"/>
      <c r="V16" s="18" t="s">
        <v>0</v>
      </c>
      <c r="W16" s="18" t="s">
        <v>217</v>
      </c>
      <c r="X16" s="18" t="s">
        <v>0</v>
      </c>
      <c r="Y16" s="150"/>
    </row>
    <row r="17" spans="2:28" ht="7.5" customHeight="1" x14ac:dyDescent="0.15">
      <c r="B17" s="9"/>
      <c r="T17" s="149"/>
      <c r="V17" s="16"/>
      <c r="W17" s="16"/>
      <c r="X17" s="16"/>
      <c r="Y17" s="150"/>
    </row>
    <row r="18" spans="2:28" ht="17.25" customHeight="1" x14ac:dyDescent="0.15">
      <c r="B18" s="9"/>
      <c r="D18" s="18" t="s">
        <v>513</v>
      </c>
      <c r="E18" s="809" t="s">
        <v>522</v>
      </c>
      <c r="F18" s="809"/>
      <c r="G18" s="809"/>
      <c r="H18" s="809"/>
      <c r="I18" s="809"/>
      <c r="J18" s="809"/>
      <c r="K18" s="809"/>
      <c r="L18" s="809"/>
      <c r="M18" s="809"/>
      <c r="N18" s="809"/>
      <c r="O18" s="809"/>
      <c r="P18" s="809"/>
      <c r="Q18" s="809"/>
      <c r="R18" s="809"/>
      <c r="S18" s="809"/>
      <c r="T18" s="821"/>
      <c r="V18" s="18" t="s">
        <v>0</v>
      </c>
      <c r="W18" s="18" t="s">
        <v>217</v>
      </c>
      <c r="X18" s="18" t="s">
        <v>0</v>
      </c>
      <c r="Y18" s="150"/>
    </row>
    <row r="19" spans="2:28" ht="6.75" customHeight="1" x14ac:dyDescent="0.15">
      <c r="B19" s="9"/>
      <c r="T19" s="149"/>
      <c r="Y19" s="149"/>
    </row>
    <row r="20" spans="2:28" ht="36" customHeight="1" x14ac:dyDescent="0.15">
      <c r="B20" s="9"/>
      <c r="D20" s="18" t="s">
        <v>511</v>
      </c>
      <c r="E20" s="789" t="s">
        <v>1695</v>
      </c>
      <c r="F20" s="789"/>
      <c r="G20" s="789"/>
      <c r="H20" s="789"/>
      <c r="I20" s="789"/>
      <c r="J20" s="789"/>
      <c r="K20" s="789"/>
      <c r="L20" s="789"/>
      <c r="M20" s="789"/>
      <c r="N20" s="789"/>
      <c r="O20" s="789"/>
      <c r="P20" s="789"/>
      <c r="Q20" s="789"/>
      <c r="R20" s="789"/>
      <c r="S20" s="789"/>
      <c r="T20" s="805"/>
      <c r="V20" s="18" t="s">
        <v>0</v>
      </c>
      <c r="W20" s="18" t="s">
        <v>217</v>
      </c>
      <c r="X20" s="18" t="s">
        <v>0</v>
      </c>
      <c r="Y20" s="150"/>
    </row>
    <row r="21" spans="2:28" ht="6.75" customHeight="1" x14ac:dyDescent="0.15">
      <c r="B21" s="173"/>
      <c r="C21" s="172"/>
      <c r="D21" s="143"/>
      <c r="E21" s="172"/>
      <c r="F21" s="172"/>
      <c r="G21" s="172"/>
      <c r="H21" s="172"/>
      <c r="I21" s="172"/>
      <c r="J21" s="172"/>
      <c r="K21" s="172"/>
      <c r="L21" s="172"/>
      <c r="M21" s="172"/>
      <c r="N21" s="172"/>
      <c r="O21" s="172"/>
      <c r="P21" s="172"/>
      <c r="Q21" s="172"/>
      <c r="R21" s="172"/>
      <c r="S21" s="172"/>
      <c r="T21" s="171"/>
      <c r="U21" s="172"/>
      <c r="V21" s="172"/>
      <c r="W21" s="172"/>
      <c r="X21" s="172"/>
      <c r="Y21" s="171"/>
    </row>
    <row r="22" spans="2:28" ht="6.75" customHeight="1" x14ac:dyDescent="0.15"/>
    <row r="23" spans="2:28" ht="35.25" customHeight="1" x14ac:dyDescent="0.15">
      <c r="B23" s="778" t="s">
        <v>303</v>
      </c>
      <c r="C23" s="778"/>
      <c r="D23" s="778"/>
      <c r="E23" s="789" t="s">
        <v>1694</v>
      </c>
      <c r="F23" s="789"/>
      <c r="G23" s="789"/>
      <c r="H23" s="789"/>
      <c r="I23" s="789"/>
      <c r="J23" s="789"/>
      <c r="K23" s="789"/>
      <c r="L23" s="789"/>
      <c r="M23" s="789"/>
      <c r="N23" s="789"/>
      <c r="O23" s="789"/>
      <c r="P23" s="789"/>
      <c r="Q23" s="789"/>
      <c r="R23" s="789"/>
      <c r="S23" s="789"/>
      <c r="T23" s="789"/>
      <c r="U23" s="789"/>
      <c r="V23" s="789"/>
      <c r="W23" s="789"/>
      <c r="X23" s="789"/>
      <c r="Y23" s="789"/>
    </row>
    <row r="24" spans="2:28" ht="24.75" customHeight="1" x14ac:dyDescent="0.15">
      <c r="B24" s="778" t="s">
        <v>338</v>
      </c>
      <c r="C24" s="778"/>
      <c r="D24" s="778"/>
      <c r="E24" s="789" t="s">
        <v>602</v>
      </c>
      <c r="F24" s="789"/>
      <c r="G24" s="789"/>
      <c r="H24" s="789"/>
      <c r="I24" s="789"/>
      <c r="J24" s="789"/>
      <c r="K24" s="789"/>
      <c r="L24" s="789"/>
      <c r="M24" s="789"/>
      <c r="N24" s="789"/>
      <c r="O24" s="789"/>
      <c r="P24" s="789"/>
      <c r="Q24" s="789"/>
      <c r="R24" s="789"/>
      <c r="S24" s="789"/>
      <c r="T24" s="789"/>
      <c r="U24" s="789"/>
      <c r="V24" s="789"/>
      <c r="W24" s="789"/>
      <c r="X24" s="789"/>
      <c r="Y24" s="789"/>
      <c r="Z24" s="14"/>
    </row>
    <row r="25" spans="2:28" ht="7.5" customHeight="1" x14ac:dyDescent="0.15">
      <c r="K25"/>
      <c r="L25"/>
      <c r="M25"/>
      <c r="N25"/>
      <c r="O25"/>
      <c r="P25"/>
      <c r="Q25"/>
      <c r="R25"/>
      <c r="S25"/>
      <c r="T25"/>
      <c r="U25"/>
      <c r="V25"/>
      <c r="W25"/>
      <c r="X25"/>
      <c r="Y25"/>
      <c r="Z25"/>
      <c r="AA25"/>
      <c r="AB25"/>
    </row>
    <row r="122" spans="3:7" x14ac:dyDescent="0.15">
      <c r="C122" s="172"/>
      <c r="D122" s="143"/>
      <c r="E122" s="172"/>
      <c r="F122" s="172"/>
      <c r="G122" s="172"/>
    </row>
    <row r="123" spans="3:7" x14ac:dyDescent="0.15">
      <c r="C123" s="157"/>
    </row>
  </sheetData>
  <mergeCells count="13">
    <mergeCell ref="E20:T20"/>
    <mergeCell ref="B23:D23"/>
    <mergeCell ref="E23:Y23"/>
    <mergeCell ref="B24:D24"/>
    <mergeCell ref="E24:Y24"/>
    <mergeCell ref="E14:T14"/>
    <mergeCell ref="E16:T16"/>
    <mergeCell ref="E18:T18"/>
    <mergeCell ref="B4:Y4"/>
    <mergeCell ref="B6:F6"/>
    <mergeCell ref="G6:Y6"/>
    <mergeCell ref="B7:F7"/>
    <mergeCell ref="E12:T12"/>
  </mergeCells>
  <phoneticPr fontId="2"/>
  <dataValidations count="1">
    <dataValidation type="list" allowBlank="1" showInputMessage="1" showErrorMessage="1" sqref="V12 X12 V14 X14 V16 X16 V18 X18 V20 X20 G7 L7 Q7">
      <formula1>"□,■"</formula1>
    </dataValidation>
  </dataValidations>
  <pageMargins left="0.7" right="0.7" top="0.75" bottom="0.75" header="0.3" footer="0.3"/>
  <pageSetup paperSize="9" orientation="portrait" r:id="rId1"/>
</worksheet>
</file>

<file path=xl/worksheets/sheet6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AB123"/>
  <sheetViews>
    <sheetView zoomScaleNormal="100" workbookViewId="0">
      <selection activeCell="C87" sqref="C87"/>
    </sheetView>
  </sheetViews>
  <sheetFormatPr defaultColWidth="4" defaultRowHeight="13.5" x14ac:dyDescent="0.15"/>
  <cols>
    <col min="1" max="1" width="1.5" style="8" customWidth="1"/>
    <col min="2" max="2" width="2.375" style="8" customWidth="1"/>
    <col min="3" max="3" width="1.125" style="8" customWidth="1"/>
    <col min="4" max="17" width="4" style="8"/>
    <col min="18" max="18" width="5.125" style="8" customWidth="1"/>
    <col min="19" max="19" width="8.125" style="8" customWidth="1"/>
    <col min="20" max="20" width="4" style="8"/>
    <col min="21" max="21" width="2.375" style="8" customWidth="1"/>
    <col min="22" max="22" width="4" style="8"/>
    <col min="23" max="23" width="2.25" style="8" customWidth="1"/>
    <col min="24" max="24" width="4" style="8"/>
    <col min="25" max="25" width="2.375" style="8" customWidth="1"/>
    <col min="26" max="26" width="1.5" style="8" customWidth="1"/>
    <col min="27" max="16384" width="4" style="8"/>
  </cols>
  <sheetData>
    <row r="2" spans="2:25" x14ac:dyDescent="0.15">
      <c r="B2" s="8" t="s">
        <v>1724</v>
      </c>
      <c r="C2"/>
      <c r="D2"/>
      <c r="E2"/>
      <c r="F2"/>
      <c r="G2"/>
      <c r="H2"/>
      <c r="I2"/>
      <c r="J2"/>
      <c r="K2"/>
      <c r="L2"/>
      <c r="M2"/>
      <c r="N2"/>
      <c r="O2"/>
      <c r="P2"/>
      <c r="Q2"/>
      <c r="R2"/>
      <c r="S2"/>
      <c r="T2"/>
      <c r="U2"/>
      <c r="V2"/>
      <c r="W2"/>
      <c r="X2"/>
      <c r="Y2"/>
    </row>
    <row r="4" spans="2:25" x14ac:dyDescent="0.15">
      <c r="B4" s="778" t="s">
        <v>1723</v>
      </c>
      <c r="C4" s="778"/>
      <c r="D4" s="778"/>
      <c r="E4" s="778"/>
      <c r="F4" s="778"/>
      <c r="G4" s="778"/>
      <c r="H4" s="778"/>
      <c r="I4" s="778"/>
      <c r="J4" s="778"/>
      <c r="K4" s="778"/>
      <c r="L4" s="778"/>
      <c r="M4" s="778"/>
      <c r="N4" s="778"/>
      <c r="O4" s="778"/>
      <c r="P4" s="778"/>
      <c r="Q4" s="778"/>
      <c r="R4" s="778"/>
      <c r="S4" s="778"/>
      <c r="T4" s="778"/>
      <c r="U4" s="778"/>
      <c r="V4" s="778"/>
      <c r="W4" s="778"/>
      <c r="X4" s="778"/>
      <c r="Y4" s="778"/>
    </row>
    <row r="6" spans="2:25" ht="23.25" customHeight="1" x14ac:dyDescent="0.15">
      <c r="B6" s="790" t="s">
        <v>531</v>
      </c>
      <c r="C6" s="790"/>
      <c r="D6" s="790"/>
      <c r="E6" s="790"/>
      <c r="F6" s="790"/>
      <c r="G6" s="791"/>
      <c r="H6" s="792"/>
      <c r="I6" s="792"/>
      <c r="J6" s="792"/>
      <c r="K6" s="792"/>
      <c r="L6" s="792"/>
      <c r="M6" s="792"/>
      <c r="N6" s="792"/>
      <c r="O6" s="792"/>
      <c r="P6" s="792"/>
      <c r="Q6" s="792"/>
      <c r="R6" s="792"/>
      <c r="S6" s="792"/>
      <c r="T6" s="792"/>
      <c r="U6" s="792"/>
      <c r="V6" s="792"/>
      <c r="W6" s="792"/>
      <c r="X6" s="792"/>
      <c r="Y6" s="793"/>
    </row>
    <row r="7" spans="2:25" ht="23.25" customHeight="1" x14ac:dyDescent="0.15">
      <c r="B7" s="790" t="s">
        <v>481</v>
      </c>
      <c r="C7" s="790"/>
      <c r="D7" s="790"/>
      <c r="E7" s="790"/>
      <c r="F7" s="790"/>
      <c r="G7" s="177" t="s">
        <v>0</v>
      </c>
      <c r="H7" s="168" t="s">
        <v>242</v>
      </c>
      <c r="I7" s="168"/>
      <c r="J7" s="168"/>
      <c r="K7" s="168"/>
      <c r="L7" s="177" t="s">
        <v>0</v>
      </c>
      <c r="M7" s="168" t="s">
        <v>241</v>
      </c>
      <c r="N7" s="168"/>
      <c r="O7" s="168"/>
      <c r="P7" s="168"/>
      <c r="Q7" s="177" t="s">
        <v>0</v>
      </c>
      <c r="R7" s="168" t="s">
        <v>240</v>
      </c>
      <c r="S7" s="168"/>
      <c r="T7" s="168"/>
      <c r="U7" s="168"/>
      <c r="V7" s="168"/>
      <c r="W7" s="181"/>
      <c r="X7" s="181"/>
      <c r="Y7" s="197"/>
    </row>
    <row r="8" spans="2:25" ht="20.100000000000001" customHeight="1" x14ac:dyDescent="0.15">
      <c r="B8" s="783" t="s">
        <v>318</v>
      </c>
      <c r="C8" s="784"/>
      <c r="D8" s="784"/>
      <c r="E8" s="784"/>
      <c r="F8" s="785"/>
      <c r="G8" s="250" t="s">
        <v>0</v>
      </c>
      <c r="H8" s="907" t="s">
        <v>1722</v>
      </c>
      <c r="I8" s="907"/>
      <c r="J8" s="907"/>
      <c r="K8" s="907"/>
      <c r="L8" s="907"/>
      <c r="M8" s="907"/>
      <c r="N8" s="907"/>
      <c r="O8" s="907"/>
      <c r="P8" s="907"/>
      <c r="Q8" s="907"/>
      <c r="R8" s="907"/>
      <c r="S8" s="907"/>
      <c r="T8" s="907"/>
      <c r="U8" s="907"/>
      <c r="V8" s="907"/>
      <c r="W8" s="907"/>
      <c r="X8" s="907"/>
      <c r="Y8" s="908"/>
    </row>
    <row r="9" spans="2:25" ht="20.100000000000001" customHeight="1" x14ac:dyDescent="0.15">
      <c r="B9" s="810"/>
      <c r="C9" s="778"/>
      <c r="D9" s="778"/>
      <c r="E9" s="778"/>
      <c r="F9" s="811"/>
      <c r="G9" s="151" t="s">
        <v>0</v>
      </c>
      <c r="H9" s="809" t="s">
        <v>1721</v>
      </c>
      <c r="I9" s="809"/>
      <c r="J9" s="809"/>
      <c r="K9" s="809"/>
      <c r="L9" s="809"/>
      <c r="M9" s="809"/>
      <c r="N9" s="809"/>
      <c r="O9" s="809"/>
      <c r="P9" s="809"/>
      <c r="Q9" s="809"/>
      <c r="R9" s="809"/>
      <c r="S9" s="809"/>
      <c r="T9" s="809"/>
      <c r="U9" s="809"/>
      <c r="V9" s="809"/>
      <c r="W9" s="809"/>
      <c r="X9" s="809"/>
      <c r="Y9" s="821"/>
    </row>
    <row r="10" spans="2:25" ht="20.100000000000001" customHeight="1" x14ac:dyDescent="0.15">
      <c r="B10" s="786"/>
      <c r="C10" s="787"/>
      <c r="D10" s="787"/>
      <c r="E10" s="787"/>
      <c r="F10" s="788"/>
      <c r="G10" s="163" t="s">
        <v>0</v>
      </c>
      <c r="H10" s="910" t="s">
        <v>1720</v>
      </c>
      <c r="I10" s="910"/>
      <c r="J10" s="910"/>
      <c r="K10" s="910"/>
      <c r="L10" s="910"/>
      <c r="M10" s="910"/>
      <c r="N10" s="910"/>
      <c r="O10" s="910"/>
      <c r="P10" s="910"/>
      <c r="Q10" s="910"/>
      <c r="R10" s="910"/>
      <c r="S10" s="910"/>
      <c r="T10" s="910"/>
      <c r="U10" s="910"/>
      <c r="V10" s="910"/>
      <c r="W10" s="910"/>
      <c r="X10" s="910"/>
      <c r="Y10" s="911"/>
    </row>
    <row r="11" spans="2:25" ht="10.5" customHeight="1" x14ac:dyDescent="0.15">
      <c r="B11" s="18"/>
      <c r="C11" s="18"/>
      <c r="D11" s="18"/>
      <c r="E11" s="18"/>
      <c r="F11" s="18"/>
      <c r="G11" s="16"/>
      <c r="I11" s="154"/>
      <c r="J11" s="154"/>
      <c r="K11" s="154"/>
      <c r="L11" s="154"/>
      <c r="M11" s="154"/>
      <c r="N11" s="154"/>
      <c r="O11" s="154"/>
      <c r="P11" s="154"/>
      <c r="Q11" s="154"/>
      <c r="R11" s="154"/>
      <c r="S11" s="154"/>
      <c r="T11" s="154"/>
      <c r="U11" s="154"/>
      <c r="V11" s="154"/>
      <c r="W11" s="154"/>
      <c r="X11" s="154"/>
      <c r="Y11" s="154"/>
    </row>
    <row r="12" spans="2:25" ht="15.75" customHeight="1" x14ac:dyDescent="0.15">
      <c r="B12" s="158"/>
      <c r="C12" s="194"/>
      <c r="D12" s="194"/>
      <c r="E12" s="194"/>
      <c r="F12" s="194"/>
      <c r="G12" s="166"/>
      <c r="H12" s="157"/>
      <c r="I12" s="259"/>
      <c r="J12" s="259"/>
      <c r="K12" s="259"/>
      <c r="L12" s="259"/>
      <c r="M12" s="259"/>
      <c r="N12" s="259"/>
      <c r="O12" s="259"/>
      <c r="P12" s="259"/>
      <c r="Q12" s="259"/>
      <c r="R12" s="259"/>
      <c r="S12" s="259"/>
      <c r="T12" s="258"/>
      <c r="U12" s="158"/>
      <c r="V12" s="278"/>
      <c r="W12" s="278"/>
      <c r="X12" s="278"/>
      <c r="Y12" s="156"/>
    </row>
    <row r="13" spans="2:25" ht="15.75" customHeight="1" x14ac:dyDescent="0.15">
      <c r="B13" s="9" t="s">
        <v>1719</v>
      </c>
      <c r="C13" s="18"/>
      <c r="D13" s="18"/>
      <c r="E13" s="18"/>
      <c r="F13" s="18"/>
      <c r="G13" s="16"/>
      <c r="I13" s="154"/>
      <c r="J13" s="154"/>
      <c r="K13" s="154"/>
      <c r="L13" s="154"/>
      <c r="M13" s="154"/>
      <c r="N13" s="154"/>
      <c r="O13" s="154"/>
      <c r="P13" s="154"/>
      <c r="Q13" s="154"/>
      <c r="R13" s="154"/>
      <c r="S13" s="154"/>
      <c r="T13" s="154"/>
      <c r="U13" s="9"/>
      <c r="V13" s="152" t="s">
        <v>227</v>
      </c>
      <c r="W13" s="152" t="s">
        <v>217</v>
      </c>
      <c r="X13" s="152" t="s">
        <v>226</v>
      </c>
      <c r="Y13" s="149"/>
    </row>
    <row r="14" spans="2:25" ht="9.75" customHeight="1" x14ac:dyDescent="0.15">
      <c r="B14" s="9"/>
      <c r="C14" s="18"/>
      <c r="D14" s="18"/>
      <c r="E14" s="18"/>
      <c r="F14" s="18"/>
      <c r="G14" s="16"/>
      <c r="I14" s="154"/>
      <c r="J14" s="154"/>
      <c r="K14" s="154"/>
      <c r="L14" s="154"/>
      <c r="M14" s="154"/>
      <c r="N14" s="154"/>
      <c r="O14" s="154"/>
      <c r="P14" s="154"/>
      <c r="Q14" s="154"/>
      <c r="R14" s="154"/>
      <c r="S14" s="154"/>
      <c r="T14" s="154"/>
      <c r="U14" s="9"/>
      <c r="V14" s="152"/>
      <c r="W14" s="152"/>
      <c r="X14" s="152"/>
      <c r="Y14" s="149"/>
    </row>
    <row r="15" spans="2:25" ht="15.75" customHeight="1" x14ac:dyDescent="0.15">
      <c r="B15" s="9"/>
      <c r="C15" s="8" t="s">
        <v>1718</v>
      </c>
      <c r="D15" s="18"/>
      <c r="E15" s="18"/>
      <c r="F15" s="18"/>
      <c r="G15" s="16"/>
      <c r="I15" s="154"/>
      <c r="J15" s="154"/>
      <c r="K15" s="154"/>
      <c r="L15" s="154"/>
      <c r="M15" s="154"/>
      <c r="N15" s="154"/>
      <c r="O15" s="154"/>
      <c r="P15" s="154"/>
      <c r="Q15" s="154"/>
      <c r="R15" s="154"/>
      <c r="S15" s="154"/>
      <c r="T15" s="154"/>
      <c r="U15" s="9"/>
      <c r="Y15" s="149"/>
    </row>
    <row r="16" spans="2:25" ht="31.5" customHeight="1" x14ac:dyDescent="0.15">
      <c r="B16" s="9"/>
      <c r="C16" s="818" t="s">
        <v>1717</v>
      </c>
      <c r="D16" s="818"/>
      <c r="E16" s="818"/>
      <c r="F16" s="824"/>
      <c r="G16" s="250" t="s">
        <v>279</v>
      </c>
      <c r="H16" s="907" t="s">
        <v>1716</v>
      </c>
      <c r="I16" s="907"/>
      <c r="J16" s="907"/>
      <c r="K16" s="907"/>
      <c r="L16" s="907"/>
      <c r="M16" s="907"/>
      <c r="N16" s="907"/>
      <c r="O16" s="907"/>
      <c r="P16" s="907"/>
      <c r="Q16" s="907"/>
      <c r="R16" s="907"/>
      <c r="S16" s="908"/>
      <c r="T16" s="16"/>
      <c r="U16" s="9"/>
      <c r="V16" s="18" t="s">
        <v>0</v>
      </c>
      <c r="W16" s="18" t="s">
        <v>217</v>
      </c>
      <c r="X16" s="18" t="s">
        <v>0</v>
      </c>
      <c r="Y16" s="150"/>
    </row>
    <row r="17" spans="2:25" ht="32.25" customHeight="1" x14ac:dyDescent="0.15">
      <c r="B17" s="20"/>
      <c r="C17" s="818"/>
      <c r="D17" s="818"/>
      <c r="E17" s="818"/>
      <c r="F17" s="824"/>
      <c r="G17" s="299" t="s">
        <v>277</v>
      </c>
      <c r="H17" s="779" t="s">
        <v>1715</v>
      </c>
      <c r="I17" s="779"/>
      <c r="J17" s="779"/>
      <c r="K17" s="779"/>
      <c r="L17" s="779"/>
      <c r="M17" s="779"/>
      <c r="N17" s="779"/>
      <c r="O17" s="779"/>
      <c r="P17" s="779"/>
      <c r="Q17" s="779"/>
      <c r="R17" s="779"/>
      <c r="S17" s="941"/>
      <c r="T17" s="14"/>
      <c r="U17" s="9"/>
      <c r="V17" s="18" t="s">
        <v>0</v>
      </c>
      <c r="W17" s="18" t="s">
        <v>217</v>
      </c>
      <c r="X17" s="18" t="s">
        <v>0</v>
      </c>
      <c r="Y17" s="174"/>
    </row>
    <row r="18" spans="2:25" ht="5.25" customHeight="1" x14ac:dyDescent="0.15">
      <c r="B18" s="20"/>
      <c r="C18" s="16"/>
      <c r="D18" s="16"/>
      <c r="E18" s="16"/>
      <c r="F18" s="16"/>
      <c r="U18" s="9"/>
      <c r="Y18" s="149"/>
    </row>
    <row r="19" spans="2:25" ht="17.25" customHeight="1" x14ac:dyDescent="0.15">
      <c r="B19" s="20"/>
      <c r="C19" s="16" t="s">
        <v>1714</v>
      </c>
      <c r="D19" s="16"/>
      <c r="E19" s="16"/>
      <c r="F19" s="16"/>
      <c r="U19" s="9"/>
      <c r="Y19" s="149"/>
    </row>
    <row r="20" spans="2:25" ht="32.25" customHeight="1" x14ac:dyDescent="0.15">
      <c r="B20" s="20"/>
      <c r="C20" s="818" t="s">
        <v>1707</v>
      </c>
      <c r="D20" s="790"/>
      <c r="E20" s="790"/>
      <c r="F20" s="780"/>
      <c r="G20" s="250" t="s">
        <v>279</v>
      </c>
      <c r="H20" s="938" t="s">
        <v>1713</v>
      </c>
      <c r="I20" s="938"/>
      <c r="J20" s="938"/>
      <c r="K20" s="938"/>
      <c r="L20" s="938"/>
      <c r="M20" s="938"/>
      <c r="N20" s="938"/>
      <c r="O20" s="938"/>
      <c r="P20" s="938"/>
      <c r="Q20" s="938"/>
      <c r="R20" s="938"/>
      <c r="S20" s="939"/>
      <c r="U20" s="9"/>
      <c r="V20" s="18" t="s">
        <v>0</v>
      </c>
      <c r="W20" s="18" t="s">
        <v>217</v>
      </c>
      <c r="X20" s="18" t="s">
        <v>0</v>
      </c>
      <c r="Y20" s="150"/>
    </row>
    <row r="21" spans="2:25" ht="31.5" customHeight="1" x14ac:dyDescent="0.15">
      <c r="B21" s="20"/>
      <c r="C21" s="790"/>
      <c r="D21" s="790"/>
      <c r="E21" s="790"/>
      <c r="F21" s="780"/>
      <c r="G21" s="163" t="s">
        <v>277</v>
      </c>
      <c r="H21" s="779" t="s">
        <v>1712</v>
      </c>
      <c r="I21" s="779"/>
      <c r="J21" s="779"/>
      <c r="K21" s="779"/>
      <c r="L21" s="779"/>
      <c r="M21" s="779"/>
      <c r="N21" s="779"/>
      <c r="O21" s="779"/>
      <c r="P21" s="779"/>
      <c r="Q21" s="779"/>
      <c r="R21" s="779"/>
      <c r="S21" s="941"/>
      <c r="U21" s="9"/>
      <c r="V21" s="18" t="s">
        <v>0</v>
      </c>
      <c r="W21" s="18" t="s">
        <v>217</v>
      </c>
      <c r="X21" s="18" t="s">
        <v>0</v>
      </c>
      <c r="Y21" s="150"/>
    </row>
    <row r="22" spans="2:25" ht="4.5" customHeight="1" x14ac:dyDescent="0.15">
      <c r="B22" s="20"/>
      <c r="C22" s="16"/>
      <c r="D22" s="16"/>
      <c r="E22" s="16"/>
      <c r="F22" s="16"/>
      <c r="U22" s="9"/>
      <c r="Y22" s="149"/>
    </row>
    <row r="23" spans="2:25" ht="17.25" customHeight="1" x14ac:dyDescent="0.15">
      <c r="B23" s="20"/>
      <c r="C23" s="16" t="s">
        <v>1711</v>
      </c>
      <c r="D23" s="16"/>
      <c r="E23" s="16"/>
      <c r="F23" s="16"/>
      <c r="U23" s="9"/>
      <c r="Y23" s="149"/>
    </row>
    <row r="24" spans="2:25" ht="31.5" customHeight="1" x14ac:dyDescent="0.15">
      <c r="B24" s="20"/>
      <c r="C24" s="818" t="s">
        <v>1707</v>
      </c>
      <c r="D24" s="790"/>
      <c r="E24" s="790"/>
      <c r="F24" s="780"/>
      <c r="G24" s="250" t="s">
        <v>279</v>
      </c>
      <c r="H24" s="938" t="s">
        <v>1710</v>
      </c>
      <c r="I24" s="938"/>
      <c r="J24" s="938"/>
      <c r="K24" s="938"/>
      <c r="L24" s="938"/>
      <c r="M24" s="938"/>
      <c r="N24" s="938"/>
      <c r="O24" s="938"/>
      <c r="P24" s="938"/>
      <c r="Q24" s="938"/>
      <c r="R24" s="938"/>
      <c r="S24" s="939"/>
      <c r="U24" s="9"/>
      <c r="V24" s="18" t="s">
        <v>0</v>
      </c>
      <c r="W24" s="18" t="s">
        <v>217</v>
      </c>
      <c r="X24" s="18" t="s">
        <v>0</v>
      </c>
      <c r="Y24" s="150"/>
    </row>
    <row r="25" spans="2:25" ht="44.25" customHeight="1" x14ac:dyDescent="0.15">
      <c r="B25" s="20"/>
      <c r="C25" s="790"/>
      <c r="D25" s="790"/>
      <c r="E25" s="790"/>
      <c r="F25" s="780"/>
      <c r="G25" s="163" t="s">
        <v>277</v>
      </c>
      <c r="H25" s="779" t="s">
        <v>1709</v>
      </c>
      <c r="I25" s="779"/>
      <c r="J25" s="779"/>
      <c r="K25" s="779"/>
      <c r="L25" s="779"/>
      <c r="M25" s="779"/>
      <c r="N25" s="779"/>
      <c r="O25" s="779"/>
      <c r="P25" s="779"/>
      <c r="Q25" s="779"/>
      <c r="R25" s="779"/>
      <c r="S25" s="941"/>
      <c r="U25" s="9"/>
      <c r="V25" s="18" t="s">
        <v>0</v>
      </c>
      <c r="W25" s="18" t="s">
        <v>217</v>
      </c>
      <c r="X25" s="18" t="s">
        <v>0</v>
      </c>
      <c r="Y25" s="150"/>
    </row>
    <row r="26" spans="2:25" ht="6.75" customHeight="1" x14ac:dyDescent="0.15">
      <c r="B26" s="20"/>
      <c r="C26" s="16"/>
      <c r="D26" s="16"/>
      <c r="E26" s="16"/>
      <c r="F26" s="16"/>
      <c r="G26" s="633"/>
      <c r="U26" s="9"/>
      <c r="Y26" s="149"/>
    </row>
    <row r="27" spans="2:25" ht="18" customHeight="1" x14ac:dyDescent="0.15">
      <c r="B27" s="20"/>
      <c r="C27" s="16" t="s">
        <v>1708</v>
      </c>
      <c r="E27" s="16"/>
      <c r="F27" s="16"/>
      <c r="U27" s="9"/>
      <c r="Y27" s="149"/>
    </row>
    <row r="28" spans="2:25" ht="31.5" customHeight="1" x14ac:dyDescent="0.15">
      <c r="B28" s="20"/>
      <c r="C28" s="818" t="s">
        <v>1707</v>
      </c>
      <c r="D28" s="790"/>
      <c r="E28" s="790"/>
      <c r="F28" s="780"/>
      <c r="G28" s="250" t="s">
        <v>279</v>
      </c>
      <c r="H28" s="938" t="s">
        <v>1706</v>
      </c>
      <c r="I28" s="938"/>
      <c r="J28" s="938"/>
      <c r="K28" s="938"/>
      <c r="L28" s="938"/>
      <c r="M28" s="938"/>
      <c r="N28" s="938"/>
      <c r="O28" s="938"/>
      <c r="P28" s="938"/>
      <c r="Q28" s="938"/>
      <c r="R28" s="938"/>
      <c r="S28" s="939"/>
      <c r="U28" s="9"/>
      <c r="V28" s="18" t="s">
        <v>0</v>
      </c>
      <c r="W28" s="18" t="s">
        <v>217</v>
      </c>
      <c r="X28" s="18" t="s">
        <v>0</v>
      </c>
      <c r="Y28" s="150"/>
    </row>
    <row r="29" spans="2:25" ht="29.25" customHeight="1" x14ac:dyDescent="0.15">
      <c r="B29" s="20"/>
      <c r="C29" s="790"/>
      <c r="D29" s="790"/>
      <c r="E29" s="790"/>
      <c r="F29" s="780"/>
      <c r="G29" s="163" t="s">
        <v>277</v>
      </c>
      <c r="H29" s="910" t="s">
        <v>1705</v>
      </c>
      <c r="I29" s="910"/>
      <c r="J29" s="910"/>
      <c r="K29" s="910"/>
      <c r="L29" s="910"/>
      <c r="M29" s="910"/>
      <c r="N29" s="910"/>
      <c r="O29" s="910"/>
      <c r="P29" s="910"/>
      <c r="Q29" s="910"/>
      <c r="R29" s="910"/>
      <c r="S29" s="911"/>
      <c r="U29" s="9"/>
      <c r="V29" s="18" t="s">
        <v>0</v>
      </c>
      <c r="W29" s="18" t="s">
        <v>217</v>
      </c>
      <c r="X29" s="18" t="s">
        <v>0</v>
      </c>
      <c r="Y29" s="150"/>
    </row>
    <row r="30" spans="2:25" ht="6.75" customHeight="1" x14ac:dyDescent="0.15">
      <c r="B30" s="20"/>
      <c r="C30" s="18"/>
      <c r="D30" s="18"/>
      <c r="E30" s="18"/>
      <c r="F30" s="18"/>
      <c r="U30" s="9"/>
      <c r="V30" s="249"/>
      <c r="W30" s="18"/>
      <c r="X30" s="249"/>
      <c r="Y30" s="150"/>
    </row>
    <row r="31" spans="2:25" ht="29.25" customHeight="1" x14ac:dyDescent="0.15">
      <c r="B31" s="20"/>
      <c r="C31" s="1181" t="s">
        <v>1704</v>
      </c>
      <c r="D31" s="1181"/>
      <c r="E31" s="993" t="s">
        <v>1703</v>
      </c>
      <c r="F31" s="993"/>
      <c r="G31" s="993"/>
      <c r="H31" s="993"/>
      <c r="I31" s="993"/>
      <c r="J31" s="993"/>
      <c r="K31" s="993"/>
      <c r="L31" s="993"/>
      <c r="M31" s="993"/>
      <c r="N31" s="993"/>
      <c r="O31" s="993"/>
      <c r="P31" s="993"/>
      <c r="Q31" s="993"/>
      <c r="R31" s="993"/>
      <c r="S31" s="993"/>
      <c r="T31" s="994"/>
      <c r="U31" s="9"/>
      <c r="Y31" s="149"/>
    </row>
    <row r="32" spans="2:25" ht="19.5" customHeight="1" x14ac:dyDescent="0.15">
      <c r="B32" s="288"/>
      <c r="C32" s="1224" t="s">
        <v>1702</v>
      </c>
      <c r="D32" s="1224"/>
      <c r="E32" s="1298" t="s">
        <v>302</v>
      </c>
      <c r="F32" s="1298"/>
      <c r="G32" s="1298"/>
      <c r="H32" s="1298"/>
      <c r="I32" s="1298"/>
      <c r="J32" s="1298"/>
      <c r="K32" s="1298"/>
      <c r="L32" s="1298"/>
      <c r="M32" s="1298"/>
      <c r="N32" s="1298"/>
      <c r="O32" s="1298"/>
      <c r="P32" s="1298"/>
      <c r="Q32" s="1298"/>
      <c r="R32" s="1298"/>
      <c r="S32" s="1298"/>
      <c r="T32" s="1299"/>
      <c r="U32" s="173"/>
      <c r="V32" s="465"/>
      <c r="W32" s="143"/>
      <c r="X32" s="465"/>
      <c r="Y32" s="266"/>
    </row>
    <row r="33" spans="2:28" ht="15" customHeight="1" x14ac:dyDescent="0.15">
      <c r="B33" s="8" t="s">
        <v>507</v>
      </c>
    </row>
    <row r="34" spans="2:28" ht="15" customHeight="1" x14ac:dyDescent="0.15">
      <c r="B34" s="8" t="s">
        <v>506</v>
      </c>
      <c r="K34"/>
      <c r="L34"/>
      <c r="M34"/>
      <c r="N34"/>
      <c r="O34"/>
      <c r="P34"/>
      <c r="Q34"/>
      <c r="R34"/>
      <c r="S34"/>
      <c r="T34"/>
      <c r="U34"/>
      <c r="V34"/>
      <c r="W34"/>
      <c r="X34"/>
      <c r="Y34"/>
      <c r="Z34"/>
      <c r="AA34"/>
      <c r="AB34"/>
    </row>
    <row r="35" spans="2:28" ht="15" customHeight="1" x14ac:dyDescent="0.15"/>
    <row r="36" spans="2:28" ht="4.5" customHeight="1" x14ac:dyDescent="0.15"/>
    <row r="122" spans="3:7" x14ac:dyDescent="0.15">
      <c r="C122" s="172"/>
      <c r="D122" s="172"/>
      <c r="E122" s="172"/>
      <c r="F122" s="172"/>
      <c r="G122" s="172"/>
    </row>
    <row r="123" spans="3:7" x14ac:dyDescent="0.15">
      <c r="C123" s="157"/>
    </row>
  </sheetData>
  <mergeCells count="24">
    <mergeCell ref="B4:Y4"/>
    <mergeCell ref="B6:F6"/>
    <mergeCell ref="G6:Y6"/>
    <mergeCell ref="B7:F7"/>
    <mergeCell ref="B8:F10"/>
    <mergeCell ref="H8:Y8"/>
    <mergeCell ref="H9:Y9"/>
    <mergeCell ref="H10:Y10"/>
    <mergeCell ref="C16:F17"/>
    <mergeCell ref="H16:S16"/>
    <mergeCell ref="H17:S17"/>
    <mergeCell ref="C20:F21"/>
    <mergeCell ref="H20:S20"/>
    <mergeCell ref="H21:S21"/>
    <mergeCell ref="C31:D31"/>
    <mergeCell ref="E31:T31"/>
    <mergeCell ref="C32:D32"/>
    <mergeCell ref="E32:T32"/>
    <mergeCell ref="C24:F25"/>
    <mergeCell ref="H24:S24"/>
    <mergeCell ref="H25:S25"/>
    <mergeCell ref="C28:F29"/>
    <mergeCell ref="H28:S28"/>
    <mergeCell ref="H29:S29"/>
  </mergeCells>
  <phoneticPr fontId="2"/>
  <dataValidations count="1">
    <dataValidation type="list" allowBlank="1" showInputMessage="1" showErrorMessage="1" sqref="V16:V17 X16:X17 V28:V29 X28:X29 V24:V25 X24:X25 V20:V21 X20:X21 G7:G10 L7 Q7">
      <formula1>"□,■"</formula1>
    </dataValidation>
  </dataValidations>
  <pageMargins left="0.7" right="0.7" top="0.75" bottom="0.75" header="0.3" footer="0.3"/>
  <pageSetup paperSize="9" scale="96" orientation="portrait" r:id="rId1"/>
</worksheet>
</file>

<file path=xl/worksheets/sheet6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AB123"/>
  <sheetViews>
    <sheetView zoomScaleNormal="100" workbookViewId="0">
      <selection activeCell="C87" sqref="C87"/>
    </sheetView>
  </sheetViews>
  <sheetFormatPr defaultColWidth="4" defaultRowHeight="13.5" x14ac:dyDescent="0.15"/>
  <cols>
    <col min="1" max="1" width="1.5" style="8" customWidth="1"/>
    <col min="2" max="2" width="2.375" style="8" customWidth="1"/>
    <col min="3" max="3" width="1.125" style="8" customWidth="1"/>
    <col min="4" max="17" width="4" style="8"/>
    <col min="18" max="18" width="5.125" style="8" customWidth="1"/>
    <col min="19" max="19" width="8.125" style="8" customWidth="1"/>
    <col min="20" max="20" width="4" style="8"/>
    <col min="21" max="21" width="2.375" style="8" customWidth="1"/>
    <col min="22" max="22" width="4" style="8"/>
    <col min="23" max="23" width="2.25" style="8" customWidth="1"/>
    <col min="24" max="24" width="4" style="8"/>
    <col min="25" max="25" width="2.375" style="8" customWidth="1"/>
    <col min="26" max="26" width="1.5" style="8" customWidth="1"/>
    <col min="27" max="16384" width="4" style="8"/>
  </cols>
  <sheetData>
    <row r="2" spans="2:28" x14ac:dyDescent="0.15">
      <c r="B2" s="8" t="s">
        <v>1739</v>
      </c>
      <c r="C2"/>
      <c r="D2"/>
      <c r="E2"/>
      <c r="F2"/>
      <c r="G2"/>
      <c r="H2"/>
      <c r="I2"/>
      <c r="J2"/>
      <c r="K2"/>
      <c r="L2"/>
      <c r="M2"/>
      <c r="N2"/>
      <c r="O2"/>
      <c r="P2"/>
      <c r="Q2"/>
      <c r="R2"/>
      <c r="S2"/>
      <c r="T2"/>
      <c r="U2"/>
      <c r="V2"/>
      <c r="W2"/>
      <c r="X2"/>
      <c r="Y2"/>
    </row>
    <row r="4" spans="2:28" x14ac:dyDescent="0.15">
      <c r="B4" s="778" t="s">
        <v>1738</v>
      </c>
      <c r="C4" s="778"/>
      <c r="D4" s="778"/>
      <c r="E4" s="778"/>
      <c r="F4" s="778"/>
      <c r="G4" s="778"/>
      <c r="H4" s="778"/>
      <c r="I4" s="778"/>
      <c r="J4" s="778"/>
      <c r="K4" s="778"/>
      <c r="L4" s="778"/>
      <c r="M4" s="778"/>
      <c r="N4" s="778"/>
      <c r="O4" s="778"/>
      <c r="P4" s="778"/>
      <c r="Q4" s="778"/>
      <c r="R4" s="778"/>
      <c r="S4" s="778"/>
      <c r="T4" s="778"/>
      <c r="U4" s="778"/>
      <c r="V4" s="778"/>
      <c r="W4" s="778"/>
      <c r="X4" s="778"/>
      <c r="Y4" s="778"/>
    </row>
    <row r="6" spans="2:28" ht="23.25" customHeight="1" x14ac:dyDescent="0.15">
      <c r="B6" s="790" t="s">
        <v>531</v>
      </c>
      <c r="C6" s="790"/>
      <c r="D6" s="790"/>
      <c r="E6" s="790"/>
      <c r="F6" s="790"/>
      <c r="G6" s="791"/>
      <c r="H6" s="792"/>
      <c r="I6" s="792"/>
      <c r="J6" s="792"/>
      <c r="K6" s="792"/>
      <c r="L6" s="792"/>
      <c r="M6" s="792"/>
      <c r="N6" s="792"/>
      <c r="O6" s="792"/>
      <c r="P6" s="792"/>
      <c r="Q6" s="792"/>
      <c r="R6" s="792"/>
      <c r="S6" s="792"/>
      <c r="T6" s="792"/>
      <c r="U6" s="792"/>
      <c r="V6" s="792"/>
      <c r="W6" s="792"/>
      <c r="X6" s="792"/>
      <c r="Y6" s="793"/>
    </row>
    <row r="7" spans="2:28" ht="23.25" customHeight="1" x14ac:dyDescent="0.15">
      <c r="B7" s="790" t="s">
        <v>481</v>
      </c>
      <c r="C7" s="790"/>
      <c r="D7" s="790"/>
      <c r="E7" s="790"/>
      <c r="F7" s="790"/>
      <c r="G7" s="177" t="s">
        <v>0</v>
      </c>
      <c r="H7" s="168" t="s">
        <v>242</v>
      </c>
      <c r="I7" s="168"/>
      <c r="J7" s="168"/>
      <c r="K7" s="168"/>
      <c r="L7" s="177" t="s">
        <v>0</v>
      </c>
      <c r="M7" s="168" t="s">
        <v>241</v>
      </c>
      <c r="N7" s="168"/>
      <c r="O7" s="168"/>
      <c r="P7" s="168"/>
      <c r="Q7" s="177" t="s">
        <v>0</v>
      </c>
      <c r="R7" s="168" t="s">
        <v>240</v>
      </c>
      <c r="S7" s="168"/>
      <c r="T7" s="168"/>
      <c r="U7" s="168"/>
      <c r="V7" s="168"/>
      <c r="W7" s="181"/>
      <c r="X7" s="181"/>
      <c r="Y7" s="197"/>
    </row>
    <row r="8" spans="2:28" ht="9.75" customHeight="1" x14ac:dyDescent="0.15">
      <c r="B8" s="18"/>
      <c r="C8" s="18"/>
      <c r="D8" s="18"/>
      <c r="E8" s="18"/>
      <c r="F8" s="18"/>
      <c r="G8" s="16"/>
      <c r="I8" s="154"/>
      <c r="J8" s="154"/>
      <c r="K8" s="154"/>
      <c r="L8" s="154"/>
      <c r="M8" s="154"/>
      <c r="N8" s="154"/>
      <c r="O8" s="154"/>
      <c r="P8" s="154"/>
      <c r="Q8" s="154"/>
      <c r="R8" s="154"/>
      <c r="S8" s="154"/>
      <c r="T8" s="154"/>
      <c r="U8" s="154"/>
      <c r="V8" s="154"/>
      <c r="W8" s="154"/>
      <c r="X8" s="154"/>
      <c r="Y8" s="154"/>
    </row>
    <row r="9" spans="2:28" ht="16.5" customHeight="1" x14ac:dyDescent="0.15">
      <c r="B9" s="158"/>
      <c r="C9" s="157"/>
      <c r="D9" s="194"/>
      <c r="E9" s="157"/>
      <c r="F9" s="157"/>
      <c r="G9" s="157"/>
      <c r="H9" s="157"/>
      <c r="I9" s="157"/>
      <c r="J9" s="157"/>
      <c r="K9" s="157"/>
      <c r="L9" s="157"/>
      <c r="M9" s="157"/>
      <c r="N9" s="157"/>
      <c r="O9" s="157"/>
      <c r="P9" s="157"/>
      <c r="Q9" s="157"/>
      <c r="R9" s="157"/>
      <c r="S9" s="157"/>
      <c r="T9" s="156"/>
      <c r="U9" s="157"/>
      <c r="V9" s="157"/>
      <c r="W9" s="157"/>
      <c r="X9" s="157"/>
      <c r="Y9" s="156"/>
      <c r="Z9"/>
      <c r="AA9"/>
      <c r="AB9"/>
    </row>
    <row r="10" spans="2:28" ht="20.100000000000001" customHeight="1" x14ac:dyDescent="0.15">
      <c r="B10" s="9" t="s">
        <v>1737</v>
      </c>
      <c r="D10" s="18"/>
      <c r="T10" s="149"/>
      <c r="V10" s="152" t="s">
        <v>227</v>
      </c>
      <c r="W10" s="152" t="s">
        <v>217</v>
      </c>
      <c r="X10" s="152" t="s">
        <v>226</v>
      </c>
      <c r="Y10" s="149"/>
      <c r="Z10"/>
      <c r="AA10"/>
      <c r="AB10"/>
    </row>
    <row r="11" spans="2:28" ht="10.5" customHeight="1" x14ac:dyDescent="0.15">
      <c r="B11" s="9"/>
      <c r="D11" s="18"/>
      <c r="T11" s="149"/>
      <c r="Y11" s="149"/>
      <c r="Z11"/>
      <c r="AA11"/>
      <c r="AB11"/>
    </row>
    <row r="12" spans="2:28" ht="21" customHeight="1" x14ac:dyDescent="0.15">
      <c r="B12" s="9"/>
      <c r="D12" s="18" t="s">
        <v>279</v>
      </c>
      <c r="E12" s="809" t="s">
        <v>1698</v>
      </c>
      <c r="F12" s="809"/>
      <c r="G12" s="809"/>
      <c r="H12" s="809"/>
      <c r="I12" s="809"/>
      <c r="J12" s="809"/>
      <c r="K12" s="809"/>
      <c r="L12" s="809"/>
      <c r="M12" s="809"/>
      <c r="N12" s="809"/>
      <c r="O12" s="809"/>
      <c r="P12" s="809"/>
      <c r="Q12" s="809"/>
      <c r="R12" s="809"/>
      <c r="S12" s="809"/>
      <c r="T12" s="821"/>
      <c r="V12" s="18" t="s">
        <v>0</v>
      </c>
      <c r="W12" s="18" t="s">
        <v>217</v>
      </c>
      <c r="X12" s="18" t="s">
        <v>0</v>
      </c>
      <c r="Y12" s="150"/>
    </row>
    <row r="13" spans="2:28" ht="15.75" customHeight="1" x14ac:dyDescent="0.15">
      <c r="B13" s="9"/>
      <c r="D13" s="18"/>
      <c r="T13" s="149"/>
      <c r="V13" s="18"/>
      <c r="W13" s="18"/>
      <c r="X13" s="18"/>
      <c r="Y13" s="174"/>
    </row>
    <row r="14" spans="2:28" ht="27.75" customHeight="1" x14ac:dyDescent="0.15">
      <c r="B14" s="9"/>
      <c r="D14" s="18" t="s">
        <v>277</v>
      </c>
      <c r="E14" s="789" t="s">
        <v>1736</v>
      </c>
      <c r="F14" s="789"/>
      <c r="G14" s="789"/>
      <c r="H14" s="789"/>
      <c r="I14" s="789"/>
      <c r="J14" s="789"/>
      <c r="K14" s="789"/>
      <c r="L14" s="789"/>
      <c r="M14" s="789"/>
      <c r="N14" s="789"/>
      <c r="O14" s="789"/>
      <c r="P14" s="789"/>
      <c r="Q14" s="789"/>
      <c r="R14" s="789"/>
      <c r="S14" s="789"/>
      <c r="T14" s="805"/>
      <c r="V14" s="18" t="s">
        <v>0</v>
      </c>
      <c r="W14" s="18" t="s">
        <v>217</v>
      </c>
      <c r="X14" s="18" t="s">
        <v>0</v>
      </c>
      <c r="Y14" s="150"/>
    </row>
    <row r="15" spans="2:28" ht="20.25" customHeight="1" x14ac:dyDescent="0.15">
      <c r="B15" s="20"/>
      <c r="D15" s="18"/>
      <c r="E15" s="634" t="s">
        <v>1735</v>
      </c>
      <c r="F15" s="154"/>
      <c r="H15" s="634"/>
      <c r="I15" s="634"/>
      <c r="J15" s="634"/>
      <c r="K15" s="634"/>
      <c r="L15" s="634"/>
      <c r="M15" s="634"/>
      <c r="N15" s="634"/>
      <c r="O15" s="634"/>
      <c r="P15" s="634"/>
      <c r="Q15" s="634"/>
      <c r="R15" s="634"/>
      <c r="S15" s="634"/>
      <c r="U15" s="9"/>
      <c r="Y15" s="149"/>
    </row>
    <row r="16" spans="2:28" ht="18" customHeight="1" x14ac:dyDescent="0.15">
      <c r="B16" s="20"/>
      <c r="D16" s="18"/>
      <c r="E16" s="634" t="s">
        <v>1734</v>
      </c>
      <c r="F16" s="154"/>
      <c r="H16" s="634"/>
      <c r="I16" s="634"/>
      <c r="J16" s="634"/>
      <c r="K16" s="634"/>
      <c r="L16" s="634"/>
      <c r="M16" s="634"/>
      <c r="N16" s="634"/>
      <c r="O16" s="634"/>
      <c r="P16" s="634"/>
      <c r="Q16" s="634"/>
      <c r="R16" s="634"/>
      <c r="S16" s="634"/>
      <c r="U16" s="9"/>
      <c r="Y16" s="149"/>
    </row>
    <row r="17" spans="2:28" ht="20.25" customHeight="1" x14ac:dyDescent="0.15">
      <c r="B17" s="20"/>
      <c r="D17" s="18"/>
      <c r="E17" s="634" t="s">
        <v>1733</v>
      </c>
      <c r="F17" s="154"/>
      <c r="H17" s="634"/>
      <c r="I17" s="634"/>
      <c r="J17" s="634"/>
      <c r="K17" s="634"/>
      <c r="L17" s="634"/>
      <c r="M17" s="634"/>
      <c r="N17" s="634"/>
      <c r="O17" s="634"/>
      <c r="P17" s="634"/>
      <c r="Q17" s="634"/>
      <c r="R17" s="634"/>
      <c r="S17" s="634"/>
      <c r="U17" s="9"/>
      <c r="Y17" s="149"/>
    </row>
    <row r="18" spans="2:28" ht="18.75" customHeight="1" x14ac:dyDescent="0.15">
      <c r="B18" s="20"/>
      <c r="D18" s="18"/>
      <c r="E18" s="634" t="s">
        <v>1732</v>
      </c>
      <c r="F18" s="154"/>
      <c r="H18" s="634"/>
      <c r="I18" s="634"/>
      <c r="J18" s="634"/>
      <c r="K18" s="634"/>
      <c r="L18" s="634"/>
      <c r="M18" s="634"/>
      <c r="N18" s="634"/>
      <c r="O18" s="634"/>
      <c r="P18" s="634"/>
      <c r="Q18" s="634"/>
      <c r="R18" s="634"/>
      <c r="S18" s="634"/>
      <c r="U18" s="9"/>
      <c r="Y18" s="149"/>
    </row>
    <row r="19" spans="2:28" ht="18.75" customHeight="1" x14ac:dyDescent="0.15">
      <c r="B19" s="20"/>
      <c r="D19" s="18"/>
      <c r="E19" s="634" t="s">
        <v>1731</v>
      </c>
      <c r="F19" s="154"/>
      <c r="H19" s="634"/>
      <c r="I19" s="634"/>
      <c r="J19" s="634"/>
      <c r="K19" s="634"/>
      <c r="L19" s="634"/>
      <c r="M19" s="634"/>
      <c r="N19" s="634"/>
      <c r="O19" s="634"/>
      <c r="P19" s="634"/>
      <c r="Q19" s="634"/>
      <c r="R19" s="634"/>
      <c r="S19" s="634"/>
      <c r="U19" s="9"/>
      <c r="Y19" s="149"/>
    </row>
    <row r="20" spans="2:28" ht="18.75" customHeight="1" x14ac:dyDescent="0.15">
      <c r="B20" s="20"/>
      <c r="D20" s="18"/>
      <c r="E20" s="634" t="s">
        <v>1730</v>
      </c>
      <c r="F20" s="154"/>
      <c r="H20" s="634"/>
      <c r="I20" s="634"/>
      <c r="J20" s="634"/>
      <c r="K20" s="634"/>
      <c r="L20" s="634"/>
      <c r="M20" s="634"/>
      <c r="N20" s="634"/>
      <c r="O20" s="634"/>
      <c r="P20" s="634"/>
      <c r="Q20" s="634"/>
      <c r="R20" s="634"/>
      <c r="S20" s="634"/>
      <c r="U20" s="9"/>
      <c r="Y20" s="149"/>
    </row>
    <row r="21" spans="2:28" ht="19.5" customHeight="1" x14ac:dyDescent="0.15">
      <c r="B21" s="20"/>
      <c r="D21" s="18"/>
      <c r="E21" s="634" t="s">
        <v>1729</v>
      </c>
      <c r="F21" s="154"/>
      <c r="H21" s="634"/>
      <c r="I21" s="634"/>
      <c r="J21" s="634"/>
      <c r="K21" s="634"/>
      <c r="L21" s="634"/>
      <c r="M21" s="634"/>
      <c r="N21" s="634"/>
      <c r="O21" s="634"/>
      <c r="P21" s="634"/>
      <c r="Q21" s="634"/>
      <c r="R21" s="634"/>
      <c r="S21" s="634"/>
      <c r="U21" s="9"/>
      <c r="Y21" s="149"/>
    </row>
    <row r="22" spans="2:28" ht="17.25" customHeight="1" x14ac:dyDescent="0.15">
      <c r="B22" s="20"/>
      <c r="D22" s="18"/>
      <c r="E22" s="634" t="s">
        <v>1728</v>
      </c>
      <c r="F22" s="154"/>
      <c r="H22" s="634"/>
      <c r="I22" s="634"/>
      <c r="J22" s="634"/>
      <c r="K22" s="634"/>
      <c r="L22" s="634"/>
      <c r="M22" s="634"/>
      <c r="N22" s="634"/>
      <c r="O22" s="634"/>
      <c r="P22" s="634"/>
      <c r="Q22" s="634"/>
      <c r="R22" s="634"/>
      <c r="S22" s="634"/>
      <c r="U22" s="9"/>
      <c r="Y22" s="149"/>
    </row>
    <row r="23" spans="2:28" ht="20.25" customHeight="1" x14ac:dyDescent="0.15">
      <c r="B23" s="20"/>
      <c r="D23" s="18"/>
      <c r="E23" s="634" t="s">
        <v>1727</v>
      </c>
      <c r="F23" s="154"/>
      <c r="H23" s="634"/>
      <c r="I23" s="634"/>
      <c r="J23" s="634"/>
      <c r="K23" s="634"/>
      <c r="L23" s="634"/>
      <c r="M23" s="634"/>
      <c r="N23" s="634"/>
      <c r="O23" s="634"/>
      <c r="P23" s="634"/>
      <c r="Q23" s="634"/>
      <c r="R23" s="634"/>
      <c r="S23" s="634"/>
      <c r="U23" s="9"/>
      <c r="Y23" s="149"/>
    </row>
    <row r="24" spans="2:28" ht="18" customHeight="1" x14ac:dyDescent="0.15">
      <c r="B24" s="20"/>
      <c r="D24" s="18"/>
      <c r="E24" s="634" t="s">
        <v>1726</v>
      </c>
      <c r="F24" s="154"/>
      <c r="H24" s="634"/>
      <c r="I24" s="634"/>
      <c r="J24" s="634"/>
      <c r="K24" s="634"/>
      <c r="L24" s="634"/>
      <c r="M24" s="634"/>
      <c r="N24" s="634"/>
      <c r="O24" s="634"/>
      <c r="P24" s="634"/>
      <c r="Q24" s="634"/>
      <c r="R24" s="634"/>
      <c r="S24" s="634"/>
      <c r="U24" s="9"/>
      <c r="Y24" s="149"/>
    </row>
    <row r="25" spans="2:28" ht="18.75" customHeight="1" x14ac:dyDescent="0.15">
      <c r="B25" s="20"/>
      <c r="D25" s="18"/>
      <c r="E25" s="634" t="s">
        <v>1725</v>
      </c>
      <c r="F25" s="154"/>
      <c r="H25" s="634"/>
      <c r="I25" s="634"/>
      <c r="J25" s="634"/>
      <c r="K25" s="634"/>
      <c r="L25" s="634"/>
      <c r="M25" s="634"/>
      <c r="N25" s="634"/>
      <c r="O25" s="634"/>
      <c r="P25" s="634"/>
      <c r="Q25" s="634"/>
      <c r="R25" s="634"/>
      <c r="S25" s="634"/>
      <c r="U25" s="9"/>
      <c r="Y25" s="149"/>
    </row>
    <row r="26" spans="2:28" ht="6.75" customHeight="1" x14ac:dyDescent="0.15">
      <c r="B26" s="173"/>
      <c r="C26" s="172"/>
      <c r="D26" s="143"/>
      <c r="E26" s="172"/>
      <c r="F26" s="172"/>
      <c r="G26" s="172"/>
      <c r="H26" s="172"/>
      <c r="I26" s="172"/>
      <c r="J26" s="172"/>
      <c r="K26" s="172"/>
      <c r="L26" s="172"/>
      <c r="M26" s="172"/>
      <c r="N26" s="172"/>
      <c r="O26" s="172"/>
      <c r="P26" s="172"/>
      <c r="Q26" s="172"/>
      <c r="R26" s="172"/>
      <c r="S26" s="172"/>
      <c r="T26" s="171"/>
      <c r="U26" s="172"/>
      <c r="V26" s="172"/>
      <c r="W26" s="172"/>
      <c r="X26" s="172"/>
      <c r="Y26" s="171"/>
    </row>
    <row r="27" spans="2:28" ht="5.25" customHeight="1" x14ac:dyDescent="0.15">
      <c r="D27" s="18"/>
    </row>
    <row r="28" spans="2:28" ht="18.75" customHeight="1" x14ac:dyDescent="0.15">
      <c r="B28" s="8" t="s">
        <v>507</v>
      </c>
    </row>
    <row r="29" spans="2:28" ht="18.75" customHeight="1" x14ac:dyDescent="0.15">
      <c r="B29" s="8" t="s">
        <v>506</v>
      </c>
      <c r="K29"/>
      <c r="L29"/>
      <c r="M29"/>
      <c r="N29"/>
      <c r="O29"/>
      <c r="P29"/>
      <c r="Q29"/>
      <c r="R29"/>
      <c r="S29"/>
      <c r="T29"/>
      <c r="U29"/>
      <c r="V29"/>
      <c r="W29"/>
      <c r="X29"/>
      <c r="Y29"/>
      <c r="Z29"/>
      <c r="AA29"/>
      <c r="AB29"/>
    </row>
    <row r="30" spans="2:28" ht="6.75" customHeight="1" x14ac:dyDescent="0.15"/>
    <row r="122" spans="3:7" x14ac:dyDescent="0.15">
      <c r="C122" s="172"/>
      <c r="D122" s="172"/>
      <c r="E122" s="172"/>
      <c r="F122" s="172"/>
      <c r="G122" s="172"/>
    </row>
    <row r="123" spans="3:7" x14ac:dyDescent="0.15">
      <c r="C123" s="157"/>
    </row>
  </sheetData>
  <mergeCells count="6">
    <mergeCell ref="E14:T14"/>
    <mergeCell ref="B4:Y4"/>
    <mergeCell ref="B6:F6"/>
    <mergeCell ref="G6:Y6"/>
    <mergeCell ref="B7:F7"/>
    <mergeCell ref="E12:T12"/>
  </mergeCells>
  <phoneticPr fontId="2"/>
  <dataValidations count="1">
    <dataValidation type="list" allowBlank="1" showInputMessage="1" showErrorMessage="1" sqref="Q7 G7 L7 V12 X12 X14 V14">
      <formula1>"□,■"</formula1>
    </dataValidation>
  </dataValidations>
  <pageMargins left="0.7" right="0.7" top="0.75" bottom="0.75" header="0.3" footer="0.3"/>
  <pageSetup paperSize="9" scale="96"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E123"/>
  <sheetViews>
    <sheetView tabSelected="1" zoomScaleNormal="100" zoomScaleSheetLayoutView="115" workbookViewId="0">
      <selection activeCell="C87" sqref="C87"/>
    </sheetView>
  </sheetViews>
  <sheetFormatPr defaultColWidth="3.5" defaultRowHeight="13.5" x14ac:dyDescent="0.15"/>
  <cols>
    <col min="1" max="1" width="3.5" style="3"/>
    <col min="2" max="2" width="3" style="140" customWidth="1"/>
    <col min="3" max="7" width="3.5" style="3"/>
    <col min="8" max="8" width="2.5" style="3" customWidth="1"/>
    <col min="9" max="16384" width="3.5" style="3"/>
  </cols>
  <sheetData>
    <row r="1" spans="2:30" s="8" customFormat="1" x14ac:dyDescent="0.15"/>
    <row r="2" spans="2:30" s="8" customFormat="1" x14ac:dyDescent="0.15">
      <c r="B2" s="8" t="s">
        <v>246</v>
      </c>
      <c r="T2" s="17"/>
      <c r="U2" s="17" t="s">
        <v>12</v>
      </c>
      <c r="V2" s="778"/>
      <c r="W2" s="778"/>
      <c r="X2" s="18" t="s">
        <v>11</v>
      </c>
      <c r="Y2" s="778"/>
      <c r="Z2" s="778"/>
      <c r="AA2" s="18" t="s">
        <v>21</v>
      </c>
      <c r="AB2" s="778"/>
      <c r="AC2" s="778"/>
      <c r="AD2" s="18" t="s">
        <v>20</v>
      </c>
    </row>
    <row r="3" spans="2:30" s="8" customFormat="1" x14ac:dyDescent="0.15"/>
    <row r="4" spans="2:30" s="8" customFormat="1" x14ac:dyDescent="0.15">
      <c r="B4" s="778" t="s">
        <v>245</v>
      </c>
      <c r="C4" s="778"/>
      <c r="D4" s="778"/>
      <c r="E4" s="778"/>
      <c r="F4" s="778"/>
      <c r="G4" s="778"/>
      <c r="H4" s="778"/>
      <c r="I4" s="778"/>
      <c r="J4" s="778"/>
      <c r="K4" s="778"/>
      <c r="L4" s="778"/>
      <c r="M4" s="778"/>
      <c r="N4" s="778"/>
      <c r="O4" s="778"/>
      <c r="P4" s="778"/>
      <c r="Q4" s="778"/>
      <c r="R4" s="778"/>
      <c r="S4" s="778"/>
      <c r="T4" s="778"/>
      <c r="U4" s="778"/>
      <c r="V4" s="778"/>
      <c r="W4" s="778"/>
      <c r="X4" s="778"/>
      <c r="Y4" s="778"/>
      <c r="Z4" s="778"/>
      <c r="AA4" s="778"/>
      <c r="AB4" s="778"/>
      <c r="AC4" s="778"/>
      <c r="AD4" s="778"/>
    </row>
    <row r="5" spans="2:30" s="8" customFormat="1" x14ac:dyDescent="0.15"/>
    <row r="6" spans="2:30" s="8" customFormat="1" ht="19.5" customHeight="1" x14ac:dyDescent="0.15">
      <c r="B6" s="790" t="s">
        <v>244</v>
      </c>
      <c r="C6" s="790"/>
      <c r="D6" s="790"/>
      <c r="E6" s="790"/>
      <c r="F6" s="790"/>
      <c r="G6" s="791"/>
      <c r="H6" s="792"/>
      <c r="I6" s="792"/>
      <c r="J6" s="792"/>
      <c r="K6" s="792"/>
      <c r="L6" s="792"/>
      <c r="M6" s="792"/>
      <c r="N6" s="792"/>
      <c r="O6" s="792"/>
      <c r="P6" s="792"/>
      <c r="Q6" s="792"/>
      <c r="R6" s="792"/>
      <c r="S6" s="792"/>
      <c r="T6" s="792"/>
      <c r="U6" s="792"/>
      <c r="V6" s="792"/>
      <c r="W6" s="792"/>
      <c r="X6" s="792"/>
      <c r="Y6" s="792"/>
      <c r="Z6" s="792"/>
      <c r="AA6" s="792"/>
      <c r="AB6" s="792"/>
      <c r="AC6" s="792"/>
      <c r="AD6" s="793"/>
    </row>
    <row r="7" spans="2:30" s="8" customFormat="1" ht="19.5" customHeight="1" x14ac:dyDescent="0.15">
      <c r="B7" s="780" t="s">
        <v>243</v>
      </c>
      <c r="C7" s="781"/>
      <c r="D7" s="781"/>
      <c r="E7" s="781"/>
      <c r="F7" s="782"/>
      <c r="G7" s="169" t="s">
        <v>0</v>
      </c>
      <c r="H7" s="168" t="s">
        <v>242</v>
      </c>
      <c r="I7" s="168"/>
      <c r="J7" s="168"/>
      <c r="K7" s="168"/>
      <c r="L7" s="18" t="s">
        <v>0</v>
      </c>
      <c r="M7" s="168" t="s">
        <v>241</v>
      </c>
      <c r="N7" s="168"/>
      <c r="O7" s="168"/>
      <c r="P7" s="168"/>
      <c r="Q7" s="18" t="s">
        <v>0</v>
      </c>
      <c r="R7" s="168" t="s">
        <v>240</v>
      </c>
      <c r="S7" s="168"/>
      <c r="T7" s="168"/>
      <c r="U7" s="168"/>
      <c r="V7" s="168"/>
      <c r="W7" s="168"/>
      <c r="X7" s="168"/>
      <c r="Y7" s="168"/>
      <c r="Z7" s="168"/>
      <c r="AA7" s="168"/>
      <c r="AB7" s="168"/>
      <c r="AC7" s="168"/>
      <c r="AD7" s="167"/>
    </row>
    <row r="8" spans="2:30" ht="19.5" customHeight="1" x14ac:dyDescent="0.15">
      <c r="B8" s="783" t="s">
        <v>239</v>
      </c>
      <c r="C8" s="784"/>
      <c r="D8" s="784"/>
      <c r="E8" s="784"/>
      <c r="F8" s="785"/>
      <c r="G8" s="18" t="s">
        <v>0</v>
      </c>
      <c r="H8" s="166" t="s">
        <v>238</v>
      </c>
      <c r="I8" s="166"/>
      <c r="J8" s="166"/>
      <c r="K8" s="166"/>
      <c r="L8" s="166"/>
      <c r="M8" s="166"/>
      <c r="N8" s="166"/>
      <c r="O8" s="166"/>
      <c r="P8" s="18" t="s">
        <v>0</v>
      </c>
      <c r="Q8" s="166" t="s">
        <v>237</v>
      </c>
      <c r="R8" s="165"/>
      <c r="S8" s="165"/>
      <c r="T8" s="165"/>
      <c r="U8" s="165"/>
      <c r="V8" s="165"/>
      <c r="W8" s="165"/>
      <c r="X8" s="165"/>
      <c r="Y8" s="165"/>
      <c r="Z8" s="165"/>
      <c r="AA8" s="165"/>
      <c r="AB8" s="165"/>
      <c r="AC8" s="165"/>
      <c r="AD8" s="164"/>
    </row>
    <row r="9" spans="2:30" ht="19.5" customHeight="1" x14ac:dyDescent="0.15">
      <c r="B9" s="786"/>
      <c r="C9" s="787"/>
      <c r="D9" s="787"/>
      <c r="E9" s="787"/>
      <c r="F9" s="788"/>
      <c r="G9" s="163" t="s">
        <v>0</v>
      </c>
      <c r="H9" s="162" t="s">
        <v>236</v>
      </c>
      <c r="I9" s="162"/>
      <c r="J9" s="162"/>
      <c r="K9" s="162"/>
      <c r="L9" s="162"/>
      <c r="M9" s="162"/>
      <c r="N9" s="162"/>
      <c r="O9" s="162"/>
      <c r="P9" s="161"/>
      <c r="Q9" s="160"/>
      <c r="R9" s="160"/>
      <c r="S9" s="160"/>
      <c r="T9" s="160"/>
      <c r="U9" s="160"/>
      <c r="V9" s="160"/>
      <c r="W9" s="160"/>
      <c r="X9" s="160"/>
      <c r="Y9" s="160"/>
      <c r="Z9" s="160"/>
      <c r="AA9" s="160"/>
      <c r="AB9" s="160"/>
      <c r="AC9" s="160"/>
      <c r="AD9" s="159"/>
    </row>
    <row r="10" spans="2:30" s="8" customFormat="1" x14ac:dyDescent="0.15"/>
    <row r="11" spans="2:30" s="8" customFormat="1" x14ac:dyDescent="0.15">
      <c r="B11" s="158"/>
      <c r="C11" s="157"/>
      <c r="D11" s="157"/>
      <c r="E11" s="157"/>
      <c r="F11" s="157"/>
      <c r="G11" s="157"/>
      <c r="H11" s="157"/>
      <c r="I11" s="157"/>
      <c r="J11" s="157"/>
      <c r="K11" s="157"/>
      <c r="L11" s="157"/>
      <c r="M11" s="157"/>
      <c r="N11" s="157"/>
      <c r="O11" s="157"/>
      <c r="P11" s="157"/>
      <c r="Q11" s="157"/>
      <c r="R11" s="157"/>
      <c r="S11" s="157"/>
      <c r="T11" s="157"/>
      <c r="U11" s="157"/>
      <c r="V11" s="157"/>
      <c r="W11" s="157"/>
      <c r="X11" s="157"/>
      <c r="Y11" s="157"/>
      <c r="Z11" s="158"/>
      <c r="AA11" s="157"/>
      <c r="AB11" s="157"/>
      <c r="AC11" s="157"/>
      <c r="AD11" s="156"/>
    </row>
    <row r="12" spans="2:30" s="8" customFormat="1" x14ac:dyDescent="0.15">
      <c r="B12" s="9"/>
      <c r="Z12" s="9"/>
      <c r="AA12" s="152" t="s">
        <v>227</v>
      </c>
      <c r="AB12" s="152" t="s">
        <v>217</v>
      </c>
      <c r="AC12" s="152" t="s">
        <v>226</v>
      </c>
      <c r="AD12" s="149"/>
    </row>
    <row r="13" spans="2:30" s="8" customFormat="1" x14ac:dyDescent="0.15">
      <c r="B13" s="9"/>
      <c r="Z13" s="9"/>
      <c r="AD13" s="149"/>
    </row>
    <row r="14" spans="2:30" s="8" customFormat="1" ht="19.5" customHeight="1" x14ac:dyDescent="0.15">
      <c r="B14" s="9"/>
      <c r="C14" s="8" t="s">
        <v>235</v>
      </c>
      <c r="D14" s="18"/>
      <c r="E14" s="18"/>
      <c r="F14" s="18"/>
      <c r="G14" s="18"/>
      <c r="H14" s="18"/>
      <c r="I14" s="18"/>
      <c r="J14" s="18"/>
      <c r="K14" s="18"/>
      <c r="L14" s="18"/>
      <c r="M14" s="18"/>
      <c r="N14" s="18"/>
      <c r="O14" s="18"/>
      <c r="Z14" s="148"/>
      <c r="AA14" s="18" t="s">
        <v>0</v>
      </c>
      <c r="AB14" s="18" t="s">
        <v>217</v>
      </c>
      <c r="AC14" s="18" t="s">
        <v>0</v>
      </c>
      <c r="AD14" s="149"/>
    </row>
    <row r="15" spans="2:30" s="8" customFormat="1" x14ac:dyDescent="0.15">
      <c r="B15" s="9"/>
      <c r="D15" s="18"/>
      <c r="E15" s="18"/>
      <c r="F15" s="18"/>
      <c r="G15" s="18"/>
      <c r="H15" s="18"/>
      <c r="I15" s="18"/>
      <c r="J15" s="18"/>
      <c r="K15" s="18"/>
      <c r="L15" s="18"/>
      <c r="M15" s="18"/>
      <c r="N15" s="18"/>
      <c r="O15" s="18"/>
      <c r="Z15" s="155"/>
      <c r="AA15" s="18"/>
      <c r="AB15" s="18"/>
      <c r="AC15" s="18"/>
      <c r="AD15" s="149"/>
    </row>
    <row r="16" spans="2:30" s="8" customFormat="1" ht="19.5" customHeight="1" x14ac:dyDescent="0.15">
      <c r="B16" s="9"/>
      <c r="C16" s="8" t="s">
        <v>234</v>
      </c>
      <c r="D16" s="18"/>
      <c r="E16" s="18"/>
      <c r="F16" s="18"/>
      <c r="G16" s="18"/>
      <c r="H16" s="18"/>
      <c r="I16" s="18"/>
      <c r="J16" s="18"/>
      <c r="K16" s="18"/>
      <c r="L16" s="18"/>
      <c r="M16" s="18"/>
      <c r="N16" s="18"/>
      <c r="O16" s="18"/>
      <c r="Z16" s="148"/>
      <c r="AA16" s="18" t="s">
        <v>0</v>
      </c>
      <c r="AB16" s="18" t="s">
        <v>217</v>
      </c>
      <c r="AC16" s="18" t="s">
        <v>0</v>
      </c>
      <c r="AD16" s="149"/>
    </row>
    <row r="17" spans="2:30" s="8" customFormat="1" x14ac:dyDescent="0.15">
      <c r="B17" s="9"/>
      <c r="L17" s="18"/>
      <c r="Q17" s="18"/>
      <c r="W17" s="18"/>
      <c r="Z17" s="9"/>
      <c r="AD17" s="149"/>
    </row>
    <row r="18" spans="2:30" s="8" customFormat="1" x14ac:dyDescent="0.15">
      <c r="B18" s="9"/>
      <c r="C18" s="8" t="s">
        <v>233</v>
      </c>
      <c r="Z18" s="9"/>
      <c r="AD18" s="149"/>
    </row>
    <row r="19" spans="2:30" s="8" customFormat="1" ht="6.75" customHeight="1" x14ac:dyDescent="0.15">
      <c r="B19" s="9"/>
      <c r="Z19" s="9"/>
      <c r="AD19" s="149"/>
    </row>
    <row r="20" spans="2:30" s="8" customFormat="1" ht="23.25" customHeight="1" x14ac:dyDescent="0.15">
      <c r="B20" s="9" t="s">
        <v>230</v>
      </c>
      <c r="C20" s="780" t="s">
        <v>232</v>
      </c>
      <c r="D20" s="781"/>
      <c r="E20" s="781"/>
      <c r="F20" s="781"/>
      <c r="G20" s="781"/>
      <c r="H20" s="782"/>
      <c r="I20" s="780"/>
      <c r="J20" s="781"/>
      <c r="K20" s="781"/>
      <c r="L20" s="781"/>
      <c r="M20" s="781"/>
      <c r="N20" s="781"/>
      <c r="O20" s="781"/>
      <c r="P20" s="781"/>
      <c r="Q20" s="781"/>
      <c r="R20" s="781"/>
      <c r="S20" s="781"/>
      <c r="T20" s="781"/>
      <c r="U20" s="781"/>
      <c r="V20" s="781"/>
      <c r="W20" s="781"/>
      <c r="X20" s="782"/>
      <c r="Y20" s="16"/>
      <c r="Z20" s="20"/>
      <c r="AA20" s="16"/>
      <c r="AB20" s="16"/>
      <c r="AC20" s="16"/>
      <c r="AD20" s="149"/>
    </row>
    <row r="21" spans="2:30" s="8" customFormat="1" ht="23.25" customHeight="1" x14ac:dyDescent="0.15">
      <c r="B21" s="9" t="s">
        <v>230</v>
      </c>
      <c r="C21" s="780" t="s">
        <v>231</v>
      </c>
      <c r="D21" s="781"/>
      <c r="E21" s="781"/>
      <c r="F21" s="781"/>
      <c r="G21" s="781"/>
      <c r="H21" s="782"/>
      <c r="I21" s="780"/>
      <c r="J21" s="781"/>
      <c r="K21" s="781"/>
      <c r="L21" s="781"/>
      <c r="M21" s="781"/>
      <c r="N21" s="781"/>
      <c r="O21" s="781"/>
      <c r="P21" s="781"/>
      <c r="Q21" s="781"/>
      <c r="R21" s="781"/>
      <c r="S21" s="781"/>
      <c r="T21" s="781"/>
      <c r="U21" s="781"/>
      <c r="V21" s="781"/>
      <c r="W21" s="781"/>
      <c r="X21" s="782"/>
      <c r="Y21" s="16"/>
      <c r="Z21" s="20"/>
      <c r="AA21" s="16"/>
      <c r="AB21" s="16"/>
      <c r="AC21" s="16"/>
      <c r="AD21" s="149"/>
    </row>
    <row r="22" spans="2:30" s="8" customFormat="1" ht="23.25" customHeight="1" x14ac:dyDescent="0.15">
      <c r="B22" s="9" t="s">
        <v>230</v>
      </c>
      <c r="C22" s="780" t="s">
        <v>229</v>
      </c>
      <c r="D22" s="781"/>
      <c r="E22" s="781"/>
      <c r="F22" s="781"/>
      <c r="G22" s="781"/>
      <c r="H22" s="782"/>
      <c r="I22" s="780"/>
      <c r="J22" s="781"/>
      <c r="K22" s="781"/>
      <c r="L22" s="781"/>
      <c r="M22" s="781"/>
      <c r="N22" s="781"/>
      <c r="O22" s="781"/>
      <c r="P22" s="781"/>
      <c r="Q22" s="781"/>
      <c r="R22" s="781"/>
      <c r="S22" s="781"/>
      <c r="T22" s="781"/>
      <c r="U22" s="781"/>
      <c r="V22" s="781"/>
      <c r="W22" s="781"/>
      <c r="X22" s="782"/>
      <c r="Y22" s="16"/>
      <c r="Z22" s="20"/>
      <c r="AA22" s="16"/>
      <c r="AB22" s="16"/>
      <c r="AC22" s="16"/>
      <c r="AD22" s="149"/>
    </row>
    <row r="23" spans="2:30" s="8" customFormat="1" x14ac:dyDescent="0.15">
      <c r="B23" s="9"/>
      <c r="C23" s="18"/>
      <c r="D23" s="18"/>
      <c r="E23" s="18"/>
      <c r="F23" s="18"/>
      <c r="G23" s="18"/>
      <c r="H23" s="18"/>
      <c r="I23" s="16"/>
      <c r="J23" s="16"/>
      <c r="K23" s="16"/>
      <c r="L23" s="16"/>
      <c r="M23" s="16"/>
      <c r="N23" s="16"/>
      <c r="O23" s="16"/>
      <c r="P23" s="16"/>
      <c r="Q23" s="16"/>
      <c r="R23" s="16"/>
      <c r="S23" s="16"/>
      <c r="T23" s="16"/>
      <c r="U23" s="16"/>
      <c r="V23" s="16"/>
      <c r="W23" s="16"/>
      <c r="X23" s="16"/>
      <c r="Y23" s="16"/>
      <c r="Z23" s="20"/>
      <c r="AA23" s="16"/>
      <c r="AB23" s="16"/>
      <c r="AC23" s="16"/>
      <c r="AD23" s="149"/>
    </row>
    <row r="24" spans="2:30" s="8" customFormat="1" ht="27" customHeight="1" x14ac:dyDescent="0.15">
      <c r="B24" s="9"/>
      <c r="C24" s="789" t="s">
        <v>228</v>
      </c>
      <c r="D24" s="789"/>
      <c r="E24" s="789"/>
      <c r="F24" s="789"/>
      <c r="G24" s="789"/>
      <c r="H24" s="789"/>
      <c r="I24" s="789"/>
      <c r="J24" s="789"/>
      <c r="K24" s="789"/>
      <c r="L24" s="789"/>
      <c r="M24" s="789"/>
      <c r="N24" s="789"/>
      <c r="O24" s="789"/>
      <c r="P24" s="789"/>
      <c r="Q24" s="789"/>
      <c r="R24" s="789"/>
      <c r="S24" s="789"/>
      <c r="T24" s="789"/>
      <c r="U24" s="789"/>
      <c r="V24" s="789"/>
      <c r="W24" s="789"/>
      <c r="X24" s="789"/>
      <c r="Y24" s="154"/>
      <c r="Z24" s="153"/>
      <c r="AA24" s="152" t="s">
        <v>227</v>
      </c>
      <c r="AB24" s="152" t="s">
        <v>217</v>
      </c>
      <c r="AC24" s="152" t="s">
        <v>226</v>
      </c>
      <c r="AD24" s="149"/>
    </row>
    <row r="25" spans="2:30" s="8" customFormat="1" ht="6" customHeight="1" x14ac:dyDescent="0.15">
      <c r="B25" s="9"/>
      <c r="C25" s="18"/>
      <c r="D25" s="18"/>
      <c r="E25" s="18"/>
      <c r="F25" s="18"/>
      <c r="G25" s="18"/>
      <c r="H25" s="18"/>
      <c r="I25" s="18"/>
      <c r="J25" s="18"/>
      <c r="K25" s="18"/>
      <c r="L25" s="18"/>
      <c r="M25" s="18"/>
      <c r="N25" s="18"/>
      <c r="O25" s="18"/>
      <c r="Z25" s="9"/>
      <c r="AD25" s="149"/>
    </row>
    <row r="26" spans="2:30" s="8" customFormat="1" ht="19.5" customHeight="1" x14ac:dyDescent="0.15">
      <c r="B26" s="9"/>
      <c r="D26" s="8" t="s">
        <v>225</v>
      </c>
      <c r="E26" s="18"/>
      <c r="F26" s="18"/>
      <c r="G26" s="18"/>
      <c r="H26" s="18"/>
      <c r="I26" s="18"/>
      <c r="J26" s="18"/>
      <c r="K26" s="18"/>
      <c r="L26" s="18"/>
      <c r="M26" s="18"/>
      <c r="N26" s="18"/>
      <c r="O26" s="18"/>
      <c r="Z26" s="148"/>
      <c r="AA26" s="778" t="s">
        <v>0</v>
      </c>
      <c r="AB26" s="18" t="s">
        <v>217</v>
      </c>
      <c r="AC26" s="778" t="s">
        <v>0</v>
      </c>
      <c r="AD26" s="149"/>
    </row>
    <row r="27" spans="2:30" s="8" customFormat="1" ht="19.5" customHeight="1" x14ac:dyDescent="0.15">
      <c r="B27" s="9"/>
      <c r="D27" s="8" t="s">
        <v>224</v>
      </c>
      <c r="E27" s="18"/>
      <c r="F27" s="18"/>
      <c r="G27" s="18"/>
      <c r="H27" s="18"/>
      <c r="I27" s="18"/>
      <c r="J27" s="18"/>
      <c r="K27" s="18"/>
      <c r="L27" s="18"/>
      <c r="M27" s="18"/>
      <c r="N27" s="18"/>
      <c r="O27" s="18"/>
      <c r="Z27" s="148"/>
      <c r="AA27" s="778"/>
      <c r="AB27" s="18"/>
      <c r="AC27" s="778"/>
      <c r="AD27" s="149"/>
    </row>
    <row r="28" spans="2:30" s="8" customFormat="1" ht="6.75" customHeight="1" x14ac:dyDescent="0.15">
      <c r="B28" s="9"/>
      <c r="Z28" s="9"/>
      <c r="AD28" s="149"/>
    </row>
    <row r="29" spans="2:30" s="16" customFormat="1" ht="18" customHeight="1" x14ac:dyDescent="0.15">
      <c r="B29" s="151"/>
      <c r="D29" s="16" t="s">
        <v>223</v>
      </c>
      <c r="Z29" s="148"/>
      <c r="AA29" s="18" t="s">
        <v>0</v>
      </c>
      <c r="AB29" s="18" t="s">
        <v>217</v>
      </c>
      <c r="AC29" s="18" t="s">
        <v>0</v>
      </c>
      <c r="AD29" s="150"/>
    </row>
    <row r="30" spans="2:30" s="8" customFormat="1" ht="6.75" customHeight="1" x14ac:dyDescent="0.15">
      <c r="B30" s="9"/>
      <c r="Z30" s="9"/>
      <c r="AD30" s="149"/>
    </row>
    <row r="31" spans="2:30" s="16" customFormat="1" ht="18" customHeight="1" x14ac:dyDescent="0.15">
      <c r="B31" s="151"/>
      <c r="D31" s="16" t="s">
        <v>222</v>
      </c>
      <c r="Z31" s="148"/>
      <c r="AA31" s="18" t="s">
        <v>0</v>
      </c>
      <c r="AB31" s="18" t="s">
        <v>217</v>
      </c>
      <c r="AC31" s="18" t="s">
        <v>0</v>
      </c>
      <c r="AD31" s="150"/>
    </row>
    <row r="32" spans="2:30" s="8" customFormat="1" ht="6.75" customHeight="1" x14ac:dyDescent="0.15">
      <c r="B32" s="9"/>
      <c r="Z32" s="9"/>
      <c r="AD32" s="149"/>
    </row>
    <row r="33" spans="1:31" s="16" customFormat="1" ht="18" customHeight="1" x14ac:dyDescent="0.15">
      <c r="B33" s="151"/>
      <c r="D33" s="16" t="s">
        <v>221</v>
      </c>
      <c r="Z33" s="148"/>
      <c r="AA33" s="18" t="s">
        <v>0</v>
      </c>
      <c r="AB33" s="18" t="s">
        <v>217</v>
      </c>
      <c r="AC33" s="18" t="s">
        <v>0</v>
      </c>
      <c r="AD33" s="150"/>
    </row>
    <row r="34" spans="1:31" s="8" customFormat="1" ht="6.75" customHeight="1" x14ac:dyDescent="0.15">
      <c r="B34" s="9"/>
      <c r="Z34" s="9"/>
      <c r="AD34" s="149"/>
    </row>
    <row r="35" spans="1:31" s="16" customFormat="1" ht="18" customHeight="1" x14ac:dyDescent="0.15">
      <c r="B35" s="151"/>
      <c r="D35" s="16" t="s">
        <v>220</v>
      </c>
      <c r="Z35" s="148"/>
      <c r="AA35" s="18" t="s">
        <v>0</v>
      </c>
      <c r="AB35" s="18" t="s">
        <v>217</v>
      </c>
      <c r="AC35" s="18" t="s">
        <v>0</v>
      </c>
      <c r="AD35" s="150"/>
    </row>
    <row r="36" spans="1:31" s="8" customFormat="1" ht="6.75" customHeight="1" x14ac:dyDescent="0.15">
      <c r="B36" s="9"/>
      <c r="Z36" s="9"/>
      <c r="AD36" s="149"/>
    </row>
    <row r="37" spans="1:31" ht="18" customHeight="1" x14ac:dyDescent="0.15">
      <c r="B37" s="147"/>
      <c r="D37" s="16" t="s">
        <v>219</v>
      </c>
      <c r="Z37" s="148"/>
      <c r="AA37" s="18" t="s">
        <v>0</v>
      </c>
      <c r="AB37" s="18" t="s">
        <v>217</v>
      </c>
      <c r="AC37" s="18" t="s">
        <v>0</v>
      </c>
      <c r="AD37" s="10"/>
    </row>
    <row r="38" spans="1:31" x14ac:dyDescent="0.15">
      <c r="B38" s="147"/>
      <c r="Y38" s="10"/>
      <c r="AE38" s="142"/>
    </row>
    <row r="39" spans="1:31" ht="27" customHeight="1" x14ac:dyDescent="0.15">
      <c r="A39" s="10"/>
      <c r="B39" s="146"/>
      <c r="C39" s="779" t="s">
        <v>218</v>
      </c>
      <c r="D39" s="779"/>
      <c r="E39" s="779"/>
      <c r="F39" s="779"/>
      <c r="G39" s="779"/>
      <c r="H39" s="779"/>
      <c r="I39" s="779"/>
      <c r="J39" s="779"/>
      <c r="K39" s="779"/>
      <c r="L39" s="779"/>
      <c r="M39" s="779"/>
      <c r="N39" s="779"/>
      <c r="O39" s="779"/>
      <c r="P39" s="779"/>
      <c r="Q39" s="779"/>
      <c r="R39" s="779"/>
      <c r="S39" s="779"/>
      <c r="T39" s="779"/>
      <c r="U39" s="779"/>
      <c r="V39" s="779"/>
      <c r="W39" s="779"/>
      <c r="X39" s="779"/>
      <c r="Y39" s="145"/>
      <c r="Z39" s="144"/>
      <c r="AA39" s="143" t="s">
        <v>0</v>
      </c>
      <c r="AB39" s="143" t="s">
        <v>217</v>
      </c>
      <c r="AC39" s="143" t="s">
        <v>0</v>
      </c>
      <c r="AD39" s="73"/>
      <c r="AE39" s="142"/>
    </row>
    <row r="40" spans="1:31" s="16" customFormat="1" x14ac:dyDescent="0.15">
      <c r="B40" s="141" t="s">
        <v>216</v>
      </c>
    </row>
    <row r="41" spans="1:31" s="16" customFormat="1" x14ac:dyDescent="0.15">
      <c r="B41" s="141" t="s">
        <v>215</v>
      </c>
    </row>
    <row r="42" spans="1:31" s="16" customFormat="1" x14ac:dyDescent="0.15">
      <c r="B42" s="141" t="s">
        <v>214</v>
      </c>
    </row>
    <row r="122" spans="3:7" x14ac:dyDescent="0.15">
      <c r="C122" s="5"/>
      <c r="D122" s="5"/>
      <c r="E122" s="5"/>
      <c r="F122" s="5"/>
      <c r="G122" s="5"/>
    </row>
    <row r="123" spans="3:7" x14ac:dyDescent="0.15">
      <c r="C123" s="4"/>
    </row>
  </sheetData>
  <mergeCells count="18">
    <mergeCell ref="V2:W2"/>
    <mergeCell ref="Y2:Z2"/>
    <mergeCell ref="AB2:AC2"/>
    <mergeCell ref="B4:AD4"/>
    <mergeCell ref="B6:F6"/>
    <mergeCell ref="G6:AD6"/>
    <mergeCell ref="AA26:AA27"/>
    <mergeCell ref="AC26:AC27"/>
    <mergeCell ref="C39:X39"/>
    <mergeCell ref="B7:F7"/>
    <mergeCell ref="B8:F9"/>
    <mergeCell ref="C20:H20"/>
    <mergeCell ref="I20:X20"/>
    <mergeCell ref="C21:H21"/>
    <mergeCell ref="I21:X21"/>
    <mergeCell ref="C22:H22"/>
    <mergeCell ref="I22:X22"/>
    <mergeCell ref="C24:X24"/>
  </mergeCells>
  <phoneticPr fontId="2"/>
  <dataValidations count="1">
    <dataValidation type="list" allowBlank="1" showInputMessage="1" showErrorMessage="1" sqref="AA14 G7:G9 L7 Q7 P8 AC14 AA16 AC16 AC39 AA26 AA29 AC29 AA31 AC31 AA33 AC33 AA35 AC35 AA37 AC37 AA39 AC26">
      <formula1>"□,■"</formula1>
    </dataValidation>
  </dataValidations>
  <pageMargins left="0.7" right="0.7" top="0.75" bottom="0.75" header="0.3" footer="0.3"/>
  <pageSetup paperSize="9" scale="85" orientation="portrait" r:id="rId1"/>
</worksheet>
</file>

<file path=xl/worksheets/sheet7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AK123"/>
  <sheetViews>
    <sheetView view="pageBreakPreview" zoomScaleNormal="100" zoomScaleSheetLayoutView="100" workbookViewId="0">
      <selection activeCell="C87" sqref="C87"/>
    </sheetView>
  </sheetViews>
  <sheetFormatPr defaultColWidth="3.5" defaultRowHeight="13.5" x14ac:dyDescent="0.15"/>
  <cols>
    <col min="1" max="1" width="1.25" style="3" customWidth="1"/>
    <col min="2" max="2" width="4.125" style="140" customWidth="1"/>
    <col min="3" max="6" width="4.125" style="3" customWidth="1"/>
    <col min="7" max="7" width="1.5" style="3" customWidth="1"/>
    <col min="8" max="25" width="3.5" style="3"/>
    <col min="26" max="26" width="1" style="3" customWidth="1"/>
    <col min="27" max="27" width="4" style="3" customWidth="1"/>
    <col min="28" max="28" width="2.375" style="3" customWidth="1"/>
    <col min="29" max="29" width="4" style="3" customWidth="1"/>
    <col min="30" max="30" width="1.25" style="3" customWidth="1"/>
    <col min="31" max="16384" width="3.5" style="3"/>
  </cols>
  <sheetData>
    <row r="1" spans="2:37" s="8" customFormat="1" x14ac:dyDescent="0.15"/>
    <row r="2" spans="2:37" s="8" customFormat="1" x14ac:dyDescent="0.15">
      <c r="B2" s="8" t="s">
        <v>1761</v>
      </c>
    </row>
    <row r="3" spans="2:37" s="8" customFormat="1" ht="47.25" customHeight="1" x14ac:dyDescent="0.15">
      <c r="B3" s="807" t="s">
        <v>1760</v>
      </c>
      <c r="C3" s="778"/>
      <c r="D3" s="778"/>
      <c r="E3" s="778"/>
      <c r="F3" s="778"/>
      <c r="G3" s="778"/>
      <c r="H3" s="778"/>
      <c r="I3" s="778"/>
      <c r="J3" s="778"/>
      <c r="K3" s="778"/>
      <c r="L3" s="778"/>
      <c r="M3" s="778"/>
      <c r="N3" s="778"/>
      <c r="O3" s="778"/>
      <c r="P3" s="778"/>
      <c r="Q3" s="778"/>
      <c r="R3" s="778"/>
      <c r="S3" s="778"/>
      <c r="T3" s="778"/>
      <c r="U3" s="778"/>
      <c r="V3" s="778"/>
      <c r="W3" s="778"/>
      <c r="X3" s="778"/>
      <c r="Y3" s="778"/>
      <c r="Z3" s="778"/>
      <c r="AA3" s="778"/>
      <c r="AB3" s="778"/>
      <c r="AC3" s="778"/>
    </row>
    <row r="4" spans="2:37" s="8" customFormat="1" ht="23.25" customHeight="1" x14ac:dyDescent="0.15">
      <c r="B4" s="790" t="s">
        <v>244</v>
      </c>
      <c r="C4" s="790"/>
      <c r="D4" s="790"/>
      <c r="E4" s="790"/>
      <c r="F4" s="790"/>
      <c r="G4" s="780"/>
      <c r="H4" s="781"/>
      <c r="I4" s="781"/>
      <c r="J4" s="781"/>
      <c r="K4" s="781"/>
      <c r="L4" s="781"/>
      <c r="M4" s="781"/>
      <c r="N4" s="781"/>
      <c r="O4" s="781"/>
      <c r="P4" s="781"/>
      <c r="Q4" s="781"/>
      <c r="R4" s="781"/>
      <c r="S4" s="781"/>
      <c r="T4" s="781"/>
      <c r="U4" s="781"/>
      <c r="V4" s="781"/>
      <c r="W4" s="781"/>
      <c r="X4" s="781"/>
      <c r="Y4" s="781"/>
      <c r="Z4" s="781"/>
      <c r="AA4" s="781"/>
      <c r="AB4" s="781"/>
      <c r="AC4" s="782"/>
    </row>
    <row r="5" spans="2:37" s="8" customFormat="1" ht="23.25" customHeight="1" x14ac:dyDescent="0.15">
      <c r="B5" s="780" t="s">
        <v>481</v>
      </c>
      <c r="C5" s="781"/>
      <c r="D5" s="781"/>
      <c r="E5" s="781"/>
      <c r="F5" s="782"/>
      <c r="G5" s="252"/>
      <c r="H5" s="177" t="s">
        <v>0</v>
      </c>
      <c r="I5" s="168" t="s">
        <v>242</v>
      </c>
      <c r="J5" s="168"/>
      <c r="K5" s="168"/>
      <c r="L5" s="168"/>
      <c r="M5" s="18" t="s">
        <v>0</v>
      </c>
      <c r="N5" s="168" t="s">
        <v>241</v>
      </c>
      <c r="O5" s="168"/>
      <c r="P5" s="168"/>
      <c r="Q5" s="168"/>
      <c r="R5" s="18" t="s">
        <v>0</v>
      </c>
      <c r="S5" s="168" t="s">
        <v>240</v>
      </c>
      <c r="T5" s="168"/>
      <c r="U5" s="168"/>
      <c r="V5" s="177"/>
      <c r="W5" s="177"/>
      <c r="X5" s="177"/>
      <c r="Y5" s="177"/>
      <c r="Z5" s="177"/>
      <c r="AA5" s="177"/>
      <c r="AB5" s="177"/>
      <c r="AC5" s="176"/>
    </row>
    <row r="6" spans="2:37" s="8" customFormat="1" ht="23.25" customHeight="1" x14ac:dyDescent="0.15">
      <c r="B6" s="783" t="s">
        <v>1759</v>
      </c>
      <c r="C6" s="784"/>
      <c r="D6" s="784"/>
      <c r="E6" s="784"/>
      <c r="F6" s="785"/>
      <c r="G6" s="158"/>
      <c r="H6" s="18" t="s">
        <v>0</v>
      </c>
      <c r="I6" s="157" t="s">
        <v>778</v>
      </c>
      <c r="J6" s="166"/>
      <c r="K6" s="166"/>
      <c r="L6" s="166"/>
      <c r="M6" s="166"/>
      <c r="N6" s="166"/>
      <c r="O6" s="166"/>
      <c r="P6" s="166"/>
      <c r="Q6" s="18" t="s">
        <v>0</v>
      </c>
      <c r="R6" s="157" t="s">
        <v>777</v>
      </c>
      <c r="S6" s="166"/>
      <c r="T6" s="166"/>
      <c r="U6" s="166"/>
      <c r="V6" s="194"/>
      <c r="W6" s="194"/>
      <c r="X6" s="194"/>
      <c r="Y6" s="194"/>
      <c r="Z6" s="194"/>
      <c r="AA6" s="194"/>
      <c r="AB6" s="194"/>
      <c r="AC6" s="193"/>
    </row>
    <row r="7" spans="2:37" s="8" customFormat="1" ht="23.25" customHeight="1" x14ac:dyDescent="0.15">
      <c r="B7" s="786"/>
      <c r="C7" s="787"/>
      <c r="D7" s="787"/>
      <c r="E7" s="787"/>
      <c r="F7" s="788"/>
      <c r="G7" s="173"/>
      <c r="H7" s="143" t="s">
        <v>0</v>
      </c>
      <c r="I7" s="172" t="s">
        <v>1758</v>
      </c>
      <c r="J7" s="162"/>
      <c r="K7" s="162"/>
      <c r="L7" s="162"/>
      <c r="M7" s="162"/>
      <c r="N7" s="162"/>
      <c r="O7" s="162"/>
      <c r="P7" s="162"/>
      <c r="Q7" s="143" t="s">
        <v>0</v>
      </c>
      <c r="R7" s="172" t="s">
        <v>1757</v>
      </c>
      <c r="S7" s="162"/>
      <c r="T7" s="162"/>
      <c r="U7" s="162"/>
      <c r="V7" s="143"/>
      <c r="W7" s="143"/>
      <c r="X7" s="143"/>
      <c r="Y7" s="143"/>
      <c r="Z7" s="143"/>
      <c r="AA7" s="143"/>
      <c r="AB7" s="143"/>
      <c r="AC7" s="170"/>
    </row>
    <row r="8" spans="2:37" s="8" customFormat="1" x14ac:dyDescent="0.15"/>
    <row r="9" spans="2:37" s="8" customFormat="1" x14ac:dyDescent="0.15">
      <c r="B9" s="8" t="s">
        <v>1756</v>
      </c>
    </row>
    <row r="10" spans="2:37" s="8" customFormat="1" ht="7.5" customHeight="1" x14ac:dyDescent="0.15"/>
    <row r="11" spans="2:37" s="8" customFormat="1" ht="10.5" customHeight="1" x14ac:dyDescent="0.15">
      <c r="B11" s="158"/>
      <c r="C11" s="157"/>
      <c r="D11" s="157"/>
      <c r="E11" s="157"/>
      <c r="F11" s="156"/>
      <c r="G11" s="157"/>
      <c r="H11" s="157"/>
      <c r="I11" s="157"/>
      <c r="J11" s="157"/>
      <c r="K11" s="157"/>
      <c r="L11" s="157"/>
      <c r="M11" s="157"/>
      <c r="N11" s="157"/>
      <c r="O11" s="157"/>
      <c r="P11" s="157"/>
      <c r="Q11" s="157"/>
      <c r="R11" s="157"/>
      <c r="S11" s="157"/>
      <c r="T11" s="157"/>
      <c r="U11" s="157"/>
      <c r="V11" s="157"/>
      <c r="W11" s="157"/>
      <c r="X11" s="157"/>
      <c r="Y11" s="157"/>
      <c r="Z11" s="157"/>
      <c r="AA11" s="158"/>
      <c r="AB11" s="157"/>
      <c r="AC11" s="156"/>
    </row>
    <row r="12" spans="2:37" s="8" customFormat="1" ht="30" customHeight="1" x14ac:dyDescent="0.15">
      <c r="B12" s="822" t="s">
        <v>1750</v>
      </c>
      <c r="C12" s="789"/>
      <c r="D12" s="789"/>
      <c r="E12" s="789"/>
      <c r="F12" s="805"/>
      <c r="H12" s="198" t="s">
        <v>279</v>
      </c>
      <c r="I12" s="1303" t="s">
        <v>1745</v>
      </c>
      <c r="J12" s="1304"/>
      <c r="K12" s="1304"/>
      <c r="L12" s="1304"/>
      <c r="M12" s="1304"/>
      <c r="N12" s="1304"/>
      <c r="O12" s="1304"/>
      <c r="P12" s="1304"/>
      <c r="Q12" s="1304"/>
      <c r="R12" s="1304"/>
      <c r="S12" s="780"/>
      <c r="T12" s="781"/>
      <c r="U12" s="176" t="s">
        <v>175</v>
      </c>
      <c r="V12" s="18"/>
      <c r="W12" s="18"/>
      <c r="X12" s="18"/>
      <c r="Y12" s="18"/>
      <c r="AA12" s="314" t="s">
        <v>227</v>
      </c>
      <c r="AB12" s="313" t="s">
        <v>217</v>
      </c>
      <c r="AC12" s="312" t="s">
        <v>226</v>
      </c>
      <c r="AK12" s="16"/>
    </row>
    <row r="13" spans="2:37" s="8" customFormat="1" ht="43.5" customHeight="1" x14ac:dyDescent="0.15">
      <c r="B13" s="822"/>
      <c r="C13" s="789"/>
      <c r="D13" s="789"/>
      <c r="E13" s="789"/>
      <c r="F13" s="805"/>
      <c r="H13" s="198" t="s">
        <v>277</v>
      </c>
      <c r="I13" s="1014" t="s">
        <v>1749</v>
      </c>
      <c r="J13" s="1015"/>
      <c r="K13" s="1015"/>
      <c r="L13" s="1015"/>
      <c r="M13" s="1015"/>
      <c r="N13" s="1015"/>
      <c r="O13" s="1015"/>
      <c r="P13" s="1015"/>
      <c r="Q13" s="1015"/>
      <c r="R13" s="1016"/>
      <c r="S13" s="780"/>
      <c r="T13" s="781"/>
      <c r="U13" s="176" t="s">
        <v>175</v>
      </c>
      <c r="V13" s="8" t="s">
        <v>275</v>
      </c>
      <c r="W13" s="993" t="s">
        <v>1755</v>
      </c>
      <c r="X13" s="993"/>
      <c r="Y13" s="993"/>
      <c r="Z13" s="154"/>
      <c r="AA13" s="151" t="s">
        <v>0</v>
      </c>
      <c r="AB13" s="18" t="s">
        <v>217</v>
      </c>
      <c r="AC13" s="174" t="s">
        <v>0</v>
      </c>
      <c r="AK13" s="16"/>
    </row>
    <row r="14" spans="2:37" s="8" customFormat="1" ht="7.5" customHeight="1" x14ac:dyDescent="0.15">
      <c r="B14" s="173"/>
      <c r="C14" s="172"/>
      <c r="D14" s="172"/>
      <c r="E14" s="172"/>
      <c r="F14" s="171"/>
      <c r="G14" s="172"/>
      <c r="H14" s="172"/>
      <c r="I14" s="172"/>
      <c r="J14" s="172"/>
      <c r="K14" s="172"/>
      <c r="L14" s="172"/>
      <c r="M14" s="172"/>
      <c r="N14" s="172"/>
      <c r="O14" s="172"/>
      <c r="P14" s="172"/>
      <c r="Q14" s="172"/>
      <c r="R14" s="172"/>
      <c r="S14" s="172"/>
      <c r="T14" s="172"/>
      <c r="U14" s="172"/>
      <c r="V14" s="172"/>
      <c r="W14" s="172"/>
      <c r="X14" s="172"/>
      <c r="Y14" s="172"/>
      <c r="Z14" s="172"/>
      <c r="AA14" s="173"/>
      <c r="AB14" s="172"/>
      <c r="AC14" s="171"/>
    </row>
    <row r="15" spans="2:37" s="8" customFormat="1" x14ac:dyDescent="0.15">
      <c r="B15" s="158"/>
      <c r="C15" s="157"/>
      <c r="D15" s="157"/>
      <c r="E15" s="157"/>
      <c r="F15" s="156"/>
      <c r="G15" s="157"/>
      <c r="H15" s="157"/>
      <c r="I15" s="157"/>
      <c r="J15" s="157"/>
      <c r="K15" s="157"/>
      <c r="L15" s="157"/>
      <c r="M15" s="157"/>
      <c r="N15" s="157"/>
      <c r="O15" s="157"/>
      <c r="P15" s="157"/>
      <c r="Q15" s="157"/>
      <c r="R15" s="157"/>
      <c r="S15" s="157"/>
      <c r="T15" s="157"/>
      <c r="U15" s="157"/>
      <c r="V15" s="157"/>
      <c r="W15" s="157"/>
      <c r="X15" s="157"/>
      <c r="Y15" s="157"/>
      <c r="Z15" s="157"/>
      <c r="AA15" s="158"/>
      <c r="AB15" s="157"/>
      <c r="AC15" s="156"/>
    </row>
    <row r="16" spans="2:37" s="8" customFormat="1" ht="30" customHeight="1" x14ac:dyDescent="0.15">
      <c r="B16" s="822" t="s">
        <v>1754</v>
      </c>
      <c r="C16" s="789"/>
      <c r="D16" s="789"/>
      <c r="E16" s="789"/>
      <c r="F16" s="805"/>
      <c r="H16" s="198" t="s">
        <v>279</v>
      </c>
      <c r="I16" s="1014" t="s">
        <v>1745</v>
      </c>
      <c r="J16" s="1015"/>
      <c r="K16" s="1015"/>
      <c r="L16" s="1015"/>
      <c r="M16" s="1015"/>
      <c r="N16" s="1015"/>
      <c r="O16" s="1015"/>
      <c r="P16" s="1015"/>
      <c r="Q16" s="1015"/>
      <c r="R16" s="1016"/>
      <c r="S16" s="780"/>
      <c r="T16" s="781"/>
      <c r="U16" s="176" t="s">
        <v>175</v>
      </c>
      <c r="V16" s="18"/>
      <c r="W16" s="18"/>
      <c r="X16" s="18"/>
      <c r="Y16" s="18"/>
      <c r="AA16" s="314" t="s">
        <v>227</v>
      </c>
      <c r="AB16" s="313" t="s">
        <v>217</v>
      </c>
      <c r="AC16" s="312" t="s">
        <v>226</v>
      </c>
      <c r="AK16" s="16"/>
    </row>
    <row r="17" spans="2:37" s="8" customFormat="1" ht="36" customHeight="1" x14ac:dyDescent="0.15">
      <c r="B17" s="822"/>
      <c r="C17" s="789"/>
      <c r="D17" s="789"/>
      <c r="E17" s="789"/>
      <c r="F17" s="805"/>
      <c r="H17" s="198" t="s">
        <v>277</v>
      </c>
      <c r="I17" s="1014" t="s">
        <v>775</v>
      </c>
      <c r="J17" s="1015"/>
      <c r="K17" s="1015"/>
      <c r="L17" s="1015"/>
      <c r="M17" s="1015"/>
      <c r="N17" s="1015"/>
      <c r="O17" s="1015"/>
      <c r="P17" s="1015"/>
      <c r="Q17" s="1015"/>
      <c r="R17" s="1016"/>
      <c r="S17" s="780"/>
      <c r="T17" s="781"/>
      <c r="U17" s="176" t="s">
        <v>175</v>
      </c>
      <c r="V17" s="8" t="s">
        <v>275</v>
      </c>
      <c r="W17" s="993" t="s">
        <v>764</v>
      </c>
      <c r="X17" s="993"/>
      <c r="Y17" s="993"/>
      <c r="Z17" s="154"/>
      <c r="AA17" s="151" t="s">
        <v>0</v>
      </c>
      <c r="AB17" s="18" t="s">
        <v>217</v>
      </c>
      <c r="AC17" s="174" t="s">
        <v>0</v>
      </c>
      <c r="AK17" s="16"/>
    </row>
    <row r="18" spans="2:37" s="8" customFormat="1" ht="7.5" customHeight="1" x14ac:dyDescent="0.15">
      <c r="B18" s="173"/>
      <c r="C18" s="172"/>
      <c r="D18" s="172"/>
      <c r="E18" s="172"/>
      <c r="F18" s="171"/>
      <c r="G18" s="172"/>
      <c r="H18" s="172"/>
      <c r="I18" s="172"/>
      <c r="J18" s="172"/>
      <c r="K18" s="172"/>
      <c r="L18" s="172"/>
      <c r="M18" s="172"/>
      <c r="N18" s="172"/>
      <c r="O18" s="172"/>
      <c r="P18" s="172"/>
      <c r="Q18" s="172"/>
      <c r="R18" s="172"/>
      <c r="S18" s="172"/>
      <c r="T18" s="172"/>
      <c r="U18" s="172"/>
      <c r="V18" s="172"/>
      <c r="W18" s="172"/>
      <c r="X18" s="172"/>
      <c r="Y18" s="172"/>
      <c r="Z18" s="172"/>
      <c r="AA18" s="173"/>
      <c r="AB18" s="172"/>
      <c r="AC18" s="171"/>
    </row>
    <row r="19" spans="2:37" s="8" customFormat="1" x14ac:dyDescent="0.15">
      <c r="B19" s="158"/>
      <c r="C19" s="157"/>
      <c r="D19" s="157"/>
      <c r="E19" s="157"/>
      <c r="F19" s="156"/>
      <c r="G19" s="157"/>
      <c r="H19" s="157"/>
      <c r="I19" s="157"/>
      <c r="J19" s="157"/>
      <c r="K19" s="157"/>
      <c r="L19" s="157"/>
      <c r="M19" s="157"/>
      <c r="N19" s="157"/>
      <c r="O19" s="157"/>
      <c r="P19" s="157"/>
      <c r="Q19" s="157"/>
      <c r="R19" s="157"/>
      <c r="S19" s="157"/>
      <c r="T19" s="157"/>
      <c r="U19" s="157"/>
      <c r="V19" s="157"/>
      <c r="W19" s="157"/>
      <c r="X19" s="157"/>
      <c r="Y19" s="157"/>
      <c r="Z19" s="157"/>
      <c r="AA19" s="158"/>
      <c r="AB19" s="157"/>
      <c r="AC19" s="156"/>
    </row>
    <row r="20" spans="2:37" s="8" customFormat="1" ht="30" customHeight="1" x14ac:dyDescent="0.15">
      <c r="B20" s="822" t="s">
        <v>1746</v>
      </c>
      <c r="C20" s="789"/>
      <c r="D20" s="789"/>
      <c r="E20" s="789"/>
      <c r="F20" s="805"/>
      <c r="H20" s="198" t="s">
        <v>279</v>
      </c>
      <c r="I20" s="1014" t="s">
        <v>1745</v>
      </c>
      <c r="J20" s="1015"/>
      <c r="K20" s="1015"/>
      <c r="L20" s="1015"/>
      <c r="M20" s="1015"/>
      <c r="N20" s="1015"/>
      <c r="O20" s="1015"/>
      <c r="P20" s="1015"/>
      <c r="Q20" s="1015"/>
      <c r="R20" s="1016"/>
      <c r="S20" s="780"/>
      <c r="T20" s="781"/>
      <c r="U20" s="176" t="s">
        <v>175</v>
      </c>
      <c r="V20" s="18"/>
      <c r="W20" s="18"/>
      <c r="X20" s="18"/>
      <c r="Y20" s="18"/>
      <c r="AA20" s="314" t="s">
        <v>227</v>
      </c>
      <c r="AB20" s="313" t="s">
        <v>217</v>
      </c>
      <c r="AC20" s="312" t="s">
        <v>226</v>
      </c>
      <c r="AK20" s="16"/>
    </row>
    <row r="21" spans="2:37" s="8" customFormat="1" ht="36" customHeight="1" x14ac:dyDescent="0.15">
      <c r="B21" s="822"/>
      <c r="C21" s="789"/>
      <c r="D21" s="789"/>
      <c r="E21" s="789"/>
      <c r="F21" s="805"/>
      <c r="H21" s="198" t="s">
        <v>277</v>
      </c>
      <c r="I21" s="1014" t="s">
        <v>761</v>
      </c>
      <c r="J21" s="1015"/>
      <c r="K21" s="1015"/>
      <c r="L21" s="1015"/>
      <c r="M21" s="1015"/>
      <c r="N21" s="1015"/>
      <c r="O21" s="1015"/>
      <c r="P21" s="1015"/>
      <c r="Q21" s="1015"/>
      <c r="R21" s="1016"/>
      <c r="S21" s="780"/>
      <c r="T21" s="781"/>
      <c r="U21" s="176" t="s">
        <v>175</v>
      </c>
      <c r="V21" s="8" t="s">
        <v>275</v>
      </c>
      <c r="W21" s="993" t="s">
        <v>760</v>
      </c>
      <c r="X21" s="993"/>
      <c r="Y21" s="993"/>
      <c r="Z21" s="154"/>
      <c r="AA21" s="151" t="s">
        <v>0</v>
      </c>
      <c r="AB21" s="18" t="s">
        <v>217</v>
      </c>
      <c r="AC21" s="174" t="s">
        <v>0</v>
      </c>
      <c r="AK21" s="16"/>
    </row>
    <row r="22" spans="2:37" s="8" customFormat="1" ht="7.5" customHeight="1" x14ac:dyDescent="0.15">
      <c r="B22" s="173"/>
      <c r="C22" s="172"/>
      <c r="D22" s="172"/>
      <c r="E22" s="172"/>
      <c r="F22" s="171"/>
      <c r="G22" s="172"/>
      <c r="V22" s="172"/>
      <c r="W22" s="172"/>
      <c r="X22" s="172"/>
      <c r="Y22" s="172"/>
      <c r="Z22" s="172"/>
      <c r="AA22" s="173"/>
      <c r="AB22" s="172"/>
      <c r="AC22" s="171"/>
    </row>
    <row r="23" spans="2:37" s="8" customFormat="1" ht="9.75" customHeight="1" x14ac:dyDescent="0.15">
      <c r="B23" s="158"/>
      <c r="C23" s="157"/>
      <c r="D23" s="157"/>
      <c r="E23" s="157"/>
      <c r="F23" s="156"/>
      <c r="G23" s="157"/>
      <c r="H23" s="157"/>
      <c r="I23" s="157"/>
      <c r="J23" s="157"/>
      <c r="K23" s="157"/>
      <c r="L23" s="157"/>
      <c r="M23" s="157"/>
      <c r="N23" s="157"/>
      <c r="O23" s="157"/>
      <c r="P23" s="157"/>
      <c r="Q23" s="157"/>
      <c r="R23" s="157"/>
      <c r="S23" s="157"/>
      <c r="T23" s="157"/>
      <c r="U23" s="157"/>
      <c r="V23" s="157"/>
      <c r="W23" s="157"/>
      <c r="X23" s="157"/>
      <c r="Y23" s="157"/>
      <c r="Z23" s="157"/>
      <c r="AA23" s="158"/>
      <c r="AB23" s="157"/>
      <c r="AC23" s="156"/>
    </row>
    <row r="24" spans="2:37" s="8" customFormat="1" ht="13.5" customHeight="1" x14ac:dyDescent="0.15">
      <c r="B24" s="153"/>
      <c r="C24" s="14"/>
      <c r="D24" s="14"/>
      <c r="E24" s="14"/>
      <c r="F24" s="238"/>
      <c r="AA24" s="314" t="s">
        <v>227</v>
      </c>
      <c r="AB24" s="313" t="s">
        <v>217</v>
      </c>
      <c r="AC24" s="312" t="s">
        <v>226</v>
      </c>
    </row>
    <row r="25" spans="2:37" s="8" customFormat="1" ht="36" customHeight="1" x14ac:dyDescent="0.15">
      <c r="B25" s="822" t="s">
        <v>1753</v>
      </c>
      <c r="C25" s="789"/>
      <c r="D25" s="789"/>
      <c r="E25" s="789"/>
      <c r="F25" s="805"/>
      <c r="H25" s="198" t="s">
        <v>279</v>
      </c>
      <c r="I25" s="1014" t="s">
        <v>772</v>
      </c>
      <c r="J25" s="1015"/>
      <c r="K25" s="1015"/>
      <c r="L25" s="1015"/>
      <c r="M25" s="1015"/>
      <c r="N25" s="1015"/>
      <c r="O25" s="1015"/>
      <c r="P25" s="1015"/>
      <c r="Q25" s="1015"/>
      <c r="R25" s="1016"/>
      <c r="S25" s="780"/>
      <c r="T25" s="781"/>
      <c r="U25" s="176" t="s">
        <v>175</v>
      </c>
      <c r="V25" s="265" t="s">
        <v>275</v>
      </c>
      <c r="W25" s="993" t="s">
        <v>1267</v>
      </c>
      <c r="X25" s="993"/>
      <c r="Y25" s="993"/>
      <c r="Z25" s="154"/>
      <c r="AA25" s="151" t="s">
        <v>0</v>
      </c>
      <c r="AB25" s="18" t="s">
        <v>217</v>
      </c>
      <c r="AC25" s="174" t="s">
        <v>0</v>
      </c>
      <c r="AK25" s="16"/>
    </row>
    <row r="26" spans="2:37" s="8" customFormat="1" ht="7.5" customHeight="1" x14ac:dyDescent="0.15">
      <c r="B26" s="299"/>
      <c r="C26" s="298"/>
      <c r="D26" s="298"/>
      <c r="E26" s="298"/>
      <c r="F26" s="297"/>
      <c r="G26" s="172"/>
      <c r="H26" s="465"/>
      <c r="I26" s="1171"/>
      <c r="J26" s="1171"/>
      <c r="K26" s="1171"/>
      <c r="L26" s="1171"/>
      <c r="M26" s="535"/>
      <c r="N26" s="535"/>
      <c r="O26" s="535"/>
      <c r="P26" s="535"/>
      <c r="Q26" s="535"/>
      <c r="R26" s="535"/>
      <c r="S26" s="172"/>
      <c r="T26" s="172"/>
      <c r="U26" s="143"/>
      <c r="V26" s="298"/>
      <c r="W26" s="464"/>
      <c r="X26" s="464"/>
      <c r="Y26" s="464"/>
      <c r="Z26" s="145"/>
      <c r="AA26" s="1216"/>
      <c r="AB26" s="1224"/>
      <c r="AC26" s="1217"/>
      <c r="AK26" s="16"/>
    </row>
    <row r="27" spans="2:37" s="8" customFormat="1" ht="7.5" customHeight="1" x14ac:dyDescent="0.15">
      <c r="B27" s="158"/>
      <c r="C27" s="157"/>
      <c r="D27" s="157"/>
      <c r="E27" s="157"/>
      <c r="F27" s="157"/>
      <c r="G27" s="157"/>
      <c r="H27" s="157"/>
      <c r="I27" s="157"/>
      <c r="J27" s="157"/>
      <c r="K27" s="157"/>
      <c r="L27" s="157"/>
      <c r="M27" s="157"/>
      <c r="N27" s="157"/>
      <c r="O27" s="157"/>
      <c r="P27" s="157"/>
      <c r="Q27" s="157"/>
      <c r="R27" s="157"/>
      <c r="S27" s="157"/>
      <c r="T27" s="157"/>
      <c r="U27" s="157"/>
      <c r="V27" s="157"/>
      <c r="W27" s="157"/>
      <c r="X27" s="157"/>
      <c r="Y27" s="157"/>
      <c r="Z27" s="157"/>
      <c r="AA27" s="158"/>
      <c r="AB27" s="157"/>
      <c r="AC27" s="156"/>
    </row>
    <row r="28" spans="2:37" s="8" customFormat="1" x14ac:dyDescent="0.15">
      <c r="B28" s="9"/>
      <c r="AA28" s="314" t="s">
        <v>227</v>
      </c>
      <c r="AB28" s="313" t="s">
        <v>217</v>
      </c>
      <c r="AC28" s="312" t="s">
        <v>226</v>
      </c>
    </row>
    <row r="29" spans="2:37" s="8" customFormat="1" ht="21" customHeight="1" x14ac:dyDescent="0.15">
      <c r="B29" s="823" t="s">
        <v>1752</v>
      </c>
      <c r="C29" s="809"/>
      <c r="D29" s="809"/>
      <c r="E29" s="809"/>
      <c r="F29" s="809"/>
      <c r="G29" s="809"/>
      <c r="H29" s="809"/>
      <c r="I29" s="809"/>
      <c r="J29" s="809"/>
      <c r="K29" s="809"/>
      <c r="L29" s="809"/>
      <c r="M29" s="809"/>
      <c r="N29" s="809"/>
      <c r="O29" s="809"/>
      <c r="P29" s="809"/>
      <c r="Q29" s="809"/>
      <c r="R29" s="809"/>
      <c r="S29" s="809"/>
      <c r="T29" s="809"/>
      <c r="U29" s="809"/>
      <c r="V29" s="809"/>
      <c r="W29" s="809"/>
      <c r="X29" s="809"/>
      <c r="Y29" s="809"/>
      <c r="Z29" s="821"/>
      <c r="AA29" s="151" t="s">
        <v>0</v>
      </c>
      <c r="AB29" s="18" t="s">
        <v>217</v>
      </c>
      <c r="AC29" s="174" t="s">
        <v>0</v>
      </c>
    </row>
    <row r="30" spans="2:37" s="8" customFormat="1" ht="4.5" customHeight="1" x14ac:dyDescent="0.15">
      <c r="B30" s="173"/>
      <c r="C30" s="172"/>
      <c r="D30" s="172"/>
      <c r="E30" s="172"/>
      <c r="F30" s="172"/>
      <c r="G30" s="172"/>
      <c r="H30" s="172"/>
      <c r="I30" s="172"/>
      <c r="J30" s="172"/>
      <c r="K30" s="172"/>
      <c r="L30" s="172"/>
      <c r="M30" s="172"/>
      <c r="N30" s="172"/>
      <c r="O30" s="172"/>
      <c r="P30" s="172"/>
      <c r="Q30" s="172"/>
      <c r="R30" s="172"/>
      <c r="S30" s="172"/>
      <c r="T30" s="172"/>
      <c r="U30" s="172"/>
      <c r="V30" s="172"/>
      <c r="W30" s="172"/>
      <c r="X30" s="172"/>
      <c r="Y30" s="172"/>
      <c r="Z30" s="172"/>
      <c r="AA30" s="173"/>
      <c r="AB30" s="172"/>
      <c r="AC30" s="171"/>
    </row>
    <row r="31" spans="2:37" s="8" customFormat="1" x14ac:dyDescent="0.15"/>
    <row r="32" spans="2:37" s="8" customFormat="1" x14ac:dyDescent="0.15">
      <c r="B32" s="8" t="s">
        <v>1751</v>
      </c>
    </row>
    <row r="33" spans="2:37" s="8" customFormat="1" ht="7.5" customHeight="1" x14ac:dyDescent="0.15"/>
    <row r="34" spans="2:37" s="8" customFormat="1" ht="7.5" customHeight="1" x14ac:dyDescent="0.15">
      <c r="B34" s="158"/>
      <c r="C34" s="157"/>
      <c r="D34" s="157"/>
      <c r="E34" s="157"/>
      <c r="F34" s="156"/>
      <c r="G34" s="157"/>
      <c r="H34" s="157"/>
      <c r="I34" s="157"/>
      <c r="J34" s="157"/>
      <c r="K34" s="157"/>
      <c r="L34" s="157"/>
      <c r="M34" s="157"/>
      <c r="N34" s="157"/>
      <c r="O34" s="157"/>
      <c r="P34" s="157"/>
      <c r="Q34" s="157"/>
      <c r="R34" s="157"/>
      <c r="S34" s="157"/>
      <c r="T34" s="157"/>
      <c r="U34" s="157"/>
      <c r="V34" s="157"/>
      <c r="W34" s="157"/>
      <c r="X34" s="157"/>
      <c r="Y34" s="157"/>
      <c r="Z34" s="157"/>
      <c r="AA34" s="158"/>
      <c r="AB34" s="157"/>
      <c r="AC34" s="156"/>
    </row>
    <row r="35" spans="2:37" s="8" customFormat="1" ht="30" customHeight="1" x14ac:dyDescent="0.15">
      <c r="B35" s="822" t="s">
        <v>1750</v>
      </c>
      <c r="C35" s="789"/>
      <c r="D35" s="789"/>
      <c r="E35" s="789"/>
      <c r="F35" s="805"/>
      <c r="H35" s="198" t="s">
        <v>279</v>
      </c>
      <c r="I35" s="1303" t="s">
        <v>1745</v>
      </c>
      <c r="J35" s="1304"/>
      <c r="K35" s="1304"/>
      <c r="L35" s="1304"/>
      <c r="M35" s="1304"/>
      <c r="N35" s="1304"/>
      <c r="O35" s="1304"/>
      <c r="P35" s="1304"/>
      <c r="Q35" s="1304"/>
      <c r="R35" s="1304"/>
      <c r="S35" s="780"/>
      <c r="T35" s="781"/>
      <c r="U35" s="176" t="s">
        <v>175</v>
      </c>
      <c r="V35" s="18"/>
      <c r="W35" s="18"/>
      <c r="X35" s="18"/>
      <c r="Y35" s="18"/>
      <c r="AA35" s="314" t="s">
        <v>227</v>
      </c>
      <c r="AB35" s="313" t="s">
        <v>217</v>
      </c>
      <c r="AC35" s="312" t="s">
        <v>226</v>
      </c>
      <c r="AK35" s="16"/>
    </row>
    <row r="36" spans="2:37" s="8" customFormat="1" ht="36" customHeight="1" x14ac:dyDescent="0.15">
      <c r="B36" s="822"/>
      <c r="C36" s="789"/>
      <c r="D36" s="789"/>
      <c r="E36" s="789"/>
      <c r="F36" s="805"/>
      <c r="H36" s="198" t="s">
        <v>277</v>
      </c>
      <c r="I36" s="1014" t="s">
        <v>1749</v>
      </c>
      <c r="J36" s="1015"/>
      <c r="K36" s="1015"/>
      <c r="L36" s="1015"/>
      <c r="M36" s="1015"/>
      <c r="N36" s="1015"/>
      <c r="O36" s="1015"/>
      <c r="P36" s="1015"/>
      <c r="Q36" s="1015"/>
      <c r="R36" s="1016"/>
      <c r="S36" s="780"/>
      <c r="T36" s="781"/>
      <c r="U36" s="176" t="s">
        <v>175</v>
      </c>
      <c r="V36" s="8" t="s">
        <v>275</v>
      </c>
      <c r="W36" s="993" t="s">
        <v>1747</v>
      </c>
      <c r="X36" s="993"/>
      <c r="Y36" s="993"/>
      <c r="Z36" s="154"/>
      <c r="AA36" s="151" t="s">
        <v>0</v>
      </c>
      <c r="AB36" s="18" t="s">
        <v>217</v>
      </c>
      <c r="AC36" s="174" t="s">
        <v>0</v>
      </c>
      <c r="AK36" s="16"/>
    </row>
    <row r="37" spans="2:37" s="8" customFormat="1" ht="7.5" customHeight="1" x14ac:dyDescent="0.15">
      <c r="B37" s="173"/>
      <c r="C37" s="172"/>
      <c r="D37" s="172"/>
      <c r="E37" s="172"/>
      <c r="F37" s="171"/>
      <c r="G37" s="172"/>
      <c r="H37" s="172"/>
      <c r="I37" s="172"/>
      <c r="J37" s="172"/>
      <c r="K37" s="172"/>
      <c r="L37" s="172"/>
      <c r="M37" s="172"/>
      <c r="N37" s="172"/>
      <c r="O37" s="172"/>
      <c r="P37" s="172"/>
      <c r="Q37" s="172"/>
      <c r="R37" s="172"/>
      <c r="S37" s="172"/>
      <c r="T37" s="172"/>
      <c r="U37" s="172"/>
      <c r="V37" s="172"/>
      <c r="W37" s="172"/>
      <c r="X37" s="172"/>
      <c r="Y37" s="172"/>
      <c r="Z37" s="172"/>
      <c r="AA37" s="173"/>
      <c r="AB37" s="172"/>
      <c r="AC37" s="171"/>
    </row>
    <row r="38" spans="2:37" s="8" customFormat="1" ht="7.5" customHeight="1" x14ac:dyDescent="0.15">
      <c r="B38" s="158"/>
      <c r="C38" s="157"/>
      <c r="D38" s="157"/>
      <c r="E38" s="157"/>
      <c r="F38" s="156"/>
      <c r="G38" s="157"/>
      <c r="H38" s="181"/>
      <c r="I38" s="181"/>
      <c r="J38" s="181"/>
      <c r="K38" s="181"/>
      <c r="L38" s="181"/>
      <c r="M38" s="181"/>
      <c r="N38" s="181"/>
      <c r="O38" s="181"/>
      <c r="P38" s="181"/>
      <c r="Q38" s="181"/>
      <c r="R38" s="181"/>
      <c r="S38" s="181"/>
      <c r="T38" s="181"/>
      <c r="U38" s="181"/>
      <c r="V38" s="157"/>
      <c r="W38" s="157"/>
      <c r="X38" s="157"/>
      <c r="Y38" s="157"/>
      <c r="Z38" s="157"/>
      <c r="AA38" s="158"/>
      <c r="AB38" s="157"/>
      <c r="AC38" s="156"/>
    </row>
    <row r="39" spans="2:37" s="8" customFormat="1" ht="30" customHeight="1" x14ac:dyDescent="0.15">
      <c r="B39" s="822" t="s">
        <v>1748</v>
      </c>
      <c r="C39" s="789"/>
      <c r="D39" s="789"/>
      <c r="E39" s="789"/>
      <c r="F39" s="805"/>
      <c r="G39" s="189"/>
      <c r="H39" s="531" t="s">
        <v>279</v>
      </c>
      <c r="I39" s="1300" t="s">
        <v>1745</v>
      </c>
      <c r="J39" s="1301"/>
      <c r="K39" s="1301"/>
      <c r="L39" s="1301"/>
      <c r="M39" s="1301"/>
      <c r="N39" s="1301"/>
      <c r="O39" s="1301"/>
      <c r="P39" s="1301"/>
      <c r="Q39" s="1301"/>
      <c r="R39" s="1302"/>
      <c r="S39" s="786"/>
      <c r="T39" s="787"/>
      <c r="U39" s="170" t="s">
        <v>175</v>
      </c>
      <c r="V39" s="151"/>
      <c r="W39" s="18"/>
      <c r="X39" s="18"/>
      <c r="Y39" s="18"/>
      <c r="AA39" s="314" t="s">
        <v>227</v>
      </c>
      <c r="AB39" s="313" t="s">
        <v>217</v>
      </c>
      <c r="AC39" s="312" t="s">
        <v>226</v>
      </c>
      <c r="AK39" s="16"/>
    </row>
    <row r="40" spans="2:37" s="8" customFormat="1" ht="36" customHeight="1" x14ac:dyDescent="0.15">
      <c r="B40" s="822"/>
      <c r="C40" s="789"/>
      <c r="D40" s="789"/>
      <c r="E40" s="789"/>
      <c r="F40" s="805"/>
      <c r="H40" s="198" t="s">
        <v>277</v>
      </c>
      <c r="I40" s="1014" t="s">
        <v>775</v>
      </c>
      <c r="J40" s="1015"/>
      <c r="K40" s="1015"/>
      <c r="L40" s="1015"/>
      <c r="M40" s="1015"/>
      <c r="N40" s="1015"/>
      <c r="O40" s="1015"/>
      <c r="P40" s="1015"/>
      <c r="Q40" s="1015"/>
      <c r="R40" s="1016"/>
      <c r="S40" s="780"/>
      <c r="T40" s="781"/>
      <c r="U40" s="176" t="s">
        <v>175</v>
      </c>
      <c r="V40" s="8" t="s">
        <v>275</v>
      </c>
      <c r="W40" s="993" t="s">
        <v>1747</v>
      </c>
      <c r="X40" s="993"/>
      <c r="Y40" s="993"/>
      <c r="Z40" s="154"/>
      <c r="AA40" s="151" t="s">
        <v>0</v>
      </c>
      <c r="AB40" s="18" t="s">
        <v>217</v>
      </c>
      <c r="AC40" s="174" t="s">
        <v>0</v>
      </c>
      <c r="AK40" s="16"/>
    </row>
    <row r="41" spans="2:37" s="8" customFormat="1" ht="7.5" customHeight="1" x14ac:dyDescent="0.15">
      <c r="B41" s="173"/>
      <c r="C41" s="172"/>
      <c r="D41" s="172"/>
      <c r="E41" s="172"/>
      <c r="F41" s="171"/>
      <c r="G41" s="172"/>
      <c r="H41" s="172"/>
      <c r="I41" s="172"/>
      <c r="J41" s="172"/>
      <c r="K41" s="172"/>
      <c r="L41" s="172"/>
      <c r="M41" s="172"/>
      <c r="N41" s="172"/>
      <c r="O41" s="172"/>
      <c r="P41" s="172"/>
      <c r="Q41" s="172"/>
      <c r="R41" s="172"/>
      <c r="S41" s="172"/>
      <c r="T41" s="172"/>
      <c r="U41" s="172"/>
      <c r="V41" s="172"/>
      <c r="W41" s="172"/>
      <c r="X41" s="172"/>
      <c r="Y41" s="172"/>
      <c r="Z41" s="172"/>
      <c r="AA41" s="173"/>
      <c r="AB41" s="172"/>
      <c r="AC41" s="171"/>
    </row>
    <row r="42" spans="2:37" s="8" customFormat="1" ht="7.5" customHeight="1" x14ac:dyDescent="0.15">
      <c r="B42" s="158"/>
      <c r="C42" s="157"/>
      <c r="D42" s="157"/>
      <c r="E42" s="157"/>
      <c r="F42" s="156"/>
      <c r="G42" s="157"/>
      <c r="H42" s="157"/>
      <c r="I42" s="157"/>
      <c r="J42" s="157"/>
      <c r="K42" s="157"/>
      <c r="L42" s="157"/>
      <c r="M42" s="157"/>
      <c r="N42" s="157"/>
      <c r="O42" s="157"/>
      <c r="P42" s="157"/>
      <c r="Q42" s="157"/>
      <c r="R42" s="157"/>
      <c r="S42" s="157"/>
      <c r="T42" s="157"/>
      <c r="U42" s="157"/>
      <c r="V42" s="157"/>
      <c r="W42" s="157"/>
      <c r="X42" s="157"/>
      <c r="Y42" s="157"/>
      <c r="Z42" s="157"/>
      <c r="AA42" s="158"/>
      <c r="AB42" s="157"/>
      <c r="AC42" s="156"/>
    </row>
    <row r="43" spans="2:37" s="8" customFormat="1" ht="30" customHeight="1" x14ac:dyDescent="0.15">
      <c r="B43" s="822" t="s">
        <v>1746</v>
      </c>
      <c r="C43" s="789"/>
      <c r="D43" s="789"/>
      <c r="E43" s="789"/>
      <c r="F43" s="805"/>
      <c r="H43" s="198" t="s">
        <v>279</v>
      </c>
      <c r="I43" s="1014" t="s">
        <v>1745</v>
      </c>
      <c r="J43" s="1015"/>
      <c r="K43" s="1015"/>
      <c r="L43" s="1015"/>
      <c r="M43" s="1015"/>
      <c r="N43" s="1015"/>
      <c r="O43" s="1015"/>
      <c r="P43" s="1015"/>
      <c r="Q43" s="1015"/>
      <c r="R43" s="1016"/>
      <c r="S43" s="780"/>
      <c r="T43" s="781"/>
      <c r="U43" s="176" t="s">
        <v>175</v>
      </c>
      <c r="V43" s="18"/>
      <c r="W43" s="18"/>
      <c r="X43" s="18"/>
      <c r="Y43" s="18"/>
      <c r="AA43" s="314" t="s">
        <v>227</v>
      </c>
      <c r="AB43" s="313" t="s">
        <v>217</v>
      </c>
      <c r="AC43" s="312" t="s">
        <v>226</v>
      </c>
      <c r="AK43" s="16"/>
    </row>
    <row r="44" spans="2:37" s="8" customFormat="1" ht="36" customHeight="1" x14ac:dyDescent="0.15">
      <c r="B44" s="822"/>
      <c r="C44" s="789"/>
      <c r="D44" s="789"/>
      <c r="E44" s="789"/>
      <c r="F44" s="805"/>
      <c r="H44" s="198" t="s">
        <v>277</v>
      </c>
      <c r="I44" s="1014" t="s">
        <v>761</v>
      </c>
      <c r="J44" s="1015"/>
      <c r="K44" s="1015"/>
      <c r="L44" s="1015"/>
      <c r="M44" s="1015"/>
      <c r="N44" s="1015"/>
      <c r="O44" s="1015"/>
      <c r="P44" s="1015"/>
      <c r="Q44" s="1015"/>
      <c r="R44" s="1016"/>
      <c r="S44" s="780"/>
      <c r="T44" s="781"/>
      <c r="U44" s="176" t="s">
        <v>175</v>
      </c>
      <c r="V44" s="8" t="s">
        <v>275</v>
      </c>
      <c r="W44" s="993" t="s">
        <v>1744</v>
      </c>
      <c r="X44" s="993"/>
      <c r="Y44" s="993"/>
      <c r="Z44" s="154"/>
      <c r="AA44" s="151" t="s">
        <v>0</v>
      </c>
      <c r="AB44" s="18" t="s">
        <v>217</v>
      </c>
      <c r="AC44" s="174" t="s">
        <v>0</v>
      </c>
      <c r="AK44" s="16"/>
    </row>
    <row r="45" spans="2:37" s="8" customFormat="1" ht="7.5" customHeight="1" x14ac:dyDescent="0.15">
      <c r="B45" s="173"/>
      <c r="C45" s="172"/>
      <c r="D45" s="172"/>
      <c r="E45" s="172"/>
      <c r="F45" s="171"/>
      <c r="G45" s="172"/>
      <c r="H45" s="172"/>
      <c r="I45" s="172"/>
      <c r="J45" s="172"/>
      <c r="K45" s="172"/>
      <c r="L45" s="172"/>
      <c r="M45" s="172"/>
      <c r="N45" s="172"/>
      <c r="O45" s="172"/>
      <c r="P45" s="172"/>
      <c r="Q45" s="172"/>
      <c r="R45" s="172"/>
      <c r="S45" s="172"/>
      <c r="T45" s="172"/>
      <c r="U45" s="172"/>
      <c r="V45" s="172"/>
      <c r="W45" s="172"/>
      <c r="X45" s="172"/>
      <c r="Y45" s="172"/>
      <c r="Z45" s="172"/>
      <c r="AA45" s="173"/>
      <c r="AB45" s="172"/>
      <c r="AC45" s="171"/>
    </row>
    <row r="46" spans="2:37" s="8" customFormat="1" x14ac:dyDescent="0.15"/>
    <row r="47" spans="2:37" s="8" customFormat="1" x14ac:dyDescent="0.15">
      <c r="B47" s="8" t="s">
        <v>1743</v>
      </c>
    </row>
    <row r="48" spans="2:37" s="8" customFormat="1" ht="7.5" customHeight="1" x14ac:dyDescent="0.15"/>
    <row r="49" spans="2:29" s="8" customFormat="1" ht="7.5" customHeight="1" x14ac:dyDescent="0.15">
      <c r="B49" s="158"/>
      <c r="C49" s="157"/>
      <c r="D49" s="157"/>
      <c r="E49" s="157"/>
      <c r="F49" s="156"/>
      <c r="G49" s="157"/>
      <c r="H49" s="157"/>
      <c r="I49" s="157"/>
      <c r="J49" s="157"/>
      <c r="K49" s="157"/>
      <c r="L49" s="157"/>
      <c r="M49" s="157"/>
      <c r="N49" s="157"/>
      <c r="O49" s="157"/>
      <c r="P49" s="157"/>
      <c r="Q49" s="157"/>
      <c r="R49" s="157"/>
      <c r="S49" s="157"/>
      <c r="T49" s="157"/>
      <c r="U49" s="157"/>
      <c r="V49" s="157"/>
      <c r="W49" s="157"/>
      <c r="X49" s="157"/>
      <c r="Y49" s="157"/>
      <c r="Z49" s="156"/>
      <c r="AA49" s="158"/>
      <c r="AB49" s="157"/>
      <c r="AC49" s="156"/>
    </row>
    <row r="50" spans="2:29" s="8" customFormat="1" x14ac:dyDescent="0.15">
      <c r="B50" s="9"/>
      <c r="F50" s="149"/>
      <c r="H50" s="172"/>
      <c r="I50" s="172"/>
      <c r="J50" s="172"/>
      <c r="K50" s="172"/>
      <c r="L50" s="172"/>
      <c r="M50" s="172"/>
      <c r="N50" s="172"/>
      <c r="O50" s="172"/>
      <c r="P50" s="172"/>
      <c r="Q50" s="172"/>
      <c r="R50" s="172"/>
      <c r="S50" s="172"/>
      <c r="T50" s="172"/>
      <c r="U50" s="172"/>
      <c r="V50" s="172"/>
      <c r="W50" s="172"/>
      <c r="X50" s="172"/>
      <c r="Y50" s="172"/>
      <c r="Z50" s="171"/>
      <c r="AA50" s="359" t="s">
        <v>227</v>
      </c>
      <c r="AB50" s="358" t="s">
        <v>217</v>
      </c>
      <c r="AC50" s="635" t="s">
        <v>226</v>
      </c>
    </row>
    <row r="51" spans="2:29" ht="36" customHeight="1" x14ac:dyDescent="0.15">
      <c r="B51" s="822" t="s">
        <v>1742</v>
      </c>
      <c r="C51" s="789"/>
      <c r="D51" s="789"/>
      <c r="E51" s="789"/>
      <c r="F51" s="805"/>
      <c r="G51" s="8"/>
      <c r="H51" s="198" t="s">
        <v>279</v>
      </c>
      <c r="I51" s="1170" t="s">
        <v>1741</v>
      </c>
      <c r="J51" s="1171"/>
      <c r="K51" s="1171"/>
      <c r="L51" s="1171"/>
      <c r="M51" s="1171"/>
      <c r="N51" s="1171"/>
      <c r="O51" s="1171"/>
      <c r="P51" s="1171"/>
      <c r="Q51" s="1171"/>
      <c r="R51" s="1171"/>
      <c r="S51" s="1171"/>
      <c r="T51" s="1171"/>
      <c r="U51" s="1171"/>
      <c r="V51" s="1171"/>
      <c r="W51" s="1171"/>
      <c r="X51" s="1171"/>
      <c r="Y51" s="1171"/>
      <c r="Z51" s="1172"/>
      <c r="AA51" s="169" t="s">
        <v>0</v>
      </c>
      <c r="AB51" s="177" t="s">
        <v>217</v>
      </c>
      <c r="AC51" s="176" t="s">
        <v>0</v>
      </c>
    </row>
    <row r="52" spans="2:29" ht="36" customHeight="1" x14ac:dyDescent="0.15">
      <c r="B52" s="822"/>
      <c r="C52" s="789"/>
      <c r="D52" s="789"/>
      <c r="E52" s="789"/>
      <c r="F52" s="805"/>
      <c r="G52" s="8"/>
      <c r="H52" s="198" t="s">
        <v>277</v>
      </c>
      <c r="I52" s="1170" t="s">
        <v>1740</v>
      </c>
      <c r="J52" s="1171"/>
      <c r="K52" s="1171"/>
      <c r="L52" s="1171"/>
      <c r="M52" s="1171"/>
      <c r="N52" s="1171"/>
      <c r="O52" s="1171"/>
      <c r="P52" s="1171"/>
      <c r="Q52" s="1171"/>
      <c r="R52" s="1171"/>
      <c r="S52" s="1171"/>
      <c r="T52" s="1171"/>
      <c r="U52" s="1171"/>
      <c r="V52" s="1171"/>
      <c r="W52" s="1171"/>
      <c r="X52" s="1171"/>
      <c r="Y52" s="1171"/>
      <c r="Z52" s="1172"/>
      <c r="AA52" s="169" t="s">
        <v>0</v>
      </c>
      <c r="AB52" s="177" t="s">
        <v>217</v>
      </c>
      <c r="AC52" s="176" t="s">
        <v>0</v>
      </c>
    </row>
    <row r="53" spans="2:29" s="6" customFormat="1" ht="7.5" customHeight="1" x14ac:dyDescent="0.15">
      <c r="B53" s="173"/>
      <c r="C53" s="172"/>
      <c r="D53" s="172"/>
      <c r="E53" s="172"/>
      <c r="F53" s="171"/>
      <c r="G53" s="172"/>
      <c r="H53" s="172"/>
      <c r="I53" s="172"/>
      <c r="J53" s="172"/>
      <c r="K53" s="172"/>
      <c r="L53" s="172"/>
      <c r="M53" s="172"/>
      <c r="N53" s="172"/>
      <c r="O53" s="172"/>
      <c r="P53" s="172"/>
      <c r="Q53" s="172"/>
      <c r="R53" s="172"/>
      <c r="S53" s="172"/>
      <c r="T53" s="172"/>
      <c r="U53" s="172"/>
      <c r="V53" s="172"/>
      <c r="W53" s="172"/>
      <c r="X53" s="172"/>
      <c r="Y53" s="172"/>
      <c r="Z53" s="197"/>
      <c r="AA53" s="173"/>
      <c r="AB53" s="172"/>
      <c r="AC53" s="171"/>
    </row>
    <row r="54" spans="2:29" s="6" customFormat="1" x14ac:dyDescent="0.15">
      <c r="B54" s="140"/>
      <c r="C54" s="3"/>
      <c r="D54" s="3"/>
      <c r="E54" s="3"/>
      <c r="F54" s="3"/>
      <c r="G54" s="3"/>
      <c r="H54" s="3"/>
      <c r="I54" s="3"/>
      <c r="J54" s="3"/>
      <c r="K54" s="3"/>
      <c r="L54" s="3"/>
      <c r="M54" s="3"/>
      <c r="N54" s="3"/>
      <c r="O54" s="3"/>
      <c r="P54" s="3"/>
      <c r="Q54" s="3"/>
      <c r="R54" s="3"/>
      <c r="S54" s="3"/>
      <c r="T54" s="3"/>
      <c r="U54" s="3"/>
      <c r="V54" s="3"/>
      <c r="W54" s="3"/>
      <c r="X54" s="3"/>
      <c r="Y54" s="3"/>
      <c r="Z54" s="3"/>
      <c r="AA54" s="4"/>
      <c r="AB54" s="3"/>
      <c r="AC54" s="3"/>
    </row>
    <row r="55" spans="2:29" s="6" customFormat="1" x14ac:dyDescent="0.15">
      <c r="B55" s="140"/>
      <c r="C55" s="3"/>
      <c r="D55" s="3"/>
      <c r="E55" s="3"/>
      <c r="F55" s="3"/>
      <c r="G55" s="3"/>
      <c r="H55" s="3"/>
      <c r="I55" s="3"/>
      <c r="J55" s="3"/>
      <c r="K55" s="3"/>
      <c r="L55" s="3"/>
      <c r="M55" s="3"/>
      <c r="N55" s="3"/>
      <c r="O55" s="3"/>
      <c r="P55" s="3"/>
      <c r="Q55" s="3"/>
      <c r="R55" s="3"/>
      <c r="S55" s="3"/>
      <c r="T55" s="3"/>
      <c r="U55" s="3"/>
      <c r="V55" s="3"/>
      <c r="W55" s="3"/>
      <c r="X55" s="3"/>
      <c r="Y55" s="3"/>
      <c r="Z55" s="3"/>
      <c r="AA55" s="3"/>
      <c r="AB55" s="3"/>
      <c r="AC55" s="3"/>
    </row>
    <row r="122" spans="3:7" x14ac:dyDescent="0.15">
      <c r="C122" s="5"/>
      <c r="D122" s="5"/>
      <c r="E122" s="5"/>
      <c r="F122" s="5"/>
      <c r="G122" s="5"/>
    </row>
    <row r="123" spans="3:7" x14ac:dyDescent="0.15">
      <c r="C123" s="4"/>
    </row>
  </sheetData>
  <mergeCells count="51">
    <mergeCell ref="B3:AC3"/>
    <mergeCell ref="B4:F4"/>
    <mergeCell ref="G4:AC4"/>
    <mergeCell ref="B5:F5"/>
    <mergeCell ref="B6:F7"/>
    <mergeCell ref="S17:T17"/>
    <mergeCell ref="W17:Y17"/>
    <mergeCell ref="B12:F13"/>
    <mergeCell ref="I12:R12"/>
    <mergeCell ref="S12:T12"/>
    <mergeCell ref="I13:R13"/>
    <mergeCell ref="S13:T13"/>
    <mergeCell ref="W13:Y13"/>
    <mergeCell ref="B16:F17"/>
    <mergeCell ref="I16:R16"/>
    <mergeCell ref="S16:T16"/>
    <mergeCell ref="I17:R17"/>
    <mergeCell ref="W40:Y40"/>
    <mergeCell ref="B29:Z29"/>
    <mergeCell ref="B35:F36"/>
    <mergeCell ref="I35:R35"/>
    <mergeCell ref="S35:T35"/>
    <mergeCell ref="I36:R36"/>
    <mergeCell ref="AA26:AC26"/>
    <mergeCell ref="B20:F21"/>
    <mergeCell ref="I20:R20"/>
    <mergeCell ref="S20:T20"/>
    <mergeCell ref="I21:R21"/>
    <mergeCell ref="S21:T21"/>
    <mergeCell ref="W21:Y21"/>
    <mergeCell ref="B25:F25"/>
    <mergeCell ref="I25:R25"/>
    <mergeCell ref="S25:T25"/>
    <mergeCell ref="W25:Y25"/>
    <mergeCell ref="I26:L26"/>
    <mergeCell ref="S36:T36"/>
    <mergeCell ref="W36:Y36"/>
    <mergeCell ref="B39:F40"/>
    <mergeCell ref="I39:R39"/>
    <mergeCell ref="B51:F52"/>
    <mergeCell ref="I51:Z51"/>
    <mergeCell ref="I52:Z52"/>
    <mergeCell ref="B43:F44"/>
    <mergeCell ref="I43:R43"/>
    <mergeCell ref="S43:T43"/>
    <mergeCell ref="I44:R44"/>
    <mergeCell ref="S44:T44"/>
    <mergeCell ref="W44:Y44"/>
    <mergeCell ref="S39:T39"/>
    <mergeCell ref="I40:R40"/>
    <mergeCell ref="S40:T40"/>
  </mergeCells>
  <phoneticPr fontId="2"/>
  <dataValidations count="1">
    <dataValidation type="list" allowBlank="1" showInputMessage="1" showErrorMessage="1" sqref="H5:H7 M5 R5 Q6:Q7 AA13 AC13 AA17 AC17 AA21 AC21 AA25 AC25 AA29 AC29 AA36 AC36 AA40 AC40 AA44 AC44 AA51:AA52 AC51:AC52">
      <formula1>"□,■"</formula1>
    </dataValidation>
  </dataValidations>
  <pageMargins left="0.7" right="0.7" top="0.75" bottom="0.75" header="0.3" footer="0.3"/>
  <pageSetup paperSize="9" scale="81" orientation="portrait" r:id="rId1"/>
  <rowBreaks count="1" manualBreakCount="1">
    <brk id="54" max="16383" man="1"/>
  </row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AB36"/>
  <sheetViews>
    <sheetView zoomScale="80" zoomScaleNormal="80" workbookViewId="0">
      <selection activeCell="AX13" sqref="AX13"/>
    </sheetView>
  </sheetViews>
  <sheetFormatPr defaultColWidth="4" defaultRowHeight="13.5" x14ac:dyDescent="0.15"/>
  <cols>
    <col min="1" max="1" width="1" style="8" customWidth="1"/>
    <col min="2" max="2" width="2.375" style="8" customWidth="1"/>
    <col min="3" max="3" width="4" style="8"/>
    <col min="4" max="21" width="3.625" style="8" customWidth="1"/>
    <col min="22" max="22" width="3.25" style="8" customWidth="1"/>
    <col min="23" max="23" width="3.625" style="8" customWidth="1"/>
    <col min="24" max="28" width="3.25" style="8" customWidth="1"/>
    <col min="29" max="29" width="0.875" style="8" customWidth="1"/>
    <col min="30" max="16384" width="4" style="8"/>
  </cols>
  <sheetData>
    <row r="2" spans="2:28" x14ac:dyDescent="0.15">
      <c r="B2" s="8" t="s">
        <v>260</v>
      </c>
    </row>
    <row r="3" spans="2:28" x14ac:dyDescent="0.15">
      <c r="Q3" s="182"/>
      <c r="R3" s="182"/>
      <c r="S3" s="184" t="s">
        <v>12</v>
      </c>
      <c r="T3" s="803"/>
      <c r="U3" s="803"/>
      <c r="V3" s="183" t="s">
        <v>11</v>
      </c>
      <c r="W3" s="803"/>
      <c r="X3" s="803"/>
      <c r="Y3" s="183" t="s">
        <v>21</v>
      </c>
      <c r="Z3" s="803"/>
      <c r="AA3" s="803"/>
      <c r="AB3" s="183" t="s">
        <v>20</v>
      </c>
    </row>
    <row r="4" spans="2:28" x14ac:dyDescent="0.15">
      <c r="S4" s="182"/>
      <c r="T4" s="182"/>
      <c r="U4" s="182"/>
    </row>
    <row r="5" spans="2:28" x14ac:dyDescent="0.15">
      <c r="B5" s="778" t="s">
        <v>259</v>
      </c>
      <c r="C5" s="778"/>
      <c r="D5" s="778"/>
      <c r="E5" s="778"/>
      <c r="F5" s="778"/>
      <c r="G5" s="778"/>
      <c r="H5" s="778"/>
      <c r="I5" s="778"/>
      <c r="J5" s="778"/>
      <c r="K5" s="778"/>
      <c r="L5" s="778"/>
      <c r="M5" s="778"/>
      <c r="N5" s="778"/>
      <c r="O5" s="778"/>
      <c r="P5" s="778"/>
      <c r="Q5" s="778"/>
      <c r="R5" s="778"/>
      <c r="S5" s="778"/>
      <c r="T5" s="778"/>
      <c r="U5" s="778"/>
      <c r="V5" s="778"/>
      <c r="W5" s="778"/>
      <c r="X5" s="778"/>
      <c r="Y5" s="778"/>
      <c r="Z5" s="778"/>
      <c r="AA5" s="778"/>
      <c r="AB5" s="778"/>
    </row>
    <row r="7" spans="2:28" ht="23.25" customHeight="1" x14ac:dyDescent="0.15">
      <c r="B7" s="780" t="s">
        <v>258</v>
      </c>
      <c r="C7" s="781"/>
      <c r="D7" s="781"/>
      <c r="E7" s="781"/>
      <c r="F7" s="782"/>
      <c r="G7" s="169"/>
      <c r="H7" s="177"/>
      <c r="I7" s="181"/>
      <c r="J7" s="181"/>
      <c r="K7" s="181"/>
      <c r="L7" s="181"/>
      <c r="M7" s="168"/>
      <c r="N7" s="168"/>
      <c r="O7" s="168"/>
      <c r="P7" s="168"/>
      <c r="Q7" s="168"/>
      <c r="R7" s="168"/>
      <c r="S7" s="168"/>
      <c r="T7" s="168"/>
      <c r="U7" s="168"/>
      <c r="V7" s="168"/>
      <c r="W7" s="168"/>
      <c r="X7" s="168"/>
      <c r="Y7" s="168"/>
      <c r="Z7" s="168"/>
      <c r="AA7" s="168"/>
      <c r="AB7" s="167"/>
    </row>
    <row r="8" spans="2:28" ht="23.25" customHeight="1" x14ac:dyDescent="0.15">
      <c r="B8" s="780" t="s">
        <v>257</v>
      </c>
      <c r="C8" s="781"/>
      <c r="D8" s="781"/>
      <c r="E8" s="781"/>
      <c r="F8" s="782"/>
      <c r="G8" s="180" t="s">
        <v>250</v>
      </c>
      <c r="H8" s="168" t="s">
        <v>242</v>
      </c>
      <c r="I8" s="168"/>
      <c r="J8" s="168"/>
      <c r="K8" s="168"/>
      <c r="L8" s="179" t="s">
        <v>0</v>
      </c>
      <c r="M8" s="168" t="s">
        <v>241</v>
      </c>
      <c r="N8" s="168"/>
      <c r="O8" s="168"/>
      <c r="P8" s="168"/>
      <c r="Q8" s="179" t="s">
        <v>0</v>
      </c>
      <c r="R8" s="168" t="s">
        <v>240</v>
      </c>
      <c r="S8" s="168"/>
      <c r="T8" s="177"/>
      <c r="U8" s="177"/>
      <c r="V8" s="177"/>
      <c r="W8" s="177"/>
      <c r="X8" s="177"/>
      <c r="Y8" s="177"/>
      <c r="Z8" s="177"/>
      <c r="AA8" s="177"/>
      <c r="AB8" s="176"/>
    </row>
    <row r="10" spans="2:28" x14ac:dyDescent="0.15">
      <c r="B10" s="158"/>
      <c r="C10" s="157"/>
      <c r="D10" s="157"/>
      <c r="E10" s="157"/>
      <c r="F10" s="157"/>
      <c r="G10" s="157"/>
      <c r="H10" s="157"/>
      <c r="I10" s="157"/>
      <c r="J10" s="157"/>
      <c r="K10" s="157"/>
      <c r="L10" s="157"/>
      <c r="M10" s="157"/>
      <c r="N10" s="157"/>
      <c r="O10" s="157"/>
      <c r="P10" s="157"/>
      <c r="Q10" s="157"/>
      <c r="R10" s="157"/>
      <c r="S10" s="157"/>
      <c r="T10" s="157"/>
      <c r="U10" s="157"/>
      <c r="V10" s="157"/>
      <c r="W10" s="157"/>
      <c r="X10" s="158"/>
      <c r="Y10" s="157"/>
      <c r="Z10" s="157"/>
      <c r="AA10" s="157"/>
      <c r="AB10" s="156"/>
    </row>
    <row r="11" spans="2:28" x14ac:dyDescent="0.15">
      <c r="B11" s="9"/>
      <c r="X11" s="9"/>
      <c r="AB11" s="149"/>
    </row>
    <row r="12" spans="2:28" ht="27" customHeight="1" x14ac:dyDescent="0.15">
      <c r="B12" s="9"/>
      <c r="X12" s="9"/>
      <c r="Y12" s="152"/>
      <c r="Z12" s="152"/>
      <c r="AA12" s="152"/>
      <c r="AB12" s="149"/>
    </row>
    <row r="13" spans="2:28" ht="27" customHeight="1" x14ac:dyDescent="0.15">
      <c r="B13" s="9"/>
      <c r="C13" s="8" t="s">
        <v>256</v>
      </c>
      <c r="X13" s="20"/>
      <c r="Y13" s="152" t="s">
        <v>227</v>
      </c>
      <c r="Z13" s="152" t="s">
        <v>217</v>
      </c>
      <c r="AA13" s="152" t="s">
        <v>226</v>
      </c>
      <c r="AB13" s="150"/>
    </row>
    <row r="14" spans="2:28" ht="27" customHeight="1" x14ac:dyDescent="0.15">
      <c r="B14" s="9"/>
      <c r="C14" s="8" t="s">
        <v>255</v>
      </c>
      <c r="X14" s="20"/>
      <c r="Y14" s="178" t="s">
        <v>0</v>
      </c>
      <c r="Z14" s="178" t="s">
        <v>217</v>
      </c>
      <c r="AA14" s="178" t="s">
        <v>0</v>
      </c>
      <c r="AB14" s="150"/>
    </row>
    <row r="15" spans="2:28" ht="7.5" customHeight="1" x14ac:dyDescent="0.15">
      <c r="B15" s="9"/>
      <c r="X15" s="20"/>
      <c r="Y15" s="16"/>
      <c r="Z15" s="16"/>
      <c r="AA15" s="16"/>
      <c r="AB15" s="150"/>
    </row>
    <row r="16" spans="2:28" ht="18" customHeight="1" x14ac:dyDescent="0.15">
      <c r="B16" s="9"/>
      <c r="D16" s="8" t="s">
        <v>254</v>
      </c>
      <c r="X16" s="20"/>
      <c r="Y16" s="16"/>
      <c r="Z16" s="16"/>
      <c r="AA16" s="16"/>
      <c r="AB16" s="150"/>
    </row>
    <row r="17" spans="2:28" ht="27" customHeight="1" x14ac:dyDescent="0.15">
      <c r="B17" s="9"/>
      <c r="D17" s="794"/>
      <c r="E17" s="795"/>
      <c r="F17" s="795"/>
      <c r="G17" s="795"/>
      <c r="H17" s="795"/>
      <c r="I17" s="795"/>
      <c r="J17" s="795"/>
      <c r="K17" s="795"/>
      <c r="L17" s="795"/>
      <c r="M17" s="795"/>
      <c r="N17" s="795"/>
      <c r="O17" s="795"/>
      <c r="P17" s="795"/>
      <c r="Q17" s="795"/>
      <c r="R17" s="795"/>
      <c r="S17" s="795"/>
      <c r="T17" s="795"/>
      <c r="U17" s="796"/>
      <c r="X17" s="151"/>
      <c r="Y17" s="18"/>
      <c r="Z17" s="18"/>
      <c r="AA17" s="18"/>
      <c r="AB17" s="174"/>
    </row>
    <row r="18" spans="2:28" ht="27" customHeight="1" x14ac:dyDescent="0.15">
      <c r="B18" s="9"/>
      <c r="D18" s="797"/>
      <c r="E18" s="798"/>
      <c r="F18" s="798"/>
      <c r="G18" s="798"/>
      <c r="H18" s="798"/>
      <c r="I18" s="798"/>
      <c r="J18" s="798"/>
      <c r="K18" s="798"/>
      <c r="L18" s="798"/>
      <c r="M18" s="798"/>
      <c r="N18" s="798"/>
      <c r="O18" s="798"/>
      <c r="P18" s="798"/>
      <c r="Q18" s="798"/>
      <c r="R18" s="798"/>
      <c r="S18" s="798"/>
      <c r="T18" s="798"/>
      <c r="U18" s="799"/>
      <c r="X18" s="151"/>
      <c r="Y18" s="18"/>
      <c r="Z18" s="18"/>
      <c r="AA18" s="18"/>
      <c r="AB18" s="174"/>
    </row>
    <row r="19" spans="2:28" ht="27" customHeight="1" x14ac:dyDescent="0.15">
      <c r="B19" s="9"/>
      <c r="D19" s="797"/>
      <c r="E19" s="798"/>
      <c r="F19" s="798"/>
      <c r="G19" s="798"/>
      <c r="H19" s="798"/>
      <c r="I19" s="798"/>
      <c r="J19" s="798"/>
      <c r="K19" s="798"/>
      <c r="L19" s="798"/>
      <c r="M19" s="798"/>
      <c r="N19" s="798"/>
      <c r="O19" s="798"/>
      <c r="P19" s="798"/>
      <c r="Q19" s="798"/>
      <c r="R19" s="798"/>
      <c r="S19" s="798"/>
      <c r="T19" s="798"/>
      <c r="U19" s="799"/>
      <c r="X19" s="151"/>
      <c r="Y19" s="18"/>
      <c r="Z19" s="18"/>
      <c r="AA19" s="18"/>
      <c r="AB19" s="174"/>
    </row>
    <row r="20" spans="2:28" ht="27" customHeight="1" x14ac:dyDescent="0.15">
      <c r="B20" s="9"/>
      <c r="D20" s="800"/>
      <c r="E20" s="801"/>
      <c r="F20" s="801"/>
      <c r="G20" s="801"/>
      <c r="H20" s="801"/>
      <c r="I20" s="801"/>
      <c r="J20" s="801"/>
      <c r="K20" s="801"/>
      <c r="L20" s="801"/>
      <c r="M20" s="801"/>
      <c r="N20" s="801"/>
      <c r="O20" s="801"/>
      <c r="P20" s="801"/>
      <c r="Q20" s="801"/>
      <c r="R20" s="801"/>
      <c r="S20" s="801"/>
      <c r="T20" s="801"/>
      <c r="U20" s="802"/>
      <c r="X20" s="151"/>
      <c r="Y20" s="18"/>
      <c r="Z20" s="18"/>
      <c r="AA20" s="18"/>
      <c r="AB20" s="174"/>
    </row>
    <row r="21" spans="2:28" ht="8.25" customHeight="1" x14ac:dyDescent="0.15">
      <c r="B21" s="9"/>
      <c r="X21" s="151"/>
      <c r="Y21" s="18"/>
      <c r="Z21" s="18"/>
      <c r="AA21" s="18"/>
      <c r="AB21" s="174"/>
    </row>
    <row r="22" spans="2:28" ht="7.5" customHeight="1" x14ac:dyDescent="0.15">
      <c r="B22" s="9"/>
      <c r="X22" s="151"/>
      <c r="Y22" s="18"/>
      <c r="Z22" s="18"/>
      <c r="AA22" s="18"/>
      <c r="AB22" s="174"/>
    </row>
    <row r="23" spans="2:28" ht="27" customHeight="1" x14ac:dyDescent="0.15">
      <c r="B23" s="9"/>
      <c r="C23" s="8" t="s">
        <v>253</v>
      </c>
      <c r="X23" s="20"/>
      <c r="Y23" s="152" t="s">
        <v>227</v>
      </c>
      <c r="Z23" s="152" t="s">
        <v>217</v>
      </c>
      <c r="AA23" s="152" t="s">
        <v>226</v>
      </c>
      <c r="AB23" s="150"/>
    </row>
    <row r="24" spans="2:28" ht="27" customHeight="1" x14ac:dyDescent="0.15">
      <c r="B24" s="9"/>
      <c r="X24" s="20"/>
      <c r="Y24" s="178" t="s">
        <v>0</v>
      </c>
      <c r="Z24" s="178" t="s">
        <v>217</v>
      </c>
      <c r="AA24" s="178" t="s">
        <v>0</v>
      </c>
      <c r="AB24" s="150"/>
    </row>
    <row r="25" spans="2:28" ht="27" customHeight="1" x14ac:dyDescent="0.15">
      <c r="B25" s="9"/>
      <c r="X25" s="151"/>
      <c r="Y25" s="18"/>
      <c r="Z25" s="18"/>
      <c r="AA25" s="18"/>
      <c r="AB25" s="174"/>
    </row>
    <row r="26" spans="2:28" ht="27" customHeight="1" x14ac:dyDescent="0.15">
      <c r="B26" s="9"/>
      <c r="C26" s="8" t="s">
        <v>252</v>
      </c>
      <c r="X26" s="20"/>
      <c r="Y26" s="152" t="s">
        <v>227</v>
      </c>
      <c r="Z26" s="152" t="s">
        <v>217</v>
      </c>
      <c r="AA26" s="152" t="s">
        <v>226</v>
      </c>
      <c r="AB26" s="150"/>
    </row>
    <row r="27" spans="2:28" ht="27" customHeight="1" x14ac:dyDescent="0.15">
      <c r="B27" s="9"/>
      <c r="C27" s="8" t="s">
        <v>251</v>
      </c>
      <c r="X27" s="20"/>
      <c r="Y27" s="178" t="s">
        <v>250</v>
      </c>
      <c r="Z27" s="178" t="s">
        <v>217</v>
      </c>
      <c r="AA27" s="178" t="s">
        <v>0</v>
      </c>
      <c r="AB27" s="150"/>
    </row>
    <row r="28" spans="2:28" x14ac:dyDescent="0.15">
      <c r="B28" s="9"/>
      <c r="X28" s="151"/>
      <c r="Y28" s="18"/>
      <c r="Z28" s="18"/>
      <c r="AA28" s="18"/>
      <c r="AB28" s="174"/>
    </row>
    <row r="29" spans="2:28" ht="35.25" customHeight="1" x14ac:dyDescent="0.15">
      <c r="B29" s="9"/>
      <c r="D29" s="790" t="s">
        <v>249</v>
      </c>
      <c r="E29" s="790"/>
      <c r="F29" s="790"/>
      <c r="G29" s="790"/>
      <c r="H29" s="790"/>
      <c r="I29" s="790"/>
      <c r="J29" s="790"/>
      <c r="K29" s="780"/>
      <c r="L29" s="781"/>
      <c r="M29" s="781"/>
      <c r="N29" s="781"/>
      <c r="O29" s="177" t="s">
        <v>11</v>
      </c>
      <c r="P29" s="781"/>
      <c r="Q29" s="781"/>
      <c r="R29" s="177" t="s">
        <v>21</v>
      </c>
      <c r="S29" s="781"/>
      <c r="T29" s="781"/>
      <c r="U29" s="176" t="s">
        <v>20</v>
      </c>
      <c r="X29" s="151"/>
      <c r="Y29" s="18"/>
      <c r="Z29" s="18"/>
      <c r="AA29" s="18"/>
      <c r="AB29" s="174"/>
    </row>
    <row r="30" spans="2:28" ht="7.5" customHeight="1" x14ac:dyDescent="0.15">
      <c r="B30" s="9"/>
      <c r="D30" s="18"/>
      <c r="E30" s="18"/>
      <c r="F30" s="18"/>
      <c r="G30" s="18"/>
      <c r="H30" s="18"/>
      <c r="I30" s="18"/>
      <c r="J30" s="18"/>
      <c r="K30" s="18"/>
      <c r="L30" s="18"/>
      <c r="M30" s="18"/>
      <c r="N30" s="18"/>
      <c r="O30" s="18"/>
      <c r="P30" s="18"/>
      <c r="Q30" s="18"/>
      <c r="R30" s="18"/>
      <c r="S30" s="18"/>
      <c r="T30" s="18"/>
      <c r="U30" s="18"/>
      <c r="X30" s="151"/>
      <c r="Y30" s="18"/>
      <c r="Z30" s="18"/>
      <c r="AA30" s="18"/>
      <c r="AB30" s="174"/>
    </row>
    <row r="31" spans="2:28" ht="13.5" customHeight="1" x14ac:dyDescent="0.15">
      <c r="B31" s="9"/>
      <c r="D31" s="175"/>
      <c r="W31" s="149"/>
      <c r="X31" s="151"/>
      <c r="Y31" s="18"/>
      <c r="Z31" s="18"/>
      <c r="AA31" s="18"/>
      <c r="AB31" s="174"/>
    </row>
    <row r="32" spans="2:28" ht="4.5" customHeight="1" x14ac:dyDescent="0.15">
      <c r="B32" s="173"/>
      <c r="C32" s="172"/>
      <c r="D32" s="172"/>
      <c r="E32" s="172"/>
      <c r="F32" s="172"/>
      <c r="G32" s="172"/>
      <c r="H32" s="172"/>
      <c r="I32" s="172"/>
      <c r="J32" s="172"/>
      <c r="K32" s="172"/>
      <c r="L32" s="172"/>
      <c r="M32" s="172"/>
      <c r="N32" s="172"/>
      <c r="O32" s="172"/>
      <c r="P32" s="172"/>
      <c r="Q32" s="172"/>
      <c r="R32" s="172"/>
      <c r="S32" s="172"/>
      <c r="T32" s="172"/>
      <c r="U32" s="172"/>
      <c r="V32" s="172"/>
      <c r="W32" s="171"/>
      <c r="X32" s="163"/>
      <c r="Y32" s="143"/>
      <c r="Z32" s="143"/>
      <c r="AA32" s="143"/>
      <c r="AB32" s="170"/>
    </row>
    <row r="34" spans="2:2" x14ac:dyDescent="0.15">
      <c r="B34" s="8" t="s">
        <v>248</v>
      </c>
    </row>
    <row r="35" spans="2:2" ht="4.5" customHeight="1" x14ac:dyDescent="0.15"/>
    <row r="36" spans="2:2" x14ac:dyDescent="0.15">
      <c r="B36" s="8" t="s">
        <v>247</v>
      </c>
    </row>
  </sheetData>
  <mergeCells count="11">
    <mergeCell ref="T3:U3"/>
    <mergeCell ref="W3:X3"/>
    <mergeCell ref="Z3:AA3"/>
    <mergeCell ref="B5:AB5"/>
    <mergeCell ref="B7:F7"/>
    <mergeCell ref="B8:F8"/>
    <mergeCell ref="D17:U20"/>
    <mergeCell ref="D29:J29"/>
    <mergeCell ref="K29:N29"/>
    <mergeCell ref="P29:Q29"/>
    <mergeCell ref="S29:T29"/>
  </mergeCells>
  <phoneticPr fontId="2"/>
  <dataValidations count="1">
    <dataValidation type="list" allowBlank="1" showInputMessage="1" showErrorMessage="1" sqref="G8 L8 Q8 Y14 AA14 Y24 AA24 Y27 AA27">
      <formula1>"□,■"</formula1>
    </dataValidation>
  </dataValidations>
  <pageMargins left="0.7" right="0.7" top="0.75" bottom="0.75" header="0.3" footer="0.3"/>
  <pageSetup paperSize="9" scale="92" orientation="portrait"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AJ123"/>
  <sheetViews>
    <sheetView view="pageBreakPreview" zoomScaleNormal="100" zoomScaleSheetLayoutView="100" workbookViewId="0">
      <selection activeCell="C87" sqref="C87"/>
    </sheetView>
  </sheetViews>
  <sheetFormatPr defaultColWidth="4" defaultRowHeight="13.5" x14ac:dyDescent="0.15"/>
  <cols>
    <col min="1" max="1" width="2.875" style="8" customWidth="1"/>
    <col min="2" max="2" width="2.375" style="8" customWidth="1"/>
    <col min="3" max="12" width="3.625" style="8" customWidth="1"/>
    <col min="13" max="13" width="4.875" style="8" customWidth="1"/>
    <col min="14" max="21" width="3.625" style="8" customWidth="1"/>
    <col min="22" max="22" width="2.875" style="8" customWidth="1"/>
    <col min="23" max="23" width="5" style="8" customWidth="1"/>
    <col min="24" max="27" width="3.25" style="8" customWidth="1"/>
    <col min="28" max="28" width="3.75" style="8" customWidth="1"/>
    <col min="29" max="29" width="0.875" style="8" customWidth="1"/>
    <col min="30" max="16384" width="4" style="8"/>
  </cols>
  <sheetData>
    <row r="2" spans="2:28" x14ac:dyDescent="0.15">
      <c r="B2" s="8" t="s">
        <v>320</v>
      </c>
    </row>
    <row r="3" spans="2:28" x14ac:dyDescent="0.15">
      <c r="Q3" s="182"/>
      <c r="R3" s="17"/>
      <c r="S3" s="17" t="s">
        <v>12</v>
      </c>
      <c r="T3" s="778"/>
      <c r="U3" s="778"/>
      <c r="V3" s="18" t="s">
        <v>11</v>
      </c>
      <c r="W3" s="778"/>
      <c r="X3" s="778"/>
      <c r="Y3" s="18" t="s">
        <v>21</v>
      </c>
      <c r="Z3" s="778"/>
      <c r="AA3" s="778"/>
      <c r="AB3" s="18" t="s">
        <v>20</v>
      </c>
    </row>
    <row r="4" spans="2:28" x14ac:dyDescent="0.15">
      <c r="S4" s="182"/>
      <c r="T4" s="182"/>
      <c r="U4" s="182"/>
    </row>
    <row r="5" spans="2:28" x14ac:dyDescent="0.15">
      <c r="B5" s="778" t="s">
        <v>319</v>
      </c>
      <c r="C5" s="778"/>
      <c r="D5" s="778"/>
      <c r="E5" s="778"/>
      <c r="F5" s="778"/>
      <c r="G5" s="778"/>
      <c r="H5" s="778"/>
      <c r="I5" s="778"/>
      <c r="J5" s="778"/>
      <c r="K5" s="778"/>
      <c r="L5" s="778"/>
      <c r="M5" s="778"/>
      <c r="N5" s="778"/>
      <c r="O5" s="778"/>
      <c r="P5" s="778"/>
      <c r="Q5" s="778"/>
      <c r="R5" s="778"/>
      <c r="S5" s="778"/>
      <c r="T5" s="778"/>
      <c r="U5" s="778"/>
      <c r="V5" s="778"/>
      <c r="W5" s="778"/>
      <c r="X5" s="778"/>
      <c r="Y5" s="778"/>
      <c r="Z5" s="778"/>
      <c r="AA5" s="778"/>
      <c r="AB5" s="778"/>
    </row>
    <row r="7" spans="2:28" ht="23.25" customHeight="1" x14ac:dyDescent="0.15">
      <c r="B7" s="780" t="s">
        <v>258</v>
      </c>
      <c r="C7" s="781"/>
      <c r="D7" s="781"/>
      <c r="E7" s="781"/>
      <c r="F7" s="782"/>
      <c r="G7" s="791"/>
      <c r="H7" s="792"/>
      <c r="I7" s="792"/>
      <c r="J7" s="792"/>
      <c r="K7" s="792"/>
      <c r="L7" s="792"/>
      <c r="M7" s="792"/>
      <c r="N7" s="792"/>
      <c r="O7" s="792"/>
      <c r="P7" s="792"/>
      <c r="Q7" s="792"/>
      <c r="R7" s="792"/>
      <c r="S7" s="792"/>
      <c r="T7" s="792"/>
      <c r="U7" s="792"/>
      <c r="V7" s="792"/>
      <c r="W7" s="792"/>
      <c r="X7" s="792"/>
      <c r="Y7" s="792"/>
      <c r="Z7" s="792"/>
      <c r="AA7" s="792"/>
      <c r="AB7" s="793"/>
    </row>
    <row r="8" spans="2:28" ht="23.25" customHeight="1" x14ac:dyDescent="0.15">
      <c r="B8" s="780" t="s">
        <v>257</v>
      </c>
      <c r="C8" s="781"/>
      <c r="D8" s="781"/>
      <c r="E8" s="781"/>
      <c r="F8" s="782"/>
      <c r="G8" s="180" t="s">
        <v>0</v>
      </c>
      <c r="H8" s="168" t="s">
        <v>242</v>
      </c>
      <c r="I8" s="168"/>
      <c r="J8" s="168"/>
      <c r="K8" s="168"/>
      <c r="L8" s="178" t="s">
        <v>0</v>
      </c>
      <c r="M8" s="168" t="s">
        <v>241</v>
      </c>
      <c r="N8" s="168"/>
      <c r="O8" s="168"/>
      <c r="P8" s="168"/>
      <c r="Q8" s="179" t="s">
        <v>0</v>
      </c>
      <c r="R8" s="168" t="s">
        <v>240</v>
      </c>
      <c r="S8" s="168"/>
      <c r="T8" s="168"/>
      <c r="U8" s="168"/>
      <c r="V8" s="177"/>
      <c r="W8" s="177"/>
      <c r="X8" s="177"/>
      <c r="Y8" s="177"/>
      <c r="Z8" s="177"/>
      <c r="AA8" s="177"/>
      <c r="AB8" s="176"/>
    </row>
    <row r="9" spans="2:28" ht="23.25" customHeight="1" x14ac:dyDescent="0.15">
      <c r="B9" s="783" t="s">
        <v>318</v>
      </c>
      <c r="C9" s="784"/>
      <c r="D9" s="784"/>
      <c r="E9" s="784"/>
      <c r="F9" s="785"/>
      <c r="G9" s="178" t="s">
        <v>0</v>
      </c>
      <c r="H9" s="157" t="s">
        <v>317</v>
      </c>
      <c r="I9" s="157"/>
      <c r="J9" s="157"/>
      <c r="K9" s="157"/>
      <c r="L9" s="157"/>
      <c r="M9" s="157"/>
      <c r="N9" s="157"/>
      <c r="O9" s="157"/>
      <c r="P9" s="157"/>
      <c r="Q9" s="178" t="s">
        <v>0</v>
      </c>
      <c r="R9" s="157" t="s">
        <v>316</v>
      </c>
      <c r="S9" s="165"/>
      <c r="T9" s="166"/>
      <c r="U9" s="166"/>
      <c r="V9" s="194"/>
      <c r="W9" s="194"/>
      <c r="X9" s="194"/>
      <c r="Y9" s="194"/>
      <c r="Z9" s="194"/>
      <c r="AA9" s="194"/>
      <c r="AB9" s="193"/>
    </row>
    <row r="10" spans="2:28" ht="23.25" customHeight="1" x14ac:dyDescent="0.15">
      <c r="B10" s="786"/>
      <c r="C10" s="787"/>
      <c r="D10" s="787"/>
      <c r="E10" s="787"/>
      <c r="F10" s="788"/>
      <c r="G10" s="192" t="s">
        <v>0</v>
      </c>
      <c r="H10" s="172" t="s">
        <v>315</v>
      </c>
      <c r="I10" s="172"/>
      <c r="J10" s="172"/>
      <c r="K10" s="172"/>
      <c r="L10" s="172"/>
      <c r="M10" s="172"/>
      <c r="N10" s="172"/>
      <c r="O10" s="172"/>
      <c r="P10" s="172"/>
      <c r="Q10" s="191" t="s">
        <v>0</v>
      </c>
      <c r="R10" s="172" t="s">
        <v>314</v>
      </c>
      <c r="S10" s="190"/>
      <c r="T10" s="162"/>
      <c r="U10" s="162"/>
      <c r="V10" s="143"/>
      <c r="W10" s="143"/>
      <c r="X10" s="143"/>
      <c r="Y10" s="143"/>
      <c r="Z10" s="143"/>
      <c r="AA10" s="143"/>
      <c r="AB10" s="170"/>
    </row>
    <row r="12" spans="2:28" x14ac:dyDescent="0.15">
      <c r="B12" s="158"/>
      <c r="C12" s="157"/>
      <c r="D12" s="157"/>
      <c r="E12" s="157"/>
      <c r="F12" s="157"/>
      <c r="G12" s="157"/>
      <c r="H12" s="157"/>
      <c r="I12" s="157"/>
      <c r="J12" s="157"/>
      <c r="K12" s="157"/>
      <c r="L12" s="157"/>
      <c r="M12" s="157"/>
      <c r="N12" s="157"/>
      <c r="O12" s="157"/>
      <c r="P12" s="157"/>
      <c r="Q12" s="157"/>
      <c r="R12" s="157"/>
      <c r="S12" s="157"/>
      <c r="T12" s="157"/>
      <c r="U12" s="157"/>
      <c r="V12" s="157"/>
      <c r="W12" s="157"/>
      <c r="X12" s="158"/>
      <c r="Y12" s="157"/>
      <c r="Z12" s="157"/>
      <c r="AA12" s="157"/>
      <c r="AB12" s="156"/>
    </row>
    <row r="13" spans="2:28" x14ac:dyDescent="0.15">
      <c r="B13" s="822" t="s">
        <v>313</v>
      </c>
      <c r="C13" s="809"/>
      <c r="D13" s="809"/>
      <c r="E13" s="809"/>
      <c r="F13" s="809"/>
      <c r="G13" s="809"/>
      <c r="H13" s="809"/>
      <c r="I13" s="809"/>
      <c r="J13" s="809"/>
      <c r="K13" s="809"/>
      <c r="L13" s="809"/>
      <c r="M13" s="809"/>
      <c r="N13" s="809"/>
      <c r="O13" s="809"/>
      <c r="P13" s="809"/>
      <c r="Q13" s="809"/>
      <c r="R13" s="809"/>
      <c r="S13" s="809"/>
      <c r="T13" s="809"/>
      <c r="U13" s="809"/>
      <c r="V13" s="809"/>
      <c r="X13" s="9"/>
      <c r="Y13" s="152" t="s">
        <v>227</v>
      </c>
      <c r="Z13" s="152" t="s">
        <v>217</v>
      </c>
      <c r="AA13" s="152" t="s">
        <v>226</v>
      </c>
      <c r="AB13" s="149"/>
    </row>
    <row r="14" spans="2:28" ht="25.5" customHeight="1" x14ac:dyDescent="0.15">
      <c r="B14" s="823"/>
      <c r="C14" s="809"/>
      <c r="D14" s="809"/>
      <c r="E14" s="809"/>
      <c r="F14" s="809"/>
      <c r="G14" s="809"/>
      <c r="H14" s="809"/>
      <c r="I14" s="809"/>
      <c r="J14" s="809"/>
      <c r="K14" s="809"/>
      <c r="L14" s="809"/>
      <c r="M14" s="809"/>
      <c r="N14" s="809"/>
      <c r="O14" s="809"/>
      <c r="P14" s="809"/>
      <c r="Q14" s="809"/>
      <c r="R14" s="809"/>
      <c r="S14" s="809"/>
      <c r="T14" s="809"/>
      <c r="U14" s="809"/>
      <c r="V14" s="809"/>
      <c r="W14" s="150"/>
      <c r="X14" s="9"/>
      <c r="Y14" s="152"/>
      <c r="Z14" s="152"/>
      <c r="AA14" s="152"/>
      <c r="AB14" s="149"/>
    </row>
    <row r="15" spans="2:28" ht="6" customHeight="1" x14ac:dyDescent="0.15">
      <c r="B15" s="9"/>
      <c r="X15" s="9"/>
      <c r="AB15" s="149"/>
    </row>
    <row r="16" spans="2:28" ht="27" customHeight="1" x14ac:dyDescent="0.15">
      <c r="B16" s="9"/>
      <c r="C16" s="789" t="s">
        <v>312</v>
      </c>
      <c r="D16" s="789"/>
      <c r="E16" s="789"/>
      <c r="F16" s="789"/>
      <c r="G16" s="789"/>
      <c r="H16" s="789"/>
      <c r="I16" s="789"/>
      <c r="J16" s="789"/>
      <c r="K16" s="789"/>
      <c r="L16" s="789"/>
      <c r="M16" s="789"/>
      <c r="N16" s="789"/>
      <c r="O16" s="789"/>
      <c r="P16" s="789"/>
      <c r="Q16" s="789"/>
      <c r="R16" s="789"/>
      <c r="S16" s="789"/>
      <c r="T16" s="789"/>
      <c r="U16" s="789"/>
      <c r="V16" s="789"/>
      <c r="W16" s="805"/>
      <c r="X16" s="20"/>
      <c r="Y16" s="178" t="s">
        <v>0</v>
      </c>
      <c r="Z16" s="178" t="s">
        <v>217</v>
      </c>
      <c r="AA16" s="178" t="s">
        <v>0</v>
      </c>
      <c r="AB16" s="150"/>
    </row>
    <row r="17" spans="2:28" ht="20.100000000000001" customHeight="1" x14ac:dyDescent="0.15">
      <c r="B17" s="9"/>
      <c r="C17" s="809" t="s">
        <v>311</v>
      </c>
      <c r="D17" s="809"/>
      <c r="E17" s="809"/>
      <c r="F17" s="809"/>
      <c r="G17" s="809"/>
      <c r="H17" s="809"/>
      <c r="I17" s="809"/>
      <c r="J17" s="809"/>
      <c r="K17" s="809"/>
      <c r="L17" s="809"/>
      <c r="M17" s="809"/>
      <c r="N17" s="809"/>
      <c r="O17" s="809"/>
      <c r="P17" s="809"/>
      <c r="Q17" s="809"/>
      <c r="R17" s="809"/>
      <c r="S17" s="809"/>
      <c r="T17" s="809"/>
      <c r="U17" s="809"/>
      <c r="V17" s="809"/>
      <c r="W17" s="821"/>
      <c r="X17" s="20"/>
      <c r="Y17" s="178" t="s">
        <v>0</v>
      </c>
      <c r="Z17" s="178" t="s">
        <v>217</v>
      </c>
      <c r="AA17" s="178" t="s">
        <v>0</v>
      </c>
      <c r="AB17" s="150"/>
    </row>
    <row r="18" spans="2:28" ht="31.5" customHeight="1" x14ac:dyDescent="0.15">
      <c r="B18" s="9"/>
      <c r="C18" s="789" t="s">
        <v>310</v>
      </c>
      <c r="D18" s="789"/>
      <c r="E18" s="789"/>
      <c r="F18" s="789"/>
      <c r="G18" s="789"/>
      <c r="H18" s="789"/>
      <c r="I18" s="789"/>
      <c r="J18" s="789"/>
      <c r="K18" s="789"/>
      <c r="L18" s="789"/>
      <c r="M18" s="789"/>
      <c r="N18" s="789"/>
      <c r="O18" s="789"/>
      <c r="P18" s="789"/>
      <c r="Q18" s="789"/>
      <c r="R18" s="789"/>
      <c r="S18" s="789"/>
      <c r="T18" s="789"/>
      <c r="U18" s="789"/>
      <c r="V18" s="789"/>
      <c r="W18" s="805"/>
      <c r="X18" s="20"/>
      <c r="Y18" s="178" t="s">
        <v>0</v>
      </c>
      <c r="Z18" s="178" t="s">
        <v>217</v>
      </c>
      <c r="AA18" s="178" t="s">
        <v>0</v>
      </c>
      <c r="AB18" s="150"/>
    </row>
    <row r="19" spans="2:28" ht="20.100000000000001" customHeight="1" x14ac:dyDescent="0.15">
      <c r="B19" s="9"/>
      <c r="C19" s="809" t="s">
        <v>309</v>
      </c>
      <c r="D19" s="809"/>
      <c r="E19" s="809"/>
      <c r="F19" s="809"/>
      <c r="G19" s="809"/>
      <c r="H19" s="809"/>
      <c r="I19" s="809"/>
      <c r="J19" s="809"/>
      <c r="K19" s="809"/>
      <c r="L19" s="809"/>
      <c r="M19" s="809"/>
      <c r="N19" s="809"/>
      <c r="O19" s="809"/>
      <c r="P19" s="809"/>
      <c r="Q19" s="809"/>
      <c r="R19" s="809"/>
      <c r="S19" s="809"/>
      <c r="T19" s="809"/>
      <c r="U19" s="809"/>
      <c r="V19" s="809"/>
      <c r="W19" s="821"/>
      <c r="X19" s="20"/>
      <c r="Y19" s="178" t="s">
        <v>0</v>
      </c>
      <c r="Z19" s="178" t="s">
        <v>217</v>
      </c>
      <c r="AA19" s="178" t="s">
        <v>0</v>
      </c>
      <c r="AB19" s="150"/>
    </row>
    <row r="20" spans="2:28" ht="20.100000000000001" customHeight="1" x14ac:dyDescent="0.15">
      <c r="B20" s="9"/>
      <c r="C20" s="809" t="s">
        <v>308</v>
      </c>
      <c r="D20" s="809"/>
      <c r="E20" s="809"/>
      <c r="F20" s="809"/>
      <c r="G20" s="809"/>
      <c r="H20" s="809"/>
      <c r="I20" s="809"/>
      <c r="J20" s="809"/>
      <c r="K20" s="809"/>
      <c r="L20" s="809"/>
      <c r="M20" s="809"/>
      <c r="N20" s="809"/>
      <c r="O20" s="809"/>
      <c r="P20" s="809"/>
      <c r="Q20" s="809"/>
      <c r="R20" s="809"/>
      <c r="S20" s="809"/>
      <c r="T20" s="809"/>
      <c r="U20" s="809"/>
      <c r="V20" s="809"/>
      <c r="W20" s="821"/>
      <c r="X20" s="20"/>
      <c r="Y20" s="178" t="s">
        <v>0</v>
      </c>
      <c r="Z20" s="178" t="s">
        <v>217</v>
      </c>
      <c r="AA20" s="178" t="s">
        <v>0</v>
      </c>
      <c r="AB20" s="150"/>
    </row>
    <row r="21" spans="2:28" ht="32.25" customHeight="1" x14ac:dyDescent="0.15">
      <c r="B21" s="9"/>
      <c r="C21" s="789" t="s">
        <v>307</v>
      </c>
      <c r="D21" s="789"/>
      <c r="E21" s="789"/>
      <c r="F21" s="789"/>
      <c r="G21" s="789"/>
      <c r="H21" s="789"/>
      <c r="I21" s="789"/>
      <c r="J21" s="789"/>
      <c r="K21" s="789"/>
      <c r="L21" s="789"/>
      <c r="M21" s="789"/>
      <c r="N21" s="789"/>
      <c r="O21" s="789"/>
      <c r="P21" s="789"/>
      <c r="Q21" s="789"/>
      <c r="R21" s="789"/>
      <c r="S21" s="789"/>
      <c r="T21" s="789"/>
      <c r="U21" s="789"/>
      <c r="V21" s="789"/>
      <c r="W21" s="805"/>
      <c r="X21" s="20"/>
      <c r="Y21" s="178" t="s">
        <v>0</v>
      </c>
      <c r="Z21" s="178" t="s">
        <v>217</v>
      </c>
      <c r="AA21" s="178" t="s">
        <v>0</v>
      </c>
      <c r="AB21" s="150"/>
    </row>
    <row r="22" spans="2:28" ht="32.25" customHeight="1" x14ac:dyDescent="0.15">
      <c r="B22" s="9"/>
      <c r="C22" s="789" t="s">
        <v>306</v>
      </c>
      <c r="D22" s="789"/>
      <c r="E22" s="789"/>
      <c r="F22" s="789"/>
      <c r="G22" s="789"/>
      <c r="H22" s="789"/>
      <c r="I22" s="789"/>
      <c r="J22" s="789"/>
      <c r="K22" s="789"/>
      <c r="L22" s="789"/>
      <c r="M22" s="789"/>
      <c r="N22" s="789"/>
      <c r="O22" s="789"/>
      <c r="P22" s="789"/>
      <c r="Q22" s="789"/>
      <c r="R22" s="789"/>
      <c r="S22" s="789"/>
      <c r="T22" s="789"/>
      <c r="U22" s="789"/>
      <c r="V22" s="789"/>
      <c r="W22" s="805"/>
      <c r="X22" s="20"/>
      <c r="Y22" s="178" t="s">
        <v>0</v>
      </c>
      <c r="Z22" s="178" t="s">
        <v>217</v>
      </c>
      <c r="AA22" s="178" t="s">
        <v>0</v>
      </c>
      <c r="AB22" s="150"/>
    </row>
    <row r="23" spans="2:28" ht="45.75" customHeight="1" x14ac:dyDescent="0.15">
      <c r="B23" s="9"/>
      <c r="C23" s="789" t="s">
        <v>305</v>
      </c>
      <c r="D23" s="789"/>
      <c r="E23" s="789"/>
      <c r="F23" s="789"/>
      <c r="G23" s="789"/>
      <c r="H23" s="789"/>
      <c r="I23" s="789"/>
      <c r="J23" s="789"/>
      <c r="K23" s="789"/>
      <c r="L23" s="789"/>
      <c r="M23" s="789"/>
      <c r="N23" s="789"/>
      <c r="O23" s="789"/>
      <c r="P23" s="789"/>
      <c r="Q23" s="789"/>
      <c r="R23" s="789"/>
      <c r="S23" s="789"/>
      <c r="T23" s="789"/>
      <c r="U23" s="789"/>
      <c r="V23" s="789"/>
      <c r="W23" s="805"/>
      <c r="X23" s="20"/>
      <c r="Y23" s="178" t="s">
        <v>0</v>
      </c>
      <c r="Z23" s="178" t="s">
        <v>217</v>
      </c>
      <c r="AA23" s="178" t="s">
        <v>0</v>
      </c>
      <c r="AB23" s="150"/>
    </row>
    <row r="24" spans="2:28" ht="29.25" customHeight="1" x14ac:dyDescent="0.15">
      <c r="B24" s="9"/>
      <c r="C24" s="789" t="s">
        <v>304</v>
      </c>
      <c r="D24" s="789"/>
      <c r="E24" s="789"/>
      <c r="F24" s="789"/>
      <c r="G24" s="789"/>
      <c r="H24" s="789"/>
      <c r="I24" s="789"/>
      <c r="J24" s="789"/>
      <c r="K24" s="789"/>
      <c r="L24" s="789"/>
      <c r="M24" s="789"/>
      <c r="N24" s="789"/>
      <c r="O24" s="789"/>
      <c r="P24" s="789"/>
      <c r="Q24" s="789"/>
      <c r="R24" s="789"/>
      <c r="S24" s="789"/>
      <c r="T24" s="789"/>
      <c r="U24" s="789"/>
      <c r="V24" s="789"/>
      <c r="W24" s="805"/>
      <c r="X24" s="20"/>
      <c r="Y24" s="178" t="s">
        <v>0</v>
      </c>
      <c r="Z24" s="178" t="s">
        <v>217</v>
      </c>
      <c r="AA24" s="178" t="s">
        <v>0</v>
      </c>
      <c r="AB24" s="150"/>
    </row>
    <row r="25" spans="2:28" ht="20.100000000000001" customHeight="1" x14ac:dyDescent="0.15">
      <c r="B25" s="9"/>
      <c r="C25" s="8" t="s">
        <v>303</v>
      </c>
      <c r="D25" s="809" t="s">
        <v>302</v>
      </c>
      <c r="E25" s="809"/>
      <c r="F25" s="809"/>
      <c r="G25" s="809"/>
      <c r="H25" s="809"/>
      <c r="I25" s="809"/>
      <c r="J25" s="809"/>
      <c r="K25" s="809"/>
      <c r="L25" s="809"/>
      <c r="M25" s="809"/>
      <c r="N25" s="809"/>
      <c r="O25" s="809"/>
      <c r="P25" s="809"/>
      <c r="Q25" s="809"/>
      <c r="R25" s="809"/>
      <c r="S25" s="809"/>
      <c r="T25" s="809"/>
      <c r="U25" s="809"/>
      <c r="V25" s="809"/>
      <c r="W25" s="821"/>
      <c r="X25" s="20"/>
      <c r="Y25" s="178"/>
      <c r="Z25" s="178"/>
      <c r="AA25" s="178"/>
      <c r="AB25" s="150"/>
    </row>
    <row r="26" spans="2:28" x14ac:dyDescent="0.15">
      <c r="B26" s="9"/>
      <c r="X26" s="151"/>
      <c r="Y26" s="18"/>
      <c r="Z26" s="18"/>
      <c r="AA26" s="18"/>
      <c r="AB26" s="174"/>
    </row>
    <row r="27" spans="2:28" x14ac:dyDescent="0.15">
      <c r="B27" s="822" t="s">
        <v>301</v>
      </c>
      <c r="C27" s="809"/>
      <c r="D27" s="809"/>
      <c r="E27" s="809"/>
      <c r="F27" s="809"/>
      <c r="G27" s="809"/>
      <c r="H27" s="809"/>
      <c r="I27" s="809"/>
      <c r="J27" s="809"/>
      <c r="K27" s="809"/>
      <c r="L27" s="809"/>
      <c r="M27" s="809"/>
      <c r="N27" s="809"/>
      <c r="O27" s="809"/>
      <c r="P27" s="809"/>
      <c r="Q27" s="809"/>
      <c r="R27" s="809"/>
      <c r="S27" s="809"/>
      <c r="T27" s="809"/>
      <c r="U27" s="809"/>
      <c r="V27" s="809"/>
      <c r="X27" s="151"/>
      <c r="Y27" s="18"/>
      <c r="Z27" s="18"/>
      <c r="AA27" s="18"/>
      <c r="AB27" s="174"/>
    </row>
    <row r="28" spans="2:28" ht="25.5" customHeight="1" x14ac:dyDescent="0.15">
      <c r="B28" s="823"/>
      <c r="C28" s="809"/>
      <c r="D28" s="809"/>
      <c r="E28" s="809"/>
      <c r="F28" s="809"/>
      <c r="G28" s="809"/>
      <c r="H28" s="809"/>
      <c r="I28" s="809"/>
      <c r="J28" s="809"/>
      <c r="K28" s="809"/>
      <c r="L28" s="809"/>
      <c r="M28" s="809"/>
      <c r="N28" s="809"/>
      <c r="O28" s="809"/>
      <c r="P28" s="809"/>
      <c r="Q28" s="809"/>
      <c r="R28" s="809"/>
      <c r="S28" s="809"/>
      <c r="T28" s="809"/>
      <c r="U28" s="809"/>
      <c r="V28" s="809"/>
      <c r="X28" s="151"/>
      <c r="Y28" s="152" t="s">
        <v>227</v>
      </c>
      <c r="Z28" s="152" t="s">
        <v>217</v>
      </c>
      <c r="AA28" s="152" t="s">
        <v>226</v>
      </c>
      <c r="AB28" s="174"/>
    </row>
    <row r="29" spans="2:28" ht="6" customHeight="1" x14ac:dyDescent="0.15">
      <c r="B29" s="9"/>
      <c r="X29" s="151"/>
      <c r="Y29" s="18"/>
      <c r="Z29" s="18"/>
      <c r="AA29" s="18"/>
      <c r="AB29" s="174"/>
    </row>
    <row r="30" spans="2:28" x14ac:dyDescent="0.15">
      <c r="B30" s="9"/>
      <c r="C30" s="8" t="s">
        <v>300</v>
      </c>
      <c r="X30" s="151"/>
      <c r="Y30" s="18"/>
      <c r="Z30" s="18"/>
      <c r="AA30" s="18"/>
      <c r="AB30" s="174"/>
    </row>
    <row r="31" spans="2:28" ht="31.5" customHeight="1" x14ac:dyDescent="0.15">
      <c r="B31" s="9"/>
      <c r="C31" s="789" t="s">
        <v>299</v>
      </c>
      <c r="D31" s="789"/>
      <c r="E31" s="789"/>
      <c r="F31" s="789"/>
      <c r="G31" s="789"/>
      <c r="H31" s="789"/>
      <c r="I31" s="789"/>
      <c r="J31" s="789"/>
      <c r="K31" s="789"/>
      <c r="L31" s="789"/>
      <c r="M31" s="789"/>
      <c r="N31" s="789"/>
      <c r="O31" s="789"/>
      <c r="P31" s="789"/>
      <c r="Q31" s="789"/>
      <c r="R31" s="789"/>
      <c r="S31" s="789"/>
      <c r="T31" s="789"/>
      <c r="U31" s="789"/>
      <c r="V31" s="789"/>
      <c r="W31" s="805"/>
      <c r="X31" s="151"/>
      <c r="Y31" s="18"/>
      <c r="Z31" s="18"/>
      <c r="AA31" s="18"/>
      <c r="AB31" s="174"/>
    </row>
    <row r="32" spans="2:28" ht="6.75" customHeight="1" x14ac:dyDescent="0.15">
      <c r="B32" s="9"/>
      <c r="X32" s="151"/>
      <c r="Y32" s="18"/>
      <c r="Z32" s="18"/>
      <c r="AA32" s="18"/>
      <c r="AB32" s="174"/>
    </row>
    <row r="33" spans="2:36" x14ac:dyDescent="0.15">
      <c r="B33" s="9"/>
      <c r="C33" s="14" t="s">
        <v>272</v>
      </c>
      <c r="D33" s="178" t="s">
        <v>0</v>
      </c>
      <c r="E33" s="809" t="s">
        <v>271</v>
      </c>
      <c r="F33" s="809"/>
      <c r="G33" s="178" t="s">
        <v>0</v>
      </c>
      <c r="H33" s="789" t="s">
        <v>270</v>
      </c>
      <c r="I33" s="789"/>
      <c r="J33" s="16" t="s">
        <v>298</v>
      </c>
      <c r="K33" s="16"/>
      <c r="L33" s="14"/>
      <c r="M33" s="14"/>
      <c r="N33" s="14"/>
      <c r="X33" s="151"/>
      <c r="Y33" s="18"/>
      <c r="Z33" s="18"/>
      <c r="AA33" s="18"/>
      <c r="AB33" s="174"/>
    </row>
    <row r="34" spans="2:36" x14ac:dyDescent="0.15">
      <c r="B34" s="9"/>
      <c r="C34" s="8" t="s">
        <v>297</v>
      </c>
      <c r="X34" s="151"/>
      <c r="Y34" s="18"/>
      <c r="Z34" s="18"/>
      <c r="AA34" s="18"/>
      <c r="AB34" s="174"/>
    </row>
    <row r="35" spans="2:36" ht="4.5" customHeight="1" x14ac:dyDescent="0.15">
      <c r="B35" s="9"/>
      <c r="X35" s="151"/>
      <c r="Y35" s="18"/>
      <c r="Z35" s="18"/>
      <c r="AA35" s="18"/>
      <c r="AB35" s="174"/>
    </row>
    <row r="36" spans="2:36" ht="33.75" customHeight="1" x14ac:dyDescent="0.15">
      <c r="B36" s="9"/>
      <c r="C36" s="186"/>
      <c r="D36" s="780"/>
      <c r="E36" s="781"/>
      <c r="F36" s="781"/>
      <c r="G36" s="781"/>
      <c r="H36" s="781"/>
      <c r="I36" s="781"/>
      <c r="J36" s="781"/>
      <c r="K36" s="781"/>
      <c r="L36" s="781"/>
      <c r="M36" s="782"/>
      <c r="N36" s="824" t="s">
        <v>280</v>
      </c>
      <c r="O36" s="825"/>
      <c r="P36" s="826"/>
      <c r="X36" s="151"/>
      <c r="AB36" s="174"/>
    </row>
    <row r="37" spans="2:36" ht="27.75" customHeight="1" x14ac:dyDescent="0.15">
      <c r="B37" s="9"/>
      <c r="C37" s="188" t="s">
        <v>279</v>
      </c>
      <c r="D37" s="820" t="s">
        <v>296</v>
      </c>
      <c r="E37" s="820"/>
      <c r="F37" s="820"/>
      <c r="G37" s="820"/>
      <c r="H37" s="820"/>
      <c r="I37" s="820"/>
      <c r="J37" s="820"/>
      <c r="K37" s="820"/>
      <c r="L37" s="820"/>
      <c r="M37" s="820"/>
      <c r="N37" s="780"/>
      <c r="O37" s="781"/>
      <c r="P37" s="176" t="s">
        <v>175</v>
      </c>
      <c r="X37" s="20"/>
      <c r="Y37" s="178"/>
      <c r="Z37" s="178"/>
      <c r="AA37" s="178"/>
      <c r="AB37" s="150"/>
      <c r="AJ37" s="16"/>
    </row>
    <row r="38" spans="2:36" ht="40.5" customHeight="1" x14ac:dyDescent="0.15">
      <c r="B38" s="9"/>
      <c r="C38" s="188" t="s">
        <v>277</v>
      </c>
      <c r="D38" s="819" t="s">
        <v>295</v>
      </c>
      <c r="E38" s="820"/>
      <c r="F38" s="820"/>
      <c r="G38" s="820"/>
      <c r="H38" s="820"/>
      <c r="I38" s="820"/>
      <c r="J38" s="820"/>
      <c r="K38" s="820"/>
      <c r="L38" s="820"/>
      <c r="M38" s="820"/>
      <c r="N38" s="780"/>
      <c r="O38" s="781"/>
      <c r="P38" s="176" t="s">
        <v>175</v>
      </c>
      <c r="Q38" s="8" t="s">
        <v>275</v>
      </c>
      <c r="R38" s="789" t="s">
        <v>294</v>
      </c>
      <c r="S38" s="789"/>
      <c r="T38" s="789"/>
      <c r="U38" s="789"/>
      <c r="V38" s="789"/>
      <c r="X38" s="20"/>
      <c r="Y38" s="178" t="s">
        <v>0</v>
      </c>
      <c r="Z38" s="178" t="s">
        <v>217</v>
      </c>
      <c r="AA38" s="178" t="s">
        <v>0</v>
      </c>
      <c r="AB38" s="150"/>
      <c r="AC38" s="9"/>
      <c r="AJ38" s="16"/>
    </row>
    <row r="39" spans="2:36" ht="62.25" customHeight="1" x14ac:dyDescent="0.15">
      <c r="B39" s="189"/>
      <c r="C39" s="188" t="s">
        <v>293</v>
      </c>
      <c r="D39" s="815" t="s">
        <v>292</v>
      </c>
      <c r="E39" s="816"/>
      <c r="F39" s="816"/>
      <c r="G39" s="816"/>
      <c r="H39" s="816"/>
      <c r="I39" s="816"/>
      <c r="J39" s="816"/>
      <c r="K39" s="816"/>
      <c r="L39" s="816"/>
      <c r="M39" s="817"/>
      <c r="N39" s="786"/>
      <c r="O39" s="787"/>
      <c r="P39" s="143" t="s">
        <v>175</v>
      </c>
      <c r="Q39" s="9" t="s">
        <v>275</v>
      </c>
      <c r="R39" s="789" t="s">
        <v>291</v>
      </c>
      <c r="S39" s="789"/>
      <c r="T39" s="789"/>
      <c r="U39" s="789"/>
      <c r="V39" s="789"/>
      <c r="X39" s="20"/>
      <c r="Y39" s="178" t="s">
        <v>0</v>
      </c>
      <c r="Z39" s="178" t="s">
        <v>217</v>
      </c>
      <c r="AA39" s="178" t="s">
        <v>0</v>
      </c>
      <c r="AB39" s="150"/>
      <c r="AC39" s="9"/>
      <c r="AJ39" s="14"/>
    </row>
    <row r="40" spans="2:36" x14ac:dyDescent="0.15">
      <c r="B40" s="9"/>
      <c r="X40" s="151"/>
      <c r="Y40" s="18"/>
      <c r="Z40" s="18"/>
      <c r="AA40" s="18"/>
      <c r="AB40" s="174"/>
    </row>
    <row r="41" spans="2:36" x14ac:dyDescent="0.15">
      <c r="B41" s="9"/>
      <c r="C41" s="8" t="s">
        <v>290</v>
      </c>
      <c r="L41" s="16"/>
      <c r="M41" s="16"/>
      <c r="N41" s="16"/>
      <c r="Q41" s="16"/>
      <c r="R41" s="16"/>
      <c r="S41" s="16"/>
      <c r="T41" s="16"/>
      <c r="U41" s="16"/>
      <c r="V41" s="16"/>
      <c r="W41" s="16"/>
      <c r="X41" s="810"/>
      <c r="Y41" s="778"/>
      <c r="Z41" s="778"/>
      <c r="AA41" s="778"/>
      <c r="AB41" s="811"/>
    </row>
    <row r="42" spans="2:36" ht="8.25" customHeight="1" x14ac:dyDescent="0.15">
      <c r="B42" s="9"/>
      <c r="L42" s="16"/>
      <c r="M42" s="16"/>
      <c r="N42" s="16"/>
      <c r="Q42" s="16"/>
      <c r="R42" s="16"/>
      <c r="S42" s="16"/>
      <c r="T42" s="16"/>
      <c r="U42" s="16"/>
      <c r="V42" s="16"/>
      <c r="W42" s="16"/>
      <c r="X42" s="151"/>
      <c r="Y42" s="18"/>
      <c r="Z42" s="18"/>
      <c r="AA42" s="18"/>
      <c r="AB42" s="174"/>
    </row>
    <row r="43" spans="2:36" ht="18.75" customHeight="1" x14ac:dyDescent="0.15">
      <c r="B43" s="9"/>
      <c r="C43" s="780"/>
      <c r="D43" s="781"/>
      <c r="E43" s="781"/>
      <c r="F43" s="781"/>
      <c r="G43" s="781"/>
      <c r="H43" s="781"/>
      <c r="I43" s="781"/>
      <c r="J43" s="782"/>
      <c r="K43" s="780" t="s">
        <v>289</v>
      </c>
      <c r="L43" s="781"/>
      <c r="M43" s="781"/>
      <c r="N43" s="781"/>
      <c r="O43" s="781"/>
      <c r="P43" s="782"/>
      <c r="Q43" s="780" t="s">
        <v>288</v>
      </c>
      <c r="R43" s="781"/>
      <c r="S43" s="781"/>
      <c r="T43" s="781"/>
      <c r="U43" s="781"/>
      <c r="V43" s="782"/>
      <c r="W43" s="16"/>
      <c r="X43" s="151"/>
      <c r="Y43" s="18"/>
      <c r="Z43" s="18"/>
      <c r="AA43" s="18"/>
      <c r="AB43" s="174"/>
    </row>
    <row r="44" spans="2:36" ht="18.75" customHeight="1" x14ac:dyDescent="0.15">
      <c r="B44" s="9"/>
      <c r="C44" s="804" t="s">
        <v>287</v>
      </c>
      <c r="D44" s="804"/>
      <c r="E44" s="804"/>
      <c r="F44" s="804"/>
      <c r="G44" s="804"/>
      <c r="H44" s="804"/>
      <c r="I44" s="804" t="s">
        <v>286</v>
      </c>
      <c r="J44" s="804"/>
      <c r="K44" s="780"/>
      <c r="L44" s="781"/>
      <c r="M44" s="781"/>
      <c r="N44" s="781"/>
      <c r="O44" s="781"/>
      <c r="P44" s="167" t="s">
        <v>175</v>
      </c>
      <c r="Q44" s="812"/>
      <c r="R44" s="813"/>
      <c r="S44" s="813"/>
      <c r="T44" s="813"/>
      <c r="U44" s="813"/>
      <c r="V44" s="814"/>
      <c r="W44" s="16"/>
      <c r="X44" s="151"/>
      <c r="Y44" s="18"/>
      <c r="Z44" s="18"/>
      <c r="AA44" s="18"/>
      <c r="AB44" s="174"/>
    </row>
    <row r="45" spans="2:36" ht="18.75" customHeight="1" x14ac:dyDescent="0.15">
      <c r="B45" s="9"/>
      <c r="C45" s="804"/>
      <c r="D45" s="804"/>
      <c r="E45" s="804"/>
      <c r="F45" s="804"/>
      <c r="G45" s="804"/>
      <c r="H45" s="804"/>
      <c r="I45" s="804" t="s">
        <v>285</v>
      </c>
      <c r="J45" s="804"/>
      <c r="K45" s="780"/>
      <c r="L45" s="781"/>
      <c r="M45" s="781"/>
      <c r="N45" s="781"/>
      <c r="O45" s="781"/>
      <c r="P45" s="167" t="s">
        <v>175</v>
      </c>
      <c r="Q45" s="780"/>
      <c r="R45" s="781"/>
      <c r="S45" s="781"/>
      <c r="T45" s="781"/>
      <c r="U45" s="781"/>
      <c r="V45" s="167" t="s">
        <v>175</v>
      </c>
      <c r="W45" s="16"/>
      <c r="X45" s="151"/>
      <c r="Y45" s="18"/>
      <c r="Z45" s="18"/>
      <c r="AA45" s="18"/>
      <c r="AB45" s="174"/>
    </row>
    <row r="46" spans="2:36" x14ac:dyDescent="0.15">
      <c r="B46" s="9"/>
      <c r="L46" s="8" t="s">
        <v>284</v>
      </c>
      <c r="X46" s="151"/>
      <c r="Y46" s="18"/>
      <c r="Z46" s="18"/>
      <c r="AA46" s="18"/>
      <c r="AB46" s="174"/>
    </row>
    <row r="47" spans="2:36" ht="72" customHeight="1" x14ac:dyDescent="0.15">
      <c r="B47" s="9"/>
      <c r="C47" s="789" t="s">
        <v>283</v>
      </c>
      <c r="D47" s="789"/>
      <c r="E47" s="789"/>
      <c r="F47" s="789"/>
      <c r="G47" s="789"/>
      <c r="H47" s="789"/>
      <c r="I47" s="789"/>
      <c r="J47" s="789"/>
      <c r="K47" s="789"/>
      <c r="L47" s="789"/>
      <c r="M47" s="789"/>
      <c r="N47" s="789"/>
      <c r="O47" s="789"/>
      <c r="P47" s="789"/>
      <c r="Q47" s="789"/>
      <c r="R47" s="789"/>
      <c r="S47" s="789"/>
      <c r="T47" s="789"/>
      <c r="U47" s="789"/>
      <c r="V47" s="789"/>
      <c r="X47" s="20"/>
      <c r="Y47" s="178" t="s">
        <v>0</v>
      </c>
      <c r="Z47" s="178" t="s">
        <v>217</v>
      </c>
      <c r="AA47" s="178" t="s">
        <v>0</v>
      </c>
      <c r="AB47" s="150"/>
    </row>
    <row r="48" spans="2:36" ht="9.75" customHeight="1" x14ac:dyDescent="0.15">
      <c r="B48" s="9"/>
      <c r="C48" s="154"/>
      <c r="D48" s="154"/>
      <c r="E48" s="154"/>
      <c r="F48" s="154"/>
      <c r="G48" s="154"/>
      <c r="H48" s="154"/>
      <c r="I48" s="154"/>
      <c r="J48" s="154"/>
      <c r="K48" s="154"/>
      <c r="L48" s="154"/>
      <c r="M48" s="154"/>
      <c r="N48" s="154"/>
      <c r="O48" s="154"/>
      <c r="P48" s="154"/>
      <c r="Q48" s="154"/>
      <c r="R48" s="154"/>
      <c r="S48" s="154"/>
      <c r="T48" s="154"/>
      <c r="U48" s="154"/>
      <c r="V48" s="154"/>
      <c r="X48" s="20"/>
      <c r="Y48" s="178"/>
      <c r="Z48" s="178"/>
      <c r="AA48" s="178"/>
      <c r="AB48" s="150"/>
    </row>
    <row r="49" spans="2:28" ht="63.75" customHeight="1" x14ac:dyDescent="0.15">
      <c r="B49" s="9"/>
      <c r="C49" s="789" t="s">
        <v>282</v>
      </c>
      <c r="D49" s="789"/>
      <c r="E49" s="789"/>
      <c r="F49" s="789"/>
      <c r="G49" s="789"/>
      <c r="H49" s="789"/>
      <c r="I49" s="789"/>
      <c r="J49" s="789"/>
      <c r="K49" s="789"/>
      <c r="L49" s="789"/>
      <c r="M49" s="789"/>
      <c r="N49" s="789"/>
      <c r="O49" s="789"/>
      <c r="P49" s="789"/>
      <c r="Q49" s="789"/>
      <c r="R49" s="789"/>
      <c r="S49" s="789"/>
      <c r="T49" s="789"/>
      <c r="U49" s="789"/>
      <c r="V49" s="789"/>
      <c r="X49" s="20"/>
      <c r="Y49" s="178" t="s">
        <v>0</v>
      </c>
      <c r="Z49" s="178" t="s">
        <v>217</v>
      </c>
      <c r="AA49" s="178" t="s">
        <v>0</v>
      </c>
      <c r="AB49" s="150"/>
    </row>
    <row r="50" spans="2:28" ht="15" customHeight="1" x14ac:dyDescent="0.15">
      <c r="B50" s="9"/>
      <c r="C50" s="154"/>
      <c r="D50" s="154"/>
      <c r="E50" s="154"/>
      <c r="F50" s="154"/>
      <c r="G50" s="154"/>
      <c r="H50" s="154"/>
      <c r="I50" s="154"/>
      <c r="J50" s="154"/>
      <c r="K50" s="154"/>
      <c r="L50" s="154"/>
      <c r="M50" s="154"/>
      <c r="N50" s="154"/>
      <c r="O50" s="154"/>
      <c r="P50" s="154"/>
      <c r="Q50" s="154"/>
      <c r="R50" s="154"/>
      <c r="S50" s="154"/>
      <c r="T50" s="154"/>
      <c r="U50" s="154"/>
      <c r="V50" s="154"/>
      <c r="X50" s="20"/>
      <c r="Y50" s="178"/>
      <c r="Z50" s="178"/>
      <c r="AA50" s="178"/>
      <c r="AB50" s="150"/>
    </row>
    <row r="51" spans="2:28" x14ac:dyDescent="0.15">
      <c r="B51" s="9"/>
      <c r="C51" s="187" t="s">
        <v>281</v>
      </c>
      <c r="X51" s="151"/>
      <c r="Y51" s="18"/>
      <c r="Z51" s="18"/>
      <c r="AA51" s="18"/>
      <c r="AB51" s="174"/>
    </row>
    <row r="52" spans="2:28" x14ac:dyDescent="0.15">
      <c r="B52" s="9"/>
      <c r="C52" s="186"/>
      <c r="D52" s="790"/>
      <c r="E52" s="790"/>
      <c r="F52" s="790"/>
      <c r="G52" s="790"/>
      <c r="H52" s="790"/>
      <c r="I52" s="790"/>
      <c r="J52" s="790"/>
      <c r="K52" s="790"/>
      <c r="L52" s="790"/>
      <c r="M52" s="790"/>
      <c r="N52" s="818" t="s">
        <v>280</v>
      </c>
      <c r="O52" s="790"/>
      <c r="P52" s="790"/>
      <c r="X52" s="151"/>
      <c r="Y52" s="18"/>
      <c r="Z52" s="18"/>
      <c r="AA52" s="18"/>
      <c r="AB52" s="174"/>
    </row>
    <row r="53" spans="2:28" x14ac:dyDescent="0.15">
      <c r="B53" s="9"/>
      <c r="C53" s="186" t="s">
        <v>279</v>
      </c>
      <c r="D53" s="804" t="s">
        <v>278</v>
      </c>
      <c r="E53" s="804"/>
      <c r="F53" s="804"/>
      <c r="G53" s="804"/>
      <c r="H53" s="804"/>
      <c r="I53" s="804"/>
      <c r="J53" s="804"/>
      <c r="K53" s="804"/>
      <c r="L53" s="804"/>
      <c r="M53" s="804"/>
      <c r="N53" s="780"/>
      <c r="O53" s="781"/>
      <c r="P53" s="167" t="s">
        <v>175</v>
      </c>
      <c r="X53" s="151"/>
      <c r="Y53" s="18"/>
      <c r="Z53" s="18"/>
      <c r="AA53" s="18"/>
      <c r="AB53" s="174"/>
    </row>
    <row r="54" spans="2:28" ht="13.5" customHeight="1" x14ac:dyDescent="0.15">
      <c r="B54" s="9"/>
      <c r="C54" s="186" t="s">
        <v>277</v>
      </c>
      <c r="D54" s="806" t="s">
        <v>276</v>
      </c>
      <c r="E54" s="806"/>
      <c r="F54" s="806"/>
      <c r="G54" s="806"/>
      <c r="H54" s="806"/>
      <c r="I54" s="806"/>
      <c r="J54" s="806"/>
      <c r="K54" s="806"/>
      <c r="L54" s="806"/>
      <c r="M54" s="806"/>
      <c r="N54" s="780"/>
      <c r="O54" s="781"/>
      <c r="P54" s="167" t="s">
        <v>175</v>
      </c>
      <c r="Q54" s="8" t="s">
        <v>275</v>
      </c>
      <c r="R54" s="807" t="s">
        <v>274</v>
      </c>
      <c r="S54" s="807"/>
      <c r="T54" s="807"/>
      <c r="U54" s="807"/>
      <c r="V54" s="807"/>
      <c r="X54" s="151"/>
      <c r="Y54" s="18"/>
      <c r="Z54" s="18"/>
      <c r="AA54" s="18"/>
      <c r="AB54" s="174"/>
    </row>
    <row r="55" spans="2:28" x14ac:dyDescent="0.15">
      <c r="B55" s="9"/>
      <c r="R55" s="807"/>
      <c r="S55" s="807"/>
      <c r="T55" s="807"/>
      <c r="U55" s="807"/>
      <c r="V55" s="807"/>
      <c r="X55" s="151"/>
      <c r="Y55" s="178" t="s">
        <v>0</v>
      </c>
      <c r="Z55" s="178" t="s">
        <v>217</v>
      </c>
      <c r="AA55" s="178" t="s">
        <v>0</v>
      </c>
      <c r="AB55" s="174"/>
    </row>
    <row r="56" spans="2:28" x14ac:dyDescent="0.15">
      <c r="B56" s="9"/>
      <c r="X56" s="151"/>
      <c r="Y56" s="18"/>
      <c r="Z56" s="18"/>
      <c r="AA56" s="18"/>
      <c r="AB56" s="174"/>
    </row>
    <row r="57" spans="2:28" ht="13.15" customHeight="1" x14ac:dyDescent="0.15">
      <c r="B57" s="808" t="s">
        <v>273</v>
      </c>
      <c r="C57" s="798"/>
      <c r="D57" s="798"/>
      <c r="E57" s="798"/>
      <c r="F57" s="798"/>
      <c r="G57" s="798"/>
      <c r="H57" s="798"/>
      <c r="I57" s="798"/>
      <c r="J57" s="798"/>
      <c r="K57" s="798"/>
      <c r="L57" s="798"/>
      <c r="M57" s="798"/>
      <c r="N57" s="798"/>
      <c r="O57" s="798"/>
      <c r="P57" s="798"/>
      <c r="Q57" s="798"/>
      <c r="R57" s="798"/>
      <c r="S57" s="798"/>
      <c r="T57" s="798"/>
      <c r="U57" s="798"/>
      <c r="V57" s="798"/>
      <c r="X57" s="151"/>
      <c r="Y57" s="152" t="s">
        <v>227</v>
      </c>
      <c r="Z57" s="152" t="s">
        <v>217</v>
      </c>
      <c r="AA57" s="152" t="s">
        <v>226</v>
      </c>
      <c r="AB57" s="174"/>
    </row>
    <row r="58" spans="2:28" ht="12.75" customHeight="1" x14ac:dyDescent="0.15">
      <c r="B58" s="797"/>
      <c r="C58" s="798"/>
      <c r="D58" s="798"/>
      <c r="E58" s="798"/>
      <c r="F58" s="798"/>
      <c r="G58" s="798"/>
      <c r="H58" s="798"/>
      <c r="I58" s="798"/>
      <c r="J58" s="798"/>
      <c r="K58" s="798"/>
      <c r="L58" s="798"/>
      <c r="M58" s="798"/>
      <c r="N58" s="798"/>
      <c r="O58" s="798"/>
      <c r="P58" s="798"/>
      <c r="Q58" s="798"/>
      <c r="R58" s="798"/>
      <c r="S58" s="798"/>
      <c r="T58" s="798"/>
      <c r="U58" s="798"/>
      <c r="V58" s="798"/>
      <c r="X58" s="151"/>
      <c r="Y58" s="152"/>
      <c r="Z58" s="152"/>
      <c r="AA58" s="152"/>
      <c r="AB58" s="174"/>
    </row>
    <row r="59" spans="2:28" ht="6" customHeight="1" x14ac:dyDescent="0.15">
      <c r="B59" s="9"/>
      <c r="X59" s="151"/>
      <c r="Y59" s="152"/>
      <c r="Z59" s="152"/>
      <c r="AA59" s="152"/>
      <c r="AB59" s="174"/>
    </row>
    <row r="60" spans="2:28" x14ac:dyDescent="0.15">
      <c r="B60" s="9"/>
      <c r="C60" s="14" t="s">
        <v>272</v>
      </c>
      <c r="D60" s="178" t="s">
        <v>0</v>
      </c>
      <c r="E60" s="809" t="s">
        <v>271</v>
      </c>
      <c r="F60" s="809"/>
      <c r="G60" s="178" t="s">
        <v>0</v>
      </c>
      <c r="H60" s="789" t="s">
        <v>270</v>
      </c>
      <c r="I60" s="789"/>
      <c r="J60" s="16" t="s">
        <v>269</v>
      </c>
      <c r="K60" s="16"/>
      <c r="X60" s="151"/>
      <c r="Y60" s="18"/>
      <c r="Z60" s="18"/>
      <c r="AA60" s="18"/>
      <c r="AB60" s="174"/>
    </row>
    <row r="61" spans="2:28" ht="39.75" customHeight="1" x14ac:dyDescent="0.15">
      <c r="B61" s="9"/>
      <c r="C61" s="789" t="s">
        <v>268</v>
      </c>
      <c r="D61" s="789"/>
      <c r="E61" s="789"/>
      <c r="F61" s="789"/>
      <c r="G61" s="789"/>
      <c r="H61" s="789"/>
      <c r="I61" s="789"/>
      <c r="J61" s="789"/>
      <c r="K61" s="789"/>
      <c r="L61" s="789"/>
      <c r="M61" s="789"/>
      <c r="N61" s="789"/>
      <c r="O61" s="789"/>
      <c r="P61" s="789"/>
      <c r="Q61" s="789"/>
      <c r="R61" s="789"/>
      <c r="S61" s="789"/>
      <c r="T61" s="789"/>
      <c r="U61" s="789"/>
      <c r="V61" s="789"/>
      <c r="W61" s="805"/>
      <c r="X61" s="20"/>
      <c r="Y61" s="178" t="s">
        <v>0</v>
      </c>
      <c r="Z61" s="178" t="s">
        <v>217</v>
      </c>
      <c r="AA61" s="178" t="s">
        <v>0</v>
      </c>
      <c r="AB61" s="150"/>
    </row>
    <row r="62" spans="2:28" x14ac:dyDescent="0.15">
      <c r="B62" s="9"/>
      <c r="C62" s="8" t="s">
        <v>230</v>
      </c>
      <c r="X62" s="20"/>
      <c r="Y62" s="16"/>
      <c r="Z62" s="16"/>
      <c r="AA62" s="16"/>
      <c r="AB62" s="150"/>
    </row>
    <row r="63" spans="2:28" x14ac:dyDescent="0.15">
      <c r="B63" s="9"/>
      <c r="C63" s="789" t="s">
        <v>267</v>
      </c>
      <c r="D63" s="789"/>
      <c r="E63" s="789"/>
      <c r="F63" s="789"/>
      <c r="G63" s="789"/>
      <c r="H63" s="789"/>
      <c r="I63" s="789"/>
      <c r="J63" s="789"/>
      <c r="K63" s="789"/>
      <c r="L63" s="789"/>
      <c r="M63" s="789"/>
      <c r="N63" s="789"/>
      <c r="O63" s="789"/>
      <c r="P63" s="789"/>
      <c r="Q63" s="789"/>
      <c r="R63" s="789"/>
      <c r="S63" s="789"/>
      <c r="T63" s="789"/>
      <c r="U63" s="789"/>
      <c r="V63" s="789"/>
      <c r="W63" s="805"/>
      <c r="X63" s="20"/>
      <c r="Y63" s="178" t="s">
        <v>0</v>
      </c>
      <c r="Z63" s="178" t="s">
        <v>217</v>
      </c>
      <c r="AA63" s="178" t="s">
        <v>0</v>
      </c>
      <c r="AB63" s="150"/>
    </row>
    <row r="64" spans="2:28" x14ac:dyDescent="0.15">
      <c r="B64" s="173"/>
      <c r="C64" s="172"/>
      <c r="D64" s="172"/>
      <c r="E64" s="172"/>
      <c r="F64" s="172"/>
      <c r="G64" s="172"/>
      <c r="H64" s="172"/>
      <c r="I64" s="172"/>
      <c r="J64" s="172"/>
      <c r="K64" s="172"/>
      <c r="L64" s="172"/>
      <c r="M64" s="172"/>
      <c r="N64" s="172"/>
      <c r="O64" s="172"/>
      <c r="P64" s="172"/>
      <c r="Q64" s="172"/>
      <c r="R64" s="172"/>
      <c r="S64" s="172"/>
      <c r="T64" s="172"/>
      <c r="U64" s="172"/>
      <c r="V64" s="172"/>
      <c r="W64" s="172"/>
      <c r="X64" s="173"/>
      <c r="Y64" s="172"/>
      <c r="Z64" s="172"/>
      <c r="AA64" s="172"/>
      <c r="AB64" s="171"/>
    </row>
    <row r="66" spans="2:2" x14ac:dyDescent="0.15">
      <c r="B66" s="8" t="s">
        <v>266</v>
      </c>
    </row>
    <row r="67" spans="2:2" x14ac:dyDescent="0.15">
      <c r="B67" s="8" t="s">
        <v>265</v>
      </c>
    </row>
    <row r="68" spans="2:2" x14ac:dyDescent="0.15">
      <c r="B68" s="8" t="s">
        <v>264</v>
      </c>
    </row>
    <row r="69" spans="2:2" x14ac:dyDescent="0.15">
      <c r="B69" s="8" t="s">
        <v>263</v>
      </c>
    </row>
    <row r="70" spans="2:2" x14ac:dyDescent="0.15">
      <c r="B70" s="8" t="s">
        <v>262</v>
      </c>
    </row>
    <row r="71" spans="2:2" x14ac:dyDescent="0.15">
      <c r="B71" s="8" t="s">
        <v>261</v>
      </c>
    </row>
    <row r="90" spans="12:12" x14ac:dyDescent="0.15">
      <c r="L90" s="185"/>
    </row>
    <row r="122" spans="3:7" x14ac:dyDescent="0.15">
      <c r="C122" s="172"/>
      <c r="D122" s="172"/>
      <c r="E122" s="172"/>
      <c r="F122" s="172"/>
      <c r="G122" s="172"/>
    </row>
    <row r="123" spans="3:7" x14ac:dyDescent="0.15">
      <c r="C123" s="157"/>
    </row>
  </sheetData>
  <mergeCells count="58">
    <mergeCell ref="T3:U3"/>
    <mergeCell ref="W3:X3"/>
    <mergeCell ref="Z3:AA3"/>
    <mergeCell ref="B5:AB5"/>
    <mergeCell ref="B7:F7"/>
    <mergeCell ref="G7:AB7"/>
    <mergeCell ref="C24:W24"/>
    <mergeCell ref="B8:F8"/>
    <mergeCell ref="B9:F10"/>
    <mergeCell ref="B13:V14"/>
    <mergeCell ref="C16:W16"/>
    <mergeCell ref="C17:W17"/>
    <mergeCell ref="C18:W18"/>
    <mergeCell ref="C19:W19"/>
    <mergeCell ref="C21:W21"/>
    <mergeCell ref="C22:W22"/>
    <mergeCell ref="C23:W23"/>
    <mergeCell ref="C20:W20"/>
    <mergeCell ref="D38:M38"/>
    <mergeCell ref="N38:O38"/>
    <mergeCell ref="D25:W25"/>
    <mergeCell ref="B27:V28"/>
    <mergeCell ref="C31:W31"/>
    <mergeCell ref="E33:F33"/>
    <mergeCell ref="H33:I33"/>
    <mergeCell ref="R38:V38"/>
    <mergeCell ref="D36:M36"/>
    <mergeCell ref="N36:P36"/>
    <mergeCell ref="D37:M37"/>
    <mergeCell ref="N37:O37"/>
    <mergeCell ref="C47:V47"/>
    <mergeCell ref="C49:V49"/>
    <mergeCell ref="D52:M52"/>
    <mergeCell ref="D39:M39"/>
    <mergeCell ref="N39:O39"/>
    <mergeCell ref="R39:V39"/>
    <mergeCell ref="N52:P52"/>
    <mergeCell ref="X41:AB41"/>
    <mergeCell ref="C43:J43"/>
    <mergeCell ref="K43:P43"/>
    <mergeCell ref="Q43:V43"/>
    <mergeCell ref="C44:H45"/>
    <mergeCell ref="I44:J44"/>
    <mergeCell ref="K44:O44"/>
    <mergeCell ref="Q44:V44"/>
    <mergeCell ref="I45:J45"/>
    <mergeCell ref="K45:O45"/>
    <mergeCell ref="Q45:U45"/>
    <mergeCell ref="D53:M53"/>
    <mergeCell ref="N53:O53"/>
    <mergeCell ref="C61:W61"/>
    <mergeCell ref="C63:W63"/>
    <mergeCell ref="D54:M54"/>
    <mergeCell ref="N54:O54"/>
    <mergeCell ref="R54:V55"/>
    <mergeCell ref="B57:V58"/>
    <mergeCell ref="E60:F60"/>
    <mergeCell ref="H60:I60"/>
  </mergeCells>
  <phoneticPr fontId="2"/>
  <dataValidations count="1">
    <dataValidation type="list" allowBlank="1" showInputMessage="1" showErrorMessage="1" sqref="G8:G10 L8 Q8:Q10 AA55 Y37:Y39 AA37:AA39 Y61 AA61 Y63 AA63 D33 G33 D60 G60 Y55 AA47:AA50 Y47:Y50 Y16:Y25 AA16:AA25">
      <formula1>"□,■"</formula1>
    </dataValidation>
  </dataValidations>
  <pageMargins left="0.7" right="0.7" top="0.75" bottom="0.75" header="0.3" footer="0.3"/>
  <pageSetup paperSize="9" scale="55" orientation="portrait" r:id="rId1"/>
  <rowBreaks count="1" manualBreakCount="1">
    <brk id="73" max="16383"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70</vt:i4>
      </vt:variant>
      <vt:variant>
        <vt:lpstr>名前付き一覧</vt:lpstr>
      </vt:variant>
      <vt:variant>
        <vt:i4>68</vt:i4>
      </vt:variant>
    </vt:vector>
  </HeadingPairs>
  <TitlesOfParts>
    <vt:vector size="138" baseType="lpstr">
      <vt:lpstr>別紙４</vt:lpstr>
      <vt:lpstr>別紙５</vt:lpstr>
      <vt:lpstr>別紙5－2</vt:lpstr>
      <vt:lpstr>別紙６</vt:lpstr>
      <vt:lpstr>別紙７</vt:lpstr>
      <vt:lpstr>別紙７－２</vt:lpstr>
      <vt:lpstr>別紙７－３</vt:lpstr>
      <vt:lpstr>別紙８</vt:lpstr>
      <vt:lpstr>別紙９</vt:lpstr>
      <vt:lpstr>別紙9－2</vt:lpstr>
      <vt:lpstr>別紙9－3</vt:lpstr>
      <vt:lpstr>別紙10</vt:lpstr>
      <vt:lpstr>別紙11</vt:lpstr>
      <vt:lpstr>別紙12</vt:lpstr>
      <vt:lpstr>別紙12－2</vt:lpstr>
      <vt:lpstr>別紙13</vt:lpstr>
      <vt:lpstr>別紙14</vt:lpstr>
      <vt:lpstr>別紙14－2</vt:lpstr>
      <vt:lpstr>別紙14－3</vt:lpstr>
      <vt:lpstr>別紙14－4</vt:lpstr>
      <vt:lpstr>別紙14－5</vt:lpstr>
      <vt:lpstr>別紙14－6</vt:lpstr>
      <vt:lpstr>別紙14－7</vt:lpstr>
      <vt:lpstr>別紙15</vt:lpstr>
      <vt:lpstr>別紙16</vt:lpstr>
      <vt:lpstr>別紙17</vt:lpstr>
      <vt:lpstr>別紙18</vt:lpstr>
      <vt:lpstr>別紙19</vt:lpstr>
      <vt:lpstr>別紙20</vt:lpstr>
      <vt:lpstr>別紙21</vt:lpstr>
      <vt:lpstr>別紙22</vt:lpstr>
      <vt:lpstr>別紙22－2</vt:lpstr>
      <vt:lpstr>別紙23</vt:lpstr>
      <vt:lpstr>別紙23－2</vt:lpstr>
      <vt:lpstr>別紙24</vt:lpstr>
      <vt:lpstr>別紙25</vt:lpstr>
      <vt:lpstr>別紙25－2</vt:lpstr>
      <vt:lpstr>別紙26</vt:lpstr>
      <vt:lpstr>別紙27</vt:lpstr>
      <vt:lpstr>別紙28</vt:lpstr>
      <vt:lpstr>別紙29</vt:lpstr>
      <vt:lpstr>別紙29－2</vt:lpstr>
      <vt:lpstr>別紙29－3</vt:lpstr>
      <vt:lpstr>別紙29－4</vt:lpstr>
      <vt:lpstr>別紙30</vt:lpstr>
      <vt:lpstr>別紙30－2</vt:lpstr>
      <vt:lpstr>別紙31</vt:lpstr>
      <vt:lpstr>別紙32</vt:lpstr>
      <vt:lpstr>別紙32－2</vt:lpstr>
      <vt:lpstr>別紙33</vt:lpstr>
      <vt:lpstr>別紙34</vt:lpstr>
      <vt:lpstr>別紙34－2</vt:lpstr>
      <vt:lpstr>別紙35</vt:lpstr>
      <vt:lpstr>別紙36</vt:lpstr>
      <vt:lpstr>別紙36-2</vt:lpstr>
      <vt:lpstr>別紙37</vt:lpstr>
      <vt:lpstr>別紙37－2</vt:lpstr>
      <vt:lpstr>別紙38</vt:lpstr>
      <vt:lpstr>別紙39</vt:lpstr>
      <vt:lpstr>別紙40</vt:lpstr>
      <vt:lpstr>別紙41</vt:lpstr>
      <vt:lpstr>別紙42</vt:lpstr>
      <vt:lpstr>別紙43</vt:lpstr>
      <vt:lpstr>別紙44</vt:lpstr>
      <vt:lpstr>別紙45</vt:lpstr>
      <vt:lpstr>別紙46</vt:lpstr>
      <vt:lpstr>別紙47</vt:lpstr>
      <vt:lpstr>別紙48</vt:lpstr>
      <vt:lpstr>別紙48－2</vt:lpstr>
      <vt:lpstr>別紙49</vt:lpstr>
      <vt:lpstr>別紙10!Print_Area</vt:lpstr>
      <vt:lpstr>別紙11!Print_Area</vt:lpstr>
      <vt:lpstr>別紙12!Print_Area</vt:lpstr>
      <vt:lpstr>'別紙12－2'!Print_Area</vt:lpstr>
      <vt:lpstr>別紙13!Print_Area</vt:lpstr>
      <vt:lpstr>別紙14!Print_Area</vt:lpstr>
      <vt:lpstr>'別紙14－2'!Print_Area</vt:lpstr>
      <vt:lpstr>'別紙14－3'!Print_Area</vt:lpstr>
      <vt:lpstr>'別紙14－4'!Print_Area</vt:lpstr>
      <vt:lpstr>'別紙14－5'!Print_Area</vt:lpstr>
      <vt:lpstr>'別紙14－6'!Print_Area</vt:lpstr>
      <vt:lpstr>'別紙14－7'!Print_Area</vt:lpstr>
      <vt:lpstr>別紙15!Print_Area</vt:lpstr>
      <vt:lpstr>別紙16!Print_Area</vt:lpstr>
      <vt:lpstr>別紙17!Print_Area</vt:lpstr>
      <vt:lpstr>別紙18!Print_Area</vt:lpstr>
      <vt:lpstr>別紙19!Print_Area</vt:lpstr>
      <vt:lpstr>別紙20!Print_Area</vt:lpstr>
      <vt:lpstr>別紙21!Print_Area</vt:lpstr>
      <vt:lpstr>別紙22!Print_Area</vt:lpstr>
      <vt:lpstr>'別紙22－2'!Print_Area</vt:lpstr>
      <vt:lpstr>別紙23!Print_Area</vt:lpstr>
      <vt:lpstr>'別紙23－2'!Print_Area</vt:lpstr>
      <vt:lpstr>別紙24!Print_Area</vt:lpstr>
      <vt:lpstr>別紙25!Print_Area</vt:lpstr>
      <vt:lpstr>'別紙25－2'!Print_Area</vt:lpstr>
      <vt:lpstr>別紙26!Print_Area</vt:lpstr>
      <vt:lpstr>別紙27!Print_Area</vt:lpstr>
      <vt:lpstr>別紙28!Print_Area</vt:lpstr>
      <vt:lpstr>'別紙29－2'!Print_Area</vt:lpstr>
      <vt:lpstr>'別紙29－3'!Print_Area</vt:lpstr>
      <vt:lpstr>'別紙29－4'!Print_Area</vt:lpstr>
      <vt:lpstr>別紙30!Print_Area</vt:lpstr>
      <vt:lpstr>'別紙30－2'!Print_Area</vt:lpstr>
      <vt:lpstr>別紙31!Print_Area</vt:lpstr>
      <vt:lpstr>別紙32!Print_Area</vt:lpstr>
      <vt:lpstr>'別紙32－2'!Print_Area</vt:lpstr>
      <vt:lpstr>別紙33!Print_Area</vt:lpstr>
      <vt:lpstr>別紙34!Print_Area</vt:lpstr>
      <vt:lpstr>'別紙34－2'!Print_Area</vt:lpstr>
      <vt:lpstr>別紙35!Print_Area</vt:lpstr>
      <vt:lpstr>別紙36!Print_Area</vt:lpstr>
      <vt:lpstr>'別紙36-2'!Print_Area</vt:lpstr>
      <vt:lpstr>別紙37!Print_Area</vt:lpstr>
      <vt:lpstr>'別紙37－2'!Print_Area</vt:lpstr>
      <vt:lpstr>別紙38!Print_Area</vt:lpstr>
      <vt:lpstr>別紙39!Print_Area</vt:lpstr>
      <vt:lpstr>別紙４!Print_Area</vt:lpstr>
      <vt:lpstr>別紙41!Print_Area</vt:lpstr>
      <vt:lpstr>別紙42!Print_Area</vt:lpstr>
      <vt:lpstr>別紙43!Print_Area</vt:lpstr>
      <vt:lpstr>別紙44!Print_Area</vt:lpstr>
      <vt:lpstr>別紙45!Print_Area</vt:lpstr>
      <vt:lpstr>別紙46!Print_Area</vt:lpstr>
      <vt:lpstr>別紙47!Print_Area</vt:lpstr>
      <vt:lpstr>別紙48!Print_Area</vt:lpstr>
      <vt:lpstr>'別紙48－2'!Print_Area</vt:lpstr>
      <vt:lpstr>別紙49!Print_Area</vt:lpstr>
      <vt:lpstr>別紙５!Print_Area</vt:lpstr>
      <vt:lpstr>'別紙5－2'!Print_Area</vt:lpstr>
      <vt:lpstr>別紙６!Print_Area</vt:lpstr>
      <vt:lpstr>別紙７!Print_Area</vt:lpstr>
      <vt:lpstr>'別紙７－２'!Print_Area</vt:lpstr>
      <vt:lpstr>'別紙７－３'!Print_Area</vt:lpstr>
      <vt:lpstr>別紙８!Print_Area</vt:lpstr>
      <vt:lpstr>別紙９!Print_Area</vt:lpstr>
      <vt:lpstr>'別紙9－2'!Print_Area</vt:lpstr>
      <vt:lpstr>'別紙9－3'!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ministrator</dc:creator>
  <cp:lastModifiedBy>Administrator</cp:lastModifiedBy>
  <dcterms:created xsi:type="dcterms:W3CDTF">2024-04-11T10:19:36Z</dcterms:created>
  <dcterms:modified xsi:type="dcterms:W3CDTF">2024-04-15T06:14:45Z</dcterms:modified>
</cp:coreProperties>
</file>